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324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0.60.2\s20\ARQUIVO\S20\9. 2025\RT_12_2025 - BO PM Autor\"/>
    </mc:Choice>
  </mc:AlternateContent>
  <xr:revisionPtr revIDLastSave="0" documentId="8_{40DBD9E5-E54F-415C-B068-2C05DC87B785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Sheet1" sheetId="1" r:id="rId1"/>
  </sheets>
  <calcPr calcId="124519"/>
</workbook>
</file>

<file path=xl/sharedStrings.xml><?xml version="1.0" encoding="utf-8"?>
<sst xmlns="http://schemas.openxmlformats.org/spreadsheetml/2006/main" count="34184" uniqueCount="3926">
  <si>
    <t>FAT - Data do Fato</t>
  </si>
  <si>
    <t>REG - Nº Completo</t>
  </si>
  <si>
    <t>FAT - Fato Comunicado</t>
  </si>
  <si>
    <t>Profissão Envolvidos</t>
  </si>
  <si>
    <t>ENV - Sexo</t>
  </si>
  <si>
    <t>Fatos - Nº</t>
  </si>
  <si>
    <t>FAT - Município</t>
  </si>
  <si>
    <t>ENV - Participação</t>
  </si>
  <si>
    <t>0000059/2025-BO-000466.2025.0000001</t>
  </si>
  <si>
    <t>Ameaça</t>
  </si>
  <si>
    <t>Policial Militar - Praça</t>
  </si>
  <si>
    <t>Masculino</t>
  </si>
  <si>
    <t>PORTO BELO</t>
  </si>
  <si>
    <t>Autor</t>
  </si>
  <si>
    <t>Vias de fato</t>
  </si>
  <si>
    <t>1201704/2024-BOCOP-002381.2024.0000235</t>
  </si>
  <si>
    <t>Disparo de arma de fogo</t>
  </si>
  <si>
    <t>ALFREDO WAGNER</t>
  </si>
  <si>
    <t>1198005/2024-BOPM-002064.2024.0003675</t>
  </si>
  <si>
    <t>Acidente de trânsito (Apenas danos materiais)</t>
  </si>
  <si>
    <t>FLORIANÓPOLIS</t>
  </si>
  <si>
    <t>1199481/2024-BOCOP-003005.2024.0001231</t>
  </si>
  <si>
    <t>BOMBINHAS</t>
  </si>
  <si>
    <t>1195225/2024-BO-000050.2024.0005405</t>
  </si>
  <si>
    <t>JARAGUÁ DO SUL</t>
  </si>
  <si>
    <t>1195824/2024-BO-000601.2024.0049221</t>
  </si>
  <si>
    <t>Policial Militar - Oficial</t>
  </si>
  <si>
    <t>BARRA VELHA</t>
  </si>
  <si>
    <t>Calúnia</t>
  </si>
  <si>
    <t>Difamação</t>
  </si>
  <si>
    <t>1194440/2024-BO-000473.2024.0005141</t>
  </si>
  <si>
    <t>CRICIÚMA</t>
  </si>
  <si>
    <t>Violência psicológica contra a mulher</t>
  </si>
  <si>
    <t>1195068/2024-BO-000003.2024.0005084</t>
  </si>
  <si>
    <t>Alienação parental</t>
  </si>
  <si>
    <t>Injúria</t>
  </si>
  <si>
    <t>0004550/2025-BO-000472.2025.0000037</t>
  </si>
  <si>
    <t>LAGES</t>
  </si>
  <si>
    <t>1192189/2024-BO-000614.2024.0070286</t>
  </si>
  <si>
    <t>1187440/2024-BO-000549.2024.0011233</t>
  </si>
  <si>
    <t>CAMBORIÚ</t>
  </si>
  <si>
    <t>Descumprimento de medida protetiva de urgência (criança e adolescente)</t>
  </si>
  <si>
    <t>Medida cautelar/protetiva</t>
  </si>
  <si>
    <t>1187868/2024-BOPM-002166.2024.0000591</t>
  </si>
  <si>
    <t>ARARANGUÁ</t>
  </si>
  <si>
    <t>1184045/2024-BO-000669.2024.0001517</t>
  </si>
  <si>
    <t>PALHOÇA</t>
  </si>
  <si>
    <t>Lesão corporal leve - Dolosa</t>
  </si>
  <si>
    <t>1184684/2024-BOCOP-002114.2024.0000440</t>
  </si>
  <si>
    <t>GOVERNADOR CELSO RAMOS</t>
  </si>
  <si>
    <t>Invasão de propriedade (Esbulho possessório)</t>
  </si>
  <si>
    <t>1181196/2024-BOCOP-002020.2024.0006953</t>
  </si>
  <si>
    <t>Dano</t>
  </si>
  <si>
    <t>BLUMENAU</t>
  </si>
  <si>
    <t>1182278/2024-BOTC-002073.2024.0003418</t>
  </si>
  <si>
    <t>1183338/2024-BO-000237.2024.0003974</t>
  </si>
  <si>
    <t>Lesão corporal grave ou gravíssima - Dolosa</t>
  </si>
  <si>
    <t>1179700/2024-BOPA-002020.2024.0006941</t>
  </si>
  <si>
    <t>Cumprimento de Mandado de Prisão/Apreensão de Adolescente</t>
  </si>
  <si>
    <t>1175958/2024-BOPM-002029.2024.0003640</t>
  </si>
  <si>
    <t>Apoio ao poder judiciário</t>
  </si>
  <si>
    <t>RIO DO SUL</t>
  </si>
  <si>
    <t>1177760/2024-BO-000576.2024.0002686</t>
  </si>
  <si>
    <t>CANOINHAS</t>
  </si>
  <si>
    <t>Constrangimento ilegal</t>
  </si>
  <si>
    <t>Violação de domicílio</t>
  </si>
  <si>
    <t>0002854/2025-BO-000600.2025.0000202</t>
  </si>
  <si>
    <t>ITAPEMA</t>
  </si>
  <si>
    <t>1163138/2024-BO-000290.2024.0003025</t>
  </si>
  <si>
    <t>1160225/2024-BOPA-002344.2024.0000707</t>
  </si>
  <si>
    <t>SIDERÓPOLIS</t>
  </si>
  <si>
    <t>1160725/2024-BOPM-002000.2024.0005991</t>
  </si>
  <si>
    <t>ITAJAÍ</t>
  </si>
  <si>
    <t>1156142/2024-BO-000462.2024.0002408</t>
  </si>
  <si>
    <t>Cumprimento de Mandado de Busca e Apreensão</t>
  </si>
  <si>
    <t>1156477/2024-BOPM-002437.2024.0001843</t>
  </si>
  <si>
    <t>Apoio aos órgãos de segurança pública</t>
  </si>
  <si>
    <t>XANXERÊ</t>
  </si>
  <si>
    <t>1158219/2024-BOCOP-002145.2024.0000459</t>
  </si>
  <si>
    <t>Acidente de trânsito (Com pessoa ferida ou morta)</t>
  </si>
  <si>
    <t>Lesão corporal culposa em acidente de trânsito</t>
  </si>
  <si>
    <t>1154139/2024-BOCOP-002193.2024.0006418</t>
  </si>
  <si>
    <t>1155141/2024-BOTC-002324.2024.0003371</t>
  </si>
  <si>
    <t>NAVEGANTES</t>
  </si>
  <si>
    <t>1155221/2024-BO-000462.2024.0002407</t>
  </si>
  <si>
    <t>1151155/2024-BO-000135.2024.0001232</t>
  </si>
  <si>
    <t>Descumprimento de medida protetiva de urgência (mulher)</t>
  </si>
  <si>
    <t>1143434/2024-BO-000549.2024.0010824</t>
  </si>
  <si>
    <t>Estupro</t>
  </si>
  <si>
    <t>1139341/2024-BO-000286.2024.0000116</t>
  </si>
  <si>
    <t>MAJOR GERCINO</t>
  </si>
  <si>
    <t>1136223/2024-BO-000607.2024.0011907</t>
  </si>
  <si>
    <t>Estelionato</t>
  </si>
  <si>
    <t>BRUSQUE</t>
  </si>
  <si>
    <t>1133105/2024-BO-000403.2024.0000156</t>
  </si>
  <si>
    <t>SUL BRASIL</t>
  </si>
  <si>
    <t>Perseguição</t>
  </si>
  <si>
    <t>1134543/2024-BOTC-002275.2024.0001600</t>
  </si>
  <si>
    <t>ITAPOÁ</t>
  </si>
  <si>
    <t>1129378/2024-BOCOP-002083.2024.0006400</t>
  </si>
  <si>
    <t>SÃO JOSÉ</t>
  </si>
  <si>
    <t>1131155/2024-BOCOP-002155.2024.0000294</t>
  </si>
  <si>
    <t>AURORA</t>
  </si>
  <si>
    <t>Afastar-se o condutor do veículo do local do acidente, para fugir à responsabilidade</t>
  </si>
  <si>
    <t>1125664/2024-BO-000290.2024.0002934</t>
  </si>
  <si>
    <t>1122067/2024-BO-000614.2024.0065778</t>
  </si>
  <si>
    <t>1115958/2024-BO-000135.2024.0001229</t>
  </si>
  <si>
    <t>1113898/2024-BOCOP-002193.2024.0006251</t>
  </si>
  <si>
    <t>1114531/2024-BO-000202.2024.0000759</t>
  </si>
  <si>
    <t>ARMAZÉM</t>
  </si>
  <si>
    <t>1114973/2024-BOCOP-002011.2024.0004250</t>
  </si>
  <si>
    <t>TUBARÃO</t>
  </si>
  <si>
    <t>1111569/2024-BO-000341.2024.0001082</t>
  </si>
  <si>
    <t>CAÇADOR</t>
  </si>
  <si>
    <t>1112031/2024-BOPM-002344.2024.0000679</t>
  </si>
  <si>
    <t>Descumprimento de condicão/ordem/medida judicial</t>
  </si>
  <si>
    <t>1112167/2024-BO-000022.2024.0001530</t>
  </si>
  <si>
    <t>SÃO LOURENÇO DO OESTE</t>
  </si>
  <si>
    <t>Desacato</t>
  </si>
  <si>
    <t>1112608/2024-BOCOP-002344.2024.0000680</t>
  </si>
  <si>
    <t>Importunação sexual</t>
  </si>
  <si>
    <t>Provocar ou irritar animal, expondo a perigo a segurança alheia</t>
  </si>
  <si>
    <t>1198041/2024-BO-000039.2024.0001348</t>
  </si>
  <si>
    <t>JAGUARUNA</t>
  </si>
  <si>
    <t>1103862/2024-BO-000458.2024.0001984</t>
  </si>
  <si>
    <t>SÃO FRANCISCO DO SUL</t>
  </si>
  <si>
    <t>Posse ou porte ilegal de arma de fogo de uso restrito</t>
  </si>
  <si>
    <t>Posse ou porte ilegal de munição ou acessório de uso restrito</t>
  </si>
  <si>
    <t>1108776/2024-BO-000135.2024.0001197</t>
  </si>
  <si>
    <t>1107638/2024-BO-000598.2024.0021517</t>
  </si>
  <si>
    <t>1089562/2024-BOTC-002334.2024.0000936</t>
  </si>
  <si>
    <t>GAROPABA</t>
  </si>
  <si>
    <t>1084212/2024-BOCOP-002000.2024.0005605</t>
  </si>
  <si>
    <t>1087201/2024-BO-000472.2024.0009037</t>
  </si>
  <si>
    <t>1101376/2024-BO-000492.2024.0003738</t>
  </si>
  <si>
    <t>CHAPECÓ</t>
  </si>
  <si>
    <t>1080041/2024-BOPM-002043.2024.0002224</t>
  </si>
  <si>
    <t>CURITIBANOS</t>
  </si>
  <si>
    <t>1083784/2024-BOCOP-002045.2024.0002160</t>
  </si>
  <si>
    <t>1078127/2024-BOPM-002042.2024.0002984</t>
  </si>
  <si>
    <t>Apoio a instituições privadas</t>
  </si>
  <si>
    <t>1064379/2024-BOCOP-002296.2024.0000105</t>
  </si>
  <si>
    <t>Desobediência</t>
  </si>
  <si>
    <t>VITOR MEIRELES</t>
  </si>
  <si>
    <t>1064659/2024-BOPM-002460.2024.0003026</t>
  </si>
  <si>
    <t>CONCÓRDIA</t>
  </si>
  <si>
    <t>1150279/2024-BO-000080.2024.0001001</t>
  </si>
  <si>
    <t>CORREIA PINTO</t>
  </si>
  <si>
    <t>1044277/2024-BO-000003.2024.0004444</t>
  </si>
  <si>
    <t>Homicídio - Doloso</t>
  </si>
  <si>
    <t>Pessoa ferida em confronto por agente público em serviço</t>
  </si>
  <si>
    <t>Resistência</t>
  </si>
  <si>
    <t>1045160/2024-BO-000473.2024.0004456</t>
  </si>
  <si>
    <t>Constranger o preso ou o detento, mediante violência, grave ameaça ou redução de sua capacidade de resistência</t>
  </si>
  <si>
    <t>IÇARA</t>
  </si>
  <si>
    <t>Deixar injustificadamente de comunicar prisão em flagrante à autoridade judiciária no prazo legal</t>
  </si>
  <si>
    <t>1047234/2024-BO-000049.2024.0001263</t>
  </si>
  <si>
    <t>PORTO UNIÃO</t>
  </si>
  <si>
    <t>0020150/2025-BO-000214.2025.0000038</t>
  </si>
  <si>
    <t>SANTA ROSA DO SUL</t>
  </si>
  <si>
    <t>Denunciação caluniosa</t>
  </si>
  <si>
    <t>1036197/2024-BOPM-002073.2024.0003029</t>
  </si>
  <si>
    <t>1036953/2024-BOCOP-002330.2024.0000823</t>
  </si>
  <si>
    <t>Posse irregular de munição ou acessório de uso permitido</t>
  </si>
  <si>
    <t>1033991/2024-BOTC-002278.2024.0000576</t>
  </si>
  <si>
    <t>BALNEÁRIO BARRA DO SUL</t>
  </si>
  <si>
    <t>1034014/2024-BO-000058.2024.0002269</t>
  </si>
  <si>
    <t>1027858/2024-BOCOP-002042.2024.0002876</t>
  </si>
  <si>
    <t>1031267/2024-BO-000604.2024.0021849</t>
  </si>
  <si>
    <t>1017909/2024-BOCOP-002020.2024.0005908</t>
  </si>
  <si>
    <t>1017927/2024-BO-000658.2024.0000638</t>
  </si>
  <si>
    <t>1022927/2024-BOTC-002002.2024.0001444</t>
  </si>
  <si>
    <t>PENHA</t>
  </si>
  <si>
    <t>1024501/2024-BO-000033.2024.0002580</t>
  </si>
  <si>
    <t>Fato atípico</t>
  </si>
  <si>
    <t>1012071/2024-BOTC-002193.2024.0005713</t>
  </si>
  <si>
    <t>1012460/2024-BO-000067.2024.0001524</t>
  </si>
  <si>
    <t>PINHALZINHO</t>
  </si>
  <si>
    <t>1024873/2024-BO-000074.2024.0002040</t>
  </si>
  <si>
    <t>1036706/2024-BO-000074.2024.0002074</t>
  </si>
  <si>
    <t>1006485/2024-BOCOP-002016.2024.0007626</t>
  </si>
  <si>
    <t>JOINVILLE</t>
  </si>
  <si>
    <t>1006493/2024-BO-000610.2024.0054893</t>
  </si>
  <si>
    <t>ANITA GARIBALDI</t>
  </si>
  <si>
    <t>1006593/2024-BO-000112.2024.0000305</t>
  </si>
  <si>
    <t>1016092/2024-BO-000135.2024.0001095</t>
  </si>
  <si>
    <t>1003198/2024-BO-000615.2024.0009747</t>
  </si>
  <si>
    <t>IBIRAMA</t>
  </si>
  <si>
    <t>1003224/2024-BO-000597.2024.0031203</t>
  </si>
  <si>
    <t>0992820/2024-BO-000472.2024.0008268</t>
  </si>
  <si>
    <t>0998040/2024-BO-000376.2024.0002722</t>
  </si>
  <si>
    <t>LAGUNA</t>
  </si>
  <si>
    <t>0986432/2024-BOPM-002048.2024.0000006</t>
  </si>
  <si>
    <t>0986945/2024-BO-000433.2024.0000669</t>
  </si>
  <si>
    <t>SÃO MIGUEL DO OESTE</t>
  </si>
  <si>
    <t>0982753/2024-BO-000598.2024.0018914</t>
  </si>
  <si>
    <t>0995624/2024-BO-000600.2024.0037636</t>
  </si>
  <si>
    <t>BALNEÁRIO CAMBORIÚ</t>
  </si>
  <si>
    <t>0974399/2024-BO-000472.2024.0008134</t>
  </si>
  <si>
    <t>Porte ilegal de arma de fogo de uso permitido</t>
  </si>
  <si>
    <t>BOM JARDIM DA SERRA</t>
  </si>
  <si>
    <t>0981333/2024-BO-000411.2024.0000074</t>
  </si>
  <si>
    <t>SANTA TEREZINHA DO PROGRESSO</t>
  </si>
  <si>
    <t>0982587/2024-BO-000526.2024.0001770</t>
  </si>
  <si>
    <t>0968987/2024-BO-000043.2024.0002784</t>
  </si>
  <si>
    <t>BRAÇO DO NORTE</t>
  </si>
  <si>
    <t>0969854/2024-BO-000352.2024.0000388</t>
  </si>
  <si>
    <t>Maus-tratos</t>
  </si>
  <si>
    <t>0977001/2024-BO-000290.2024.0002515</t>
  </si>
  <si>
    <t>0970120/2024-BO-000135.2024.0001029</t>
  </si>
  <si>
    <t>0963115/2024-BO-000604.2024.0020394</t>
  </si>
  <si>
    <t>0956023/2024-BOPM-002073.2024.0002764</t>
  </si>
  <si>
    <t>0953900/2024-BO-000610.2024.0051866</t>
  </si>
  <si>
    <t>0947535/2024-BOPM-002155.2024.0000247</t>
  </si>
  <si>
    <t>PRESIDENTE GETÚLIO</t>
  </si>
  <si>
    <t>0943569/2024-BO-000381.2024.0003872</t>
  </si>
  <si>
    <t>IMBITUBA</t>
  </si>
  <si>
    <t>0952929/2024-BO-000530.2024.0000748</t>
  </si>
  <si>
    <t>1004992/2024-BO-000104.2024.0009420</t>
  </si>
  <si>
    <t>0936428/2024-BO-000676.2024.0000068</t>
  </si>
  <si>
    <t>Omissão de cautela na guarda ou condução de animais</t>
  </si>
  <si>
    <t>0964644/2024-BOPM-002017.2024.0010129</t>
  </si>
  <si>
    <t>Apoio a órgãos da administração pública</t>
  </si>
  <si>
    <t>0931945/2024-BO-000003.2024.0004018</t>
  </si>
  <si>
    <t>0935455/2024-BO-000473.2024.0003988</t>
  </si>
  <si>
    <t>NOVA VENEZA</t>
  </si>
  <si>
    <t>0938383/2024-BO-000284.2024.0000613</t>
  </si>
  <si>
    <t>1102127/2024-BO-000143.2024.0001648</t>
  </si>
  <si>
    <t>0934277/2024-BO-000606.2024.0008539</t>
  </si>
  <si>
    <t>0925090/2024-BOCOP-002455.2024.0000060</t>
  </si>
  <si>
    <t>FORMOSA DO SUL</t>
  </si>
  <si>
    <t>0925268/2024-BO-000066.2024.0000836</t>
  </si>
  <si>
    <t>PALMITOS</t>
  </si>
  <si>
    <t>0926226/2024-BOPM-002030.2024.0003758</t>
  </si>
  <si>
    <t>0932091/2024-BO-000605.2024.0013351</t>
  </si>
  <si>
    <t>0922834/2024-BO-000538.2024.0000236</t>
  </si>
  <si>
    <t>0922339/2024-BO-000472.2024.0008044</t>
  </si>
  <si>
    <t>0922630/2024-BOTC-002340.2024.0000180</t>
  </si>
  <si>
    <t>0917824/2024-BO-000307.2024.0001676</t>
  </si>
  <si>
    <t>0932850/2024-BO-000374.2024.0001054</t>
  </si>
  <si>
    <t>POUSO REDONDO</t>
  </si>
  <si>
    <t>0911239/2024-BOCOP-002442.2024.0000115</t>
  </si>
  <si>
    <t>IPUAÇU</t>
  </si>
  <si>
    <t>0921427/2024-BO-000619.2024.0003312</t>
  </si>
  <si>
    <t>DIONÍSIO CERQUEIRA</t>
  </si>
  <si>
    <t>0020326/2025-BO-000619.2025.0000083</t>
  </si>
  <si>
    <t>0913254/2024-BO-000492.2024.0003149</t>
  </si>
  <si>
    <t>0896700/2024-BO-000472.2024.0007515</t>
  </si>
  <si>
    <t>Associação criminosa</t>
  </si>
  <si>
    <t>Furto</t>
  </si>
  <si>
    <t>0903949/2024-BO-000439.2024.0000774</t>
  </si>
  <si>
    <t>MONDAÍ</t>
  </si>
  <si>
    <t>0891888/2024-BO-000613.2024.0017683</t>
  </si>
  <si>
    <t>0891940/2024-BO-000480.2024.0002582</t>
  </si>
  <si>
    <t>0894809/2024-BOTC-002114.2024.0000338</t>
  </si>
  <si>
    <t>0890999/2024-BOTC-002095.2024.0003208</t>
  </si>
  <si>
    <t>0894305/2024-BO-000604.2024.0018828</t>
  </si>
  <si>
    <t>0883832/2024-BOCOP-002020.2024.0005050</t>
  </si>
  <si>
    <t>0877771/2024-BO-000029.2024.0004016</t>
  </si>
  <si>
    <t>0876485/2024-BOTC-002043.2024.0001868</t>
  </si>
  <si>
    <t>0876574/2024-BO-000584.2024.0000418</t>
  </si>
  <si>
    <t>0893824/2024-BO-000434.2024.0000657</t>
  </si>
  <si>
    <t>PALMA SOLA</t>
  </si>
  <si>
    <t>0894268/2024-BO-000012.2024.0001878</t>
  </si>
  <si>
    <t>Queixa da atuação da Polícia Militar</t>
  </si>
  <si>
    <t>0888786/2024-BO-000481.2024.0012204</t>
  </si>
  <si>
    <t>0894237/2024-BO-000604.2024.0018825</t>
  </si>
  <si>
    <t>0871658/2024-BO-000060.2024.0002898</t>
  </si>
  <si>
    <t>Desacordo comercial</t>
  </si>
  <si>
    <t>Omissão de cautela na guarda de arma de fogo</t>
  </si>
  <si>
    <t>0873613/2024-BO-000124.2024.0001640</t>
  </si>
  <si>
    <t>Perturbação do trabalho ou sossego alheios</t>
  </si>
  <si>
    <t>0865750/2024-BOTC-002334.2024.0000718</t>
  </si>
  <si>
    <t>0870196/2024-BO-000047.2024.0001007</t>
  </si>
  <si>
    <t>Extorsão mediante sequestro</t>
  </si>
  <si>
    <t>PAPANDUVA</t>
  </si>
  <si>
    <t>0870337/2024-BO-000459.2024.0001536</t>
  </si>
  <si>
    <t>ARAQUARI</t>
  </si>
  <si>
    <t>0871077/2024-BO-000520.2024.0000638</t>
  </si>
  <si>
    <t>VIDEIRA</t>
  </si>
  <si>
    <t>0862928/2024-BOPA-002000.2024.0004511</t>
  </si>
  <si>
    <t>0863063/2024-BOTC-002000.2024.0004512</t>
  </si>
  <si>
    <t>Posse ou porte de drogas para uso pessoal</t>
  </si>
  <si>
    <t>0854694/2024-BOTC-002000.2024.0004476</t>
  </si>
  <si>
    <t>0858710/2024-BO-000237.2024.0002994</t>
  </si>
  <si>
    <t>0862838/2024-BO-000401.2024.0000303</t>
  </si>
  <si>
    <t>ÁGUAS FRIAS</t>
  </si>
  <si>
    <t>1137025/2024-BO-000615.2024.0011094</t>
  </si>
  <si>
    <t>0853445/2024-BO-000658.2024.0000550</t>
  </si>
  <si>
    <t>FAXINAL DOS GUEDES</t>
  </si>
  <si>
    <t>0854449/2024-BO-000610.2024.0046414</t>
  </si>
  <si>
    <t>0854594/2024-BO-000003.2024.0003708</t>
  </si>
  <si>
    <t>0859461/2024-BO-000598.2024.0016448</t>
  </si>
  <si>
    <t>0857304/2024-BO-000481.2024.0011772</t>
  </si>
  <si>
    <t>0846198/2024-BOCOP-002474.2024.0002273</t>
  </si>
  <si>
    <t>0849909/2024-BO-000600.2024.0031977</t>
  </si>
  <si>
    <t>ILHOTA</t>
  </si>
  <si>
    <t>0850213/2024-BO-000526.2024.0001513</t>
  </si>
  <si>
    <t>0839522/2024-BOCOP-002045.2024.0001725</t>
  </si>
  <si>
    <t>0836449/2024-BO-000431.2024.0000351</t>
  </si>
  <si>
    <t>GUARACIABA</t>
  </si>
  <si>
    <t>Porte ou posse de arma branca ou simulacro</t>
  </si>
  <si>
    <t>0838659/2024-BO-000078.2024.0000558</t>
  </si>
  <si>
    <t>BOM RETIRO</t>
  </si>
  <si>
    <t>0830674/2024-BOCOP-002036.2024.0001236</t>
  </si>
  <si>
    <t>0834077/2024-BO-000390.2024.0000163</t>
  </si>
  <si>
    <t>ITUPORANGA</t>
  </si>
  <si>
    <t>0857483/2024-BO-000614.2024.0049813</t>
  </si>
  <si>
    <t>0822093/2024-BO-000396.2024.0000196</t>
  </si>
  <si>
    <t>GUATAMBÚ</t>
  </si>
  <si>
    <t>0825951/2024-BO-000467.2024.0002513</t>
  </si>
  <si>
    <t>0862188/2024-BO-000433.2024.0000578</t>
  </si>
  <si>
    <t>0862478/2024-BO-000433.2024.0000580</t>
  </si>
  <si>
    <t>Violação do segredo profissional</t>
  </si>
  <si>
    <t>0817711/2024-BO-000675.2024.0000155</t>
  </si>
  <si>
    <t>0823184/2024-BO-000284.2024.0000527</t>
  </si>
  <si>
    <t>0815295/2024-BO-000604.2024.0017070</t>
  </si>
  <si>
    <t>0815301/2024-BO-000081.2024.0000960</t>
  </si>
  <si>
    <t>OTACÍLIO COSTA</t>
  </si>
  <si>
    <t>0858889/2024-BO-000054.2024.0002554</t>
  </si>
  <si>
    <t>0952948/2024-BO-000621.2024.0004630</t>
  </si>
  <si>
    <t>0809623/2024-BO-000299.2024.0002092</t>
  </si>
  <si>
    <t>Pessoa morta em confronto por agente público fora de serviço</t>
  </si>
  <si>
    <t>0809329/2024-BO-000473.2024.0003448</t>
  </si>
  <si>
    <t>0820425/2024-BO-000323.2024.0000124</t>
  </si>
  <si>
    <t>VARGEM</t>
  </si>
  <si>
    <t>0807850/2024-BO-000435.2024.0001953</t>
  </si>
  <si>
    <t>CUNHA PORÃ</t>
  </si>
  <si>
    <t>0809735/2024-BO-000467.2024.0002458</t>
  </si>
  <si>
    <t>0811459/2024-BO-000403.2024.0000107</t>
  </si>
  <si>
    <t>MARAVILHA</t>
  </si>
  <si>
    <t>0800227/2024-BO-000033.2024.0002061</t>
  </si>
  <si>
    <t>0802348/2024-BOPM-002002.2024.0001166</t>
  </si>
  <si>
    <t>Fiscalização de apenado</t>
  </si>
  <si>
    <t>0796858/2024-BO-000076.2024.0001071</t>
  </si>
  <si>
    <t>0798813/2024-BOCOP-002045.2024.0001625</t>
  </si>
  <si>
    <t>0793653/2024-BO-000619.2024.0002854</t>
  </si>
  <si>
    <t>0794891/2024-BOTC-002083.2024.0004577</t>
  </si>
  <si>
    <t>0862571/2024-BO-000614.2024.0050131</t>
  </si>
  <si>
    <t>0793176/2024-BO-000481.2024.0010893</t>
  </si>
  <si>
    <t>Tortura</t>
  </si>
  <si>
    <t>0843451/2024-BO-000277.2024.0000452</t>
  </si>
  <si>
    <t>TREZE TÍLIAS</t>
  </si>
  <si>
    <t>0785389/2024-BO-000494.2024.0003263</t>
  </si>
  <si>
    <t>0787197/2024-BO-000601.2024.0031446</t>
  </si>
  <si>
    <t>0780160/2024-BOPM-002273.2024.0003331</t>
  </si>
  <si>
    <t>0775933/2024-BO-000427.2024.0000530</t>
  </si>
  <si>
    <t>SÃO BENTO DO SUL</t>
  </si>
  <si>
    <t>0771806/2024-BO-000472.2024.0006513</t>
  </si>
  <si>
    <t>0772377/2024-BO-000060.2024.0002575</t>
  </si>
  <si>
    <t>0772920/2024-BO-000610.2024.0041926</t>
  </si>
  <si>
    <t>0764823/2024-BO-000060.2024.0002547</t>
  </si>
  <si>
    <t>0763766/2024-BOCOP-002023.2024.0001009</t>
  </si>
  <si>
    <t>INDAIAL</t>
  </si>
  <si>
    <t>0761813/2024-BOTC-002460.2024.0002174</t>
  </si>
  <si>
    <t>0762113/2024-BO-000466.2024.0004935</t>
  </si>
  <si>
    <t>0760021/2024-BOCOP-002314.2024.0000304</t>
  </si>
  <si>
    <t>GUABIRUBA</t>
  </si>
  <si>
    <t>0755075/2024-BO-000214.2024.0000966</t>
  </si>
  <si>
    <t>BALNEÁRIO GAIVOTA</t>
  </si>
  <si>
    <t>0746331/2024-BO-000125.2024.0001702</t>
  </si>
  <si>
    <t>0739827/2024-BO-000472.2024.0006242</t>
  </si>
  <si>
    <t>0744014/2024-BO-000472.2024.0006291</t>
  </si>
  <si>
    <t>0733305/2024-BOCOP-002143.2024.0001071</t>
  </si>
  <si>
    <t>GASPAR</t>
  </si>
  <si>
    <t>0734192/2024-BO-000526.2024.0001240</t>
  </si>
  <si>
    <t>0774224/2024-BO-000526.2024.0001306</t>
  </si>
  <si>
    <t>0727766/2024-BO-000467.2024.0002218</t>
  </si>
  <si>
    <t>0727831/2024-BOCOP-002042.2024.0002116</t>
  </si>
  <si>
    <t>Alteração de limites</t>
  </si>
  <si>
    <t>0732402/2024-BO-000205.2024.0001556</t>
  </si>
  <si>
    <t>0732918/2024-BO-000279.2024.0000438</t>
  </si>
  <si>
    <t>IRANI</t>
  </si>
  <si>
    <t>0724891/2024-BO-000307.2024.0001309</t>
  </si>
  <si>
    <t>SANTO AMARO DA IMPERATRIZ</t>
  </si>
  <si>
    <t>0726789/2024-BO-000459.2024.0001300</t>
  </si>
  <si>
    <t>0729491/2024-BO-000081.2024.0000865</t>
  </si>
  <si>
    <t>0715780/2024-BO-000472.2024.0006056</t>
  </si>
  <si>
    <t>0725535/2024-BOCOP-002420.2024.0003960</t>
  </si>
  <si>
    <t>Pessoa morta em confronto por agente público em serviço</t>
  </si>
  <si>
    <t>0706774/2024-BO-000125.2024.0001633</t>
  </si>
  <si>
    <t>0707784/2024-BO-000549.2024.0007034</t>
  </si>
  <si>
    <t>0709694/2024-BO-000002.2024.0000302</t>
  </si>
  <si>
    <t>0723722/2024-BO-000481.2024.0009917</t>
  </si>
  <si>
    <t>0899503/2024-BO-000608.2024.0033502</t>
  </si>
  <si>
    <t>0703575/2024-BO-000255.2024.0000210</t>
  </si>
  <si>
    <t>IPUMIRIM</t>
  </si>
  <si>
    <t>0703962/2024-BO-000608.2024.0025954</t>
  </si>
  <si>
    <t>0704050/2024-BO-000005.2024.0003949</t>
  </si>
  <si>
    <t>0706026/2024-BO-000530.2024.0000552</t>
  </si>
  <si>
    <t>0698461/2024-BO-000472.2024.0005923</t>
  </si>
  <si>
    <t>0772942/2024-BO-000471.2024.0003907</t>
  </si>
  <si>
    <t>0710887/2024-BOCOP-002293.2024.0000273</t>
  </si>
  <si>
    <t>0693109/2024-BOCOP-002083.2024.0004055</t>
  </si>
  <si>
    <t>Apropriação indébita</t>
  </si>
  <si>
    <t>0693164/2024-BOCOP-002317.2024.0002726</t>
  </si>
  <si>
    <t>0694005/2024-BOPM-002420.2024.0003799</t>
  </si>
  <si>
    <t>0693107/2024-BO-000472.2024.0005884</t>
  </si>
  <si>
    <t>0700033/2024-BO-000549.2024.0006965</t>
  </si>
  <si>
    <t>0706476/2024-BO-000278.2024.0000198</t>
  </si>
  <si>
    <t>VARGEM BONITA</t>
  </si>
  <si>
    <t>0685992/2024-BOCOP-002474.2024.0001895</t>
  </si>
  <si>
    <t>0684263/2024-BO-000466.2024.0004350</t>
  </si>
  <si>
    <t>0681115/2024-BO-000088.2024.0002356</t>
  </si>
  <si>
    <t>0682181/2024-BO-000083.2024.0005679</t>
  </si>
  <si>
    <t>0672529/2024-BO-000473.2024.0002787</t>
  </si>
  <si>
    <t>0673507/2024-BOTC-002193.2024.0003801</t>
  </si>
  <si>
    <t>0676244/2024-BO-000460.2024.0000623</t>
  </si>
  <si>
    <t>0670459/2024-BOCOP-002073.2024.0001895</t>
  </si>
  <si>
    <t>0664070/2024-BO-000046.2024.0000441</t>
  </si>
  <si>
    <t>Suicídio</t>
  </si>
  <si>
    <t>MAFRA</t>
  </si>
  <si>
    <t>0654358/2024-BOPM-002348.2024.0000627</t>
  </si>
  <si>
    <t>Encontro ou recuperação de bem/objeto</t>
  </si>
  <si>
    <t>0647408/2024-BO-000549.2024.0006497</t>
  </si>
  <si>
    <t>0642298/2024-BO-000110.2024.0001210</t>
  </si>
  <si>
    <t>Lesão corporal - Culposa</t>
  </si>
  <si>
    <t>Violência arbitrária</t>
  </si>
  <si>
    <t>0657063/2024-BO-000576.2024.0001562</t>
  </si>
  <si>
    <t>0958339/2024-BO-000614.2024.0055459</t>
  </si>
  <si>
    <t>0640360/2024-BOPM-002060.2024.0001808</t>
  </si>
  <si>
    <t>0641331/2024-BOCOP-002002.2024.0000988</t>
  </si>
  <si>
    <t>0637441/2024-BO-000125.2024.0001688</t>
  </si>
  <si>
    <t>0630519/2024-BO-000244.2024.0000427</t>
  </si>
  <si>
    <t>0633782/2024-BO-000087.2024.0001135</t>
  </si>
  <si>
    <t>0635382/2024-BO-000526.2024.0001068</t>
  </si>
  <si>
    <t>0627795/2024-BO-000087.2024.0001120</t>
  </si>
  <si>
    <t>0627837/2024-BOCOP-002273.2024.0002707</t>
  </si>
  <si>
    <t>0628035/2024-BO-000087.2024.0001122</t>
  </si>
  <si>
    <t>0643392/2024-BO-000467.2024.0002005</t>
  </si>
  <si>
    <t>0624589/2024-BO-000209.2024.0000761</t>
  </si>
  <si>
    <t>0628420/2024-BO-000614.2024.0036466</t>
  </si>
  <si>
    <t>0619891/2024-BO-000598.2024.0011806</t>
  </si>
  <si>
    <t>0621654/2024-BOTC-002193.2024.0003493</t>
  </si>
  <si>
    <t>0616747/2024-BOPA-002095.2024.0002235</t>
  </si>
  <si>
    <t>0621706/2024-BO-000597.2024.0019030</t>
  </si>
  <si>
    <t>0665429/2024-BO-000283.2024.0000574</t>
  </si>
  <si>
    <t>0611362/2024-BO-000008.2024.0002083</t>
  </si>
  <si>
    <t>0614215/2024-BO-000104.2024.0006142</t>
  </si>
  <si>
    <t>Desobediência à decisão judicial</t>
  </si>
  <si>
    <t>0606511/2024-BOCOP-002009.2024.0001151</t>
  </si>
  <si>
    <t>0608935/2024-BO-000110.2024.0001162</t>
  </si>
  <si>
    <t>0605134/2024-BO-000076.2024.0000955</t>
  </si>
  <si>
    <t>0605175/2024-BOCOP-002193.2024.0003413</t>
  </si>
  <si>
    <t>0605252/2024-BO-000472.2024.0005211</t>
  </si>
  <si>
    <t>SÃO JOSÉ DO CERRITO</t>
  </si>
  <si>
    <t>0608736/2024-BO-000316.2024.0000295</t>
  </si>
  <si>
    <t>TIMBÓ GRANDE</t>
  </si>
  <si>
    <t>0601120/2024-BO-000054.2024.0001601</t>
  </si>
  <si>
    <t>0602493/2024-BO-000492.2024.0002056</t>
  </si>
  <si>
    <t>0593054/2024-BOPM-002193.2024.0003358</t>
  </si>
  <si>
    <t>0594561/2024-BOPM-002036.2024.0000887</t>
  </si>
  <si>
    <t>0594932/2024-BO-000003.2024.0002707</t>
  </si>
  <si>
    <t>Tráfico de drogas</t>
  </si>
  <si>
    <t>0889823/2024-BO-000233.2024.0000316</t>
  </si>
  <si>
    <t>0585781/2024-BO-000085.2024.0000181</t>
  </si>
  <si>
    <t>0582142/2024-BOCOP-002474.2024.0001637</t>
  </si>
  <si>
    <t>0580443/2024-BO-000610.2024.0031107</t>
  </si>
  <si>
    <t>0574886/2024-BOCOP-002193.2024.0003262</t>
  </si>
  <si>
    <t>0632083/2024-BO-000456.2024.0001244</t>
  </si>
  <si>
    <t>0568627/2024-BOCOP-002292.2024.0000298</t>
  </si>
  <si>
    <t>0561338/2024-BOCOP-002377.2024.0000332</t>
  </si>
  <si>
    <t>SÃO JOAQUIM</t>
  </si>
  <si>
    <t>0561162/2024-BO-000481.2024.0007582</t>
  </si>
  <si>
    <t>0554811/2024-BOTC-002042.2024.0001676</t>
  </si>
  <si>
    <t>0556686/2024-BOPM-002042.2024.0001681</t>
  </si>
  <si>
    <t>0550788/2024-BOCOP-002012.2024.0000730</t>
  </si>
  <si>
    <t>0552669/2024-BO-000620.2024.0002820</t>
  </si>
  <si>
    <t>ARVOREDO</t>
  </si>
  <si>
    <t>0553242/2024-BOTC-002318.2024.0001419</t>
  </si>
  <si>
    <t>0547750/2024-BOTC-002193.2024.0003120</t>
  </si>
  <si>
    <t>0550271/2024-BOPA-002029.2024.0001738</t>
  </si>
  <si>
    <t>0550345/2024-BOTC-002036.2024.0000820</t>
  </si>
  <si>
    <t>0550990/2024-BO-000626.2024.0002578</t>
  </si>
  <si>
    <t>0551800/2024-BO-000427.2024.0000366</t>
  </si>
  <si>
    <t>0545176/2024-BO-000554.2024.0001186</t>
  </si>
  <si>
    <t>0545677/2024-BOTC-002115.2024.0000352</t>
  </si>
  <si>
    <t>0543053/2024-BO-000209.2024.0000659</t>
  </si>
  <si>
    <t>0536772/2024-BO-000376.2024.0001538</t>
  </si>
  <si>
    <t>0677343/2024-BO-000088.2024.0002345</t>
  </si>
  <si>
    <t>0532768/2024-BOPM-002009.2024.0000970</t>
  </si>
  <si>
    <t>Auxílio</t>
  </si>
  <si>
    <t>0544574/2024-BO-000315.2024.0000479</t>
  </si>
  <si>
    <t>LEBON RÉGIS</t>
  </si>
  <si>
    <t>Denúncia de crime ou contravenção</t>
  </si>
  <si>
    <t>0522052/2024-BOPM-002485.2024.0000049</t>
  </si>
  <si>
    <t>Apoio as forças armadas</t>
  </si>
  <si>
    <t>TUNÁPOLIS</t>
  </si>
  <si>
    <t>0527906/2024-BO-000005.2024.0002841</t>
  </si>
  <si>
    <t>0847829/2024-BO-000143.2024.0001325</t>
  </si>
  <si>
    <t>Inserção de dados falsos em sistema de informações</t>
  </si>
  <si>
    <t>0520938/2024-BO-000146.2024.0001619</t>
  </si>
  <si>
    <t>BIGUAÇU</t>
  </si>
  <si>
    <t>0521758/2024-BO-000610.2024.0027979</t>
  </si>
  <si>
    <t>0515816/2024-BOTC-002275.2024.0000872</t>
  </si>
  <si>
    <t>0523644/2024-BO-000576.2024.0001242</t>
  </si>
  <si>
    <t>TRÊS BARRAS</t>
  </si>
  <si>
    <t>0510737/2024-BO-000613.2024.0010089</t>
  </si>
  <si>
    <t>CAXAMBU DO SUL</t>
  </si>
  <si>
    <t>0509311/2024-BOTC-002275.2024.0000860</t>
  </si>
  <si>
    <t>0507713/2024-BOCOP-002114.2024.0000212</t>
  </si>
  <si>
    <t>0502364/2024-BO-000473.2024.0002066</t>
  </si>
  <si>
    <t>0505298/2024-BO-000376.2024.0001452</t>
  </si>
  <si>
    <t>0500396/2024-BOTC-002139.2024.0000869</t>
  </si>
  <si>
    <t>0491768/2024-BOPM-002011.2024.0001914</t>
  </si>
  <si>
    <t>0492215/2024-BO-000420.2024.0002657</t>
  </si>
  <si>
    <t>0491079/2024-BO-000105.2024.0000940</t>
  </si>
  <si>
    <t>Recusar dados ou indicação concernentes à própria identidade</t>
  </si>
  <si>
    <t>0519763/2024-BO-000492.2024.0001776</t>
  </si>
  <si>
    <t>0486629/2024-BOPM-002286.2024.0000062</t>
  </si>
  <si>
    <t>Perda de documentos ou objetos</t>
  </si>
  <si>
    <t>RODEIO</t>
  </si>
  <si>
    <t>0483605/2024-BO-000472.2024.0004181</t>
  </si>
  <si>
    <t>0480257/2024-BO-000609.2024.0006411</t>
  </si>
  <si>
    <t>0774567/2024-BO-000021.2024.0000624</t>
  </si>
  <si>
    <t>SÃO BERNARDINO</t>
  </si>
  <si>
    <t>0479617/2024-BO-000125.2024.0001154</t>
  </si>
  <si>
    <t>0471996/2024-BO-000433.2024.0000319</t>
  </si>
  <si>
    <t>Posse irregular de arma de fogo de uso permitido</t>
  </si>
  <si>
    <t>0473374/2024-BO-000284.2024.0000256</t>
  </si>
  <si>
    <t>0466549/2024-BOTC-002193.2024.0002682</t>
  </si>
  <si>
    <t>0474322/2024-BO-000125.2024.0001139</t>
  </si>
  <si>
    <t>0463258/2024-BO-000005.2024.0002465</t>
  </si>
  <si>
    <t>0461475/2024-BOTC-002007.2024.0000849</t>
  </si>
  <si>
    <t>Jogo do bicho</t>
  </si>
  <si>
    <t>0461907/2024-BO-000472.2024.0004015</t>
  </si>
  <si>
    <t>0457743/2024-BO-000597.2024.0013668</t>
  </si>
  <si>
    <t>FORQUILHINHA</t>
  </si>
  <si>
    <t>0836237/2024-BO-000251.2024.0000536</t>
  </si>
  <si>
    <t>SEARA</t>
  </si>
  <si>
    <t>0444025/2024-BOPM-002316.2024.0000148</t>
  </si>
  <si>
    <t>0447783/2024-BO-000608.2024.0016185</t>
  </si>
  <si>
    <t>0443025/2024-BOPM-002000.2024.0002387</t>
  </si>
  <si>
    <t>0438590/2024-BOPM-002292.2024.0000238</t>
  </si>
  <si>
    <t>0427814/2024-BOPM-002420.2024.0002348</t>
  </si>
  <si>
    <t>0431638/2024-BO-000081.2024.0000492</t>
  </si>
  <si>
    <t>0425516/2024-BO-000549.2024.0004450</t>
  </si>
  <si>
    <t>0433373/2024-BO-000456.2024.0000846</t>
  </si>
  <si>
    <t>0598145/2024-BO-000467.2024.0001877</t>
  </si>
  <si>
    <t>0424916/2024-BO-000003.2024.0002073</t>
  </si>
  <si>
    <t>0434896/2024-BO-000033.2024.0001132</t>
  </si>
  <si>
    <t>0417240/2024-BO-000456.2024.0000818</t>
  </si>
  <si>
    <t>0434672/2024-BO-000015.2024.0001493</t>
  </si>
  <si>
    <t>0414239/2024-BO-000433.2024.0000282</t>
  </si>
  <si>
    <t>0406243/2024-BOPM-002381.2024.0000081</t>
  </si>
  <si>
    <t>0412027/2024-BO-000554.2024.0000905</t>
  </si>
  <si>
    <t>0422629/2024-BO-000088.2024.0001483</t>
  </si>
  <si>
    <t>0403414/2024-BOCOP-002372.2024.0000012</t>
  </si>
  <si>
    <t>CERRO NEGRO</t>
  </si>
  <si>
    <t>0403641/2024-BO-000083.2024.0003209</t>
  </si>
  <si>
    <t>0404304/2024-BO-000614.2024.0024218</t>
  </si>
  <si>
    <t>0403166/2024-BO-000600.2024.0015528</t>
  </si>
  <si>
    <t>0424472/2024-BO-000280.2024.0001037</t>
  </si>
  <si>
    <t>JOAÇABA</t>
  </si>
  <si>
    <t>0397381/2024-BO-000028.2024.0000362</t>
  </si>
  <si>
    <t>SÃO JOSÉ DO CEDRO</t>
  </si>
  <si>
    <t>0398851/2024-BO-000070.2024.0000266</t>
  </si>
  <si>
    <t>QUILOMBO</t>
  </si>
  <si>
    <t>0402023/2024-BO-000301.2024.0000669</t>
  </si>
  <si>
    <t>POMERODE</t>
  </si>
  <si>
    <t>0391977/2024-BO-000420.2024.0002119</t>
  </si>
  <si>
    <t>0392589/2024-BOPM-002034.2024.0001117</t>
  </si>
  <si>
    <t>0391529/2024-BO-000087.2024.0000689</t>
  </si>
  <si>
    <t>Coação no curso do processo</t>
  </si>
  <si>
    <t>Impedir, sem justa causa, a entrevista pessoal e reservada do preso com seu advogado</t>
  </si>
  <si>
    <t>0396438/2024-BO-000618.2024.0002092</t>
  </si>
  <si>
    <t>LACERDÓPOLIS</t>
  </si>
  <si>
    <t>0383712/2024-BOCOP-002083.2024.0002307</t>
  </si>
  <si>
    <t>0384255/2024-BOPM-002362.2024.0000131</t>
  </si>
  <si>
    <t>LAURO MÜLLER</t>
  </si>
  <si>
    <t>0387942/2024-BOPM-002113.2024.0000068</t>
  </si>
  <si>
    <t>ANTÔNIO CARLOS</t>
  </si>
  <si>
    <t>0382812/2024-BOPM-002420.2024.0002053</t>
  </si>
  <si>
    <t>0376145/2024-BOCOP-002019.2024.0000639</t>
  </si>
  <si>
    <t>SOMBRIO</t>
  </si>
  <si>
    <t>0376173/2024-BO-000473.2024.0001522</t>
  </si>
  <si>
    <t>0370394/2024-BO-000280.2024.0000890</t>
  </si>
  <si>
    <t>0436958/2024-BO-000530.2024.0000363</t>
  </si>
  <si>
    <t>0367311/2024-BO-000033.2024.0000965</t>
  </si>
  <si>
    <t>0367587/2024-BOPM-002437.2024.0000612</t>
  </si>
  <si>
    <t>0358893/2024-BO-000420.2024.0001918</t>
  </si>
  <si>
    <t>CORONEL FREITAS</t>
  </si>
  <si>
    <t>0356430/2024-BOCOP-002007.2024.0000651</t>
  </si>
  <si>
    <t>0355599/2024-BO-000036.2024.0000811</t>
  </si>
  <si>
    <t>0377022/2024-BO-000439.2024.0000328</t>
  </si>
  <si>
    <t>0392443/2024-BO-000467.2024.0001205</t>
  </si>
  <si>
    <t>0386320/2024-BO-000104.2024.0003977</t>
  </si>
  <si>
    <t>0452482/2024-BO-000004.2024.0001353</t>
  </si>
  <si>
    <t>0941207/2024-BO-000316.2024.0000474</t>
  </si>
  <si>
    <t>Destruir, danificar florestas nativas, plantadas, vegetação de dunas, objeto de especial preservação</t>
  </si>
  <si>
    <t>0337622/2024-BO-000511.2024.0000405</t>
  </si>
  <si>
    <t>0343757/2024-BO-000554.2024.0000782</t>
  </si>
  <si>
    <t>0342831/2024-BO-000434.2024.0000251</t>
  </si>
  <si>
    <t>0333193/2024-BOCOP-002356.2024.0000018</t>
  </si>
  <si>
    <t>ERMO</t>
  </si>
  <si>
    <t>0329528/2024-BOPM-002512.2024.0000053</t>
  </si>
  <si>
    <t>PESCARIA BRAVA</t>
  </si>
  <si>
    <t>0337623/2024-BO-000619.2024.0001159</t>
  </si>
  <si>
    <t>0321442/2024-BO-000471.2024.0001670</t>
  </si>
  <si>
    <t>0324140/2024-BO-000619.2024.0001116</t>
  </si>
  <si>
    <t>0324433/2024-BOCOP-002083.2024.0001949</t>
  </si>
  <si>
    <t>0319952/2024-BOPM-003021.2024.0000110</t>
  </si>
  <si>
    <t>0312135/2024-BOPM-002003.2024.0000445</t>
  </si>
  <si>
    <t>BALNEÁRIO PIÇARRAS</t>
  </si>
  <si>
    <t>0313740/2024-BO-000003.2024.0001698</t>
  </si>
  <si>
    <t>0316727/2024-BO-000273.2024.0000090</t>
  </si>
  <si>
    <t>MAREMA</t>
  </si>
  <si>
    <t>0317272/2024-BO-000481.2024.0004271</t>
  </si>
  <si>
    <t>0310803/2024-BO-000359.2024.0000177</t>
  </si>
  <si>
    <t>0309488/2024-BO-000472.2024.0002696</t>
  </si>
  <si>
    <t>Pessoa ferida em confronto por agente público fora de serviço</t>
  </si>
  <si>
    <t>0309509/2024-BOPM-002159.2024.0000158</t>
  </si>
  <si>
    <t>0309782/2024-BO-000480.2024.0001007</t>
  </si>
  <si>
    <t>0309791/2024-BO-000005.2024.0001736</t>
  </si>
  <si>
    <t>0309819/2024-BO-000549.2024.0009730</t>
  </si>
  <si>
    <t>0302269/2024-BO-000234.2024.0000543</t>
  </si>
  <si>
    <t>0302677/2024-BOCOP-002073.2024.0000787</t>
  </si>
  <si>
    <t>0304829/2024-BO-000611.2024.0000619</t>
  </si>
  <si>
    <t>0317386/2024-BO-000481.2024.0004275</t>
  </si>
  <si>
    <t>Racismo (Praticar, induzir ou incitar a discriminação ou preconceito de raça, cor, etnia, religião ou procedência nacional)</t>
  </si>
  <si>
    <t>0295724/2024-BO-000014.2024.0000568</t>
  </si>
  <si>
    <t>0299172/2024-BO-000473.2024.0001221</t>
  </si>
  <si>
    <t>Prevaricação</t>
  </si>
  <si>
    <t>0290901/2024-BO-000280.2024.0000696</t>
  </si>
  <si>
    <t>LUZERNA</t>
  </si>
  <si>
    <t>0297670/2024-BO-000274.2024.0000076</t>
  </si>
  <si>
    <t>0283691/2024-BO-000616.2024.0000605</t>
  </si>
  <si>
    <t>Deixar unidade médica de saúde sem alta ou liberação médica</t>
  </si>
  <si>
    <t>0286034/2024-BOPM-002275.2024.0000499</t>
  </si>
  <si>
    <t>Apoio</t>
  </si>
  <si>
    <t>0323655/2024-BO-000554.2024.0000738</t>
  </si>
  <si>
    <t>0281680/2024-BO-000003.2024.0001534</t>
  </si>
  <si>
    <t>0282644/2024-BOCOP-002083.2024.0001648</t>
  </si>
  <si>
    <t>0297888/2024-BO-000033.2024.0000798</t>
  </si>
  <si>
    <t>0276538/2024-BO-000461.2024.0000016</t>
  </si>
  <si>
    <t>0285907/2024-BO-000600.2024.0011307</t>
  </si>
  <si>
    <t>TIJUCAS</t>
  </si>
  <si>
    <t>0269123/2024-BO-000547.2024.0000020</t>
  </si>
  <si>
    <t>0293750/2024-BO-000008.2024.0000984</t>
  </si>
  <si>
    <t>0263206/2024-BOPM-002284.2024.0000036</t>
  </si>
  <si>
    <t>ASCURRA</t>
  </si>
  <si>
    <t>0279504/2024-BOPM-002064.2024.0001075</t>
  </si>
  <si>
    <t>0262068/2024-BOPM-002043.2024.0000559</t>
  </si>
  <si>
    <t>0301972/2024-BO-000404.2024.0000147</t>
  </si>
  <si>
    <t>ÁGUAS DE CHAPECÓ</t>
  </si>
  <si>
    <t>0258030/2024-BO-000480.2024.0000801</t>
  </si>
  <si>
    <t>0252825/2024-BOCOP-002083.2024.0001447</t>
  </si>
  <si>
    <t>0253698/2024-BOCOP-002029.2024.0000777</t>
  </si>
  <si>
    <t>0246125/2024-BO-000639.2024.0000016</t>
  </si>
  <si>
    <t>0247382/2024-BOCOP-002329.2024.0000193</t>
  </si>
  <si>
    <t>CAPIVARI DE BAIXO</t>
  </si>
  <si>
    <t>0249290/2024-BOPM-002133.2024.0000194</t>
  </si>
  <si>
    <t>0237981/2024-BO-000620.2024.0001172</t>
  </si>
  <si>
    <t>0234713/2024-BOTC-002017.2024.0002442</t>
  </si>
  <si>
    <t>0236553/2024-BO-000538.2024.0000069</t>
  </si>
  <si>
    <t>0236634/2024-BO-000538.2024.0000070</t>
  </si>
  <si>
    <t>0284382/2024-BO-000554.2024.0000663</t>
  </si>
  <si>
    <t>0232277/2024-BO-000029.2024.0001091</t>
  </si>
  <si>
    <t>0232640/2024-BO-000606.2024.0002666</t>
  </si>
  <si>
    <t>0233837/2024-BO-000392.2024.0000235</t>
  </si>
  <si>
    <t>0260845/2024-BO-000550.2024.0000127</t>
  </si>
  <si>
    <t>CAMPOS NOVOS</t>
  </si>
  <si>
    <t>0227989/2024-BO-000598.2024.0004139</t>
  </si>
  <si>
    <t>ÁGUAS MORNAS</t>
  </si>
  <si>
    <t>0222773/2024-BO-000307.2024.0000410</t>
  </si>
  <si>
    <t>0225162/2024-BOCOP-002011.2024.0000790</t>
  </si>
  <si>
    <t>0228300/2024-BO-000255.2024.0000072</t>
  </si>
  <si>
    <t>0231639/2024-BO-000067.2024.0000354</t>
  </si>
  <si>
    <t>0213618/2024-BOCOP-002064.2024.0000887</t>
  </si>
  <si>
    <t>0213894/2024-BO-000480.2024.0000665</t>
  </si>
  <si>
    <t>0214254/2024-BO-000003.2024.0001291</t>
  </si>
  <si>
    <t>0215857/2024-BO-000549.2024.0002424</t>
  </si>
  <si>
    <t>0211665/2024-BO-000401.2024.0000082</t>
  </si>
  <si>
    <t>NOVA ERECHIM</t>
  </si>
  <si>
    <t>0215097/2024-BO-000627.2024.0000306</t>
  </si>
  <si>
    <t>0244576/2024-BO-000088.2024.0000849</t>
  </si>
  <si>
    <t>0205481/2024-BOCOP-002411.2024.0000130</t>
  </si>
  <si>
    <t>CAPINZAL</t>
  </si>
  <si>
    <t>0197035/2024-BOPM-002277.2024.0000230</t>
  </si>
  <si>
    <t>0315932/2024-BO-000625.2024.0000769</t>
  </si>
  <si>
    <t>0195098/2024-BO-000137.2024.0000970</t>
  </si>
  <si>
    <t>0191729/2024-BOCOP-002323.2024.0000228</t>
  </si>
  <si>
    <t>0194651/2024-BO-000251.2024.0000138</t>
  </si>
  <si>
    <t>0188529/2024-BO-000060.2024.0000604</t>
  </si>
  <si>
    <t>0184776/2024-BOTC-002060.2024.0000572</t>
  </si>
  <si>
    <t>0188506/2024-BO-000597.2024.0005576</t>
  </si>
  <si>
    <t>0180900/2024-BOCOP-002083.2024.0000999</t>
  </si>
  <si>
    <t>0185853/2024-BO-000526.2024.0000298</t>
  </si>
  <si>
    <t>0176611/2024-BO-000376.2024.0000554</t>
  </si>
  <si>
    <t>Dirigir sob efeito de álcool e/ou droga</t>
  </si>
  <si>
    <t>0179325/2024-BO-000004.2024.0000650</t>
  </si>
  <si>
    <t>0184365/2024-BO-000598.2024.0003337</t>
  </si>
  <si>
    <t>0173290/2024-BOCOP-002042.2024.0000508</t>
  </si>
  <si>
    <t>0174643/2024-BO-000481.2024.0002271</t>
  </si>
  <si>
    <t>0176516/2024-BO-000526.2024.0000286</t>
  </si>
  <si>
    <t>0176569/2024-BO-000467.2024.0000541</t>
  </si>
  <si>
    <t>0177983/2024-BO-000520.2024.0000104</t>
  </si>
  <si>
    <t>0171188/2024-BOPM-002167.2024.0000025</t>
  </si>
  <si>
    <t>0167386/2024-BOPM-002166.2024.0000097</t>
  </si>
  <si>
    <t>BALNEÁRIO ARROIO DO SILVA</t>
  </si>
  <si>
    <t>0592985/2024-BO-000604.2024.0012187</t>
  </si>
  <si>
    <t>ORLEANS</t>
  </si>
  <si>
    <t>0162383/2024-BO-000472.2024.0001359</t>
  </si>
  <si>
    <t>0363123/2024-BO-000481.2024.0004900</t>
  </si>
  <si>
    <t>0154651/2024-BO-000137.2024.0000757</t>
  </si>
  <si>
    <t>0156977/2024-BOPA-002324.2024.0000479</t>
  </si>
  <si>
    <t>0160716/2024-BO-000050.2024.0000717</t>
  </si>
  <si>
    <t>0161717/2024-BO-000526.2024.0000260</t>
  </si>
  <si>
    <t>0158914/2024-BO-000205.2024.0000344</t>
  </si>
  <si>
    <t>0146804/2024-BO-000318.2024.0000021</t>
  </si>
  <si>
    <t>SÃO PEDRO DE ALCÂNTARA</t>
  </si>
  <si>
    <t>0161808/2024-BO-000262.2024.0000164</t>
  </si>
  <si>
    <t>0145385/2024-BOPM-002062.2024.0000259</t>
  </si>
  <si>
    <t>0145732/2024-BOPM-002020.2024.0000780</t>
  </si>
  <si>
    <t>0146404/2024-BO-000621.2024.0000679</t>
  </si>
  <si>
    <t>0183538/2024-BOPM-002334.2024.0000194</t>
  </si>
  <si>
    <t>0142560/2024-BO-000601.2024.0005812</t>
  </si>
  <si>
    <t>0136373/2024-BO-000060.2024.0000445</t>
  </si>
  <si>
    <t>0184171/2024-BO-000083.2024.0001432</t>
  </si>
  <si>
    <t>0125419/2024-BOTC-002064.2024.0000544</t>
  </si>
  <si>
    <t>0926504/2024-BOCOP-002273.2024.0003977</t>
  </si>
  <si>
    <t>0120712/2024-BOCOP-002095.2024.0000404</t>
  </si>
  <si>
    <t>0117906/2024-BO-000025.2024.0000239</t>
  </si>
  <si>
    <t>0118169/2024-BO-000604.2024.0002311</t>
  </si>
  <si>
    <t>0115096/2024-BO-000597.2024.0003477</t>
  </si>
  <si>
    <t>0108687/2024-BO-000015.2024.0000409</t>
  </si>
  <si>
    <t>0106484/2024-BOCOP-002512.2024.0000015</t>
  </si>
  <si>
    <t>0179399/2024-BO-000460.2024.0000116</t>
  </si>
  <si>
    <t>0092107/2024-BO-000058.2024.0000216</t>
  </si>
  <si>
    <t>0092895/2024-BOCOP-002061.2024.0000221</t>
  </si>
  <si>
    <t>0093060/2024-BOCOP-002149.2024.0000047</t>
  </si>
  <si>
    <t>Permitir, confiar ou entregar direção de veículo automotor a pessoa não habilitada, com habilitação cassada, com o direito de dirigir suspenso ou sem condições de conduzi-lo com segurança</t>
  </si>
  <si>
    <t>0093379/2024-BOPM-002061.2024.0000224</t>
  </si>
  <si>
    <t>0088439/2024-BOCOP-002016.2024.0000530</t>
  </si>
  <si>
    <t>0091852/2024-BOPM-002324.2024.0000273</t>
  </si>
  <si>
    <t>0085924/2024-BOPM-002083.2024.0000441</t>
  </si>
  <si>
    <t>0020087/2025-BO-000290.2025.0000028</t>
  </si>
  <si>
    <t>0086424/2024-BO-000049.2024.0000086</t>
  </si>
  <si>
    <t>0110185/2024-BO-000035.2024.0000409</t>
  </si>
  <si>
    <t>LEOBERTO LEAL</t>
  </si>
  <si>
    <t>0986615/2024-BOPM-002048.2024.0000007</t>
  </si>
  <si>
    <t>BOM JESUS</t>
  </si>
  <si>
    <t>0071992/2024-BO-000579.2024.0000035</t>
  </si>
  <si>
    <t>0074175/2024-BOTC-002060.2024.0000190</t>
  </si>
  <si>
    <t>0076712/2024-BO-000481.2024.0001031</t>
  </si>
  <si>
    <t>0070914/2024-BO-000610.2024.0003773</t>
  </si>
  <si>
    <t>0075313/2024-BO-000554.2024.0000181</t>
  </si>
  <si>
    <t>0061382/2024-BOPM-002401.2024.0000069</t>
  </si>
  <si>
    <t>FRAIBURGO</t>
  </si>
  <si>
    <t>0059611/2024-BO-000309.2024.0000037</t>
  </si>
  <si>
    <t>0052256/2024-BOCOP-002034.2024.0000138</t>
  </si>
  <si>
    <t>0058515/2024-BO-000107.2024.0000114</t>
  </si>
  <si>
    <t>0047355/2024-BOCOP-002002.2024.0000092</t>
  </si>
  <si>
    <t>0051239/2024-BOPA-002420.2024.0000318</t>
  </si>
  <si>
    <t>0044293/2024-BOPM-002083.2024.0000209</t>
  </si>
  <si>
    <t>0044439/2024-BO-000597.2024.0001318</t>
  </si>
  <si>
    <t>0040704/2024-BOPM-002000.2024.0000234</t>
  </si>
  <si>
    <t>0040914/2024-BOTC-002000.2024.0000235</t>
  </si>
  <si>
    <t>0044438/2024-BO-000472.2024.0000378</t>
  </si>
  <si>
    <t>0052964/2024-BO-000467.2024.0000168</t>
  </si>
  <si>
    <t>0040841/2024-BO-000039.2024.0000036</t>
  </si>
  <si>
    <t>0032340/2024-BOTC-002000.2024.0000188</t>
  </si>
  <si>
    <t>Exercício arbitrário das próprias razões</t>
  </si>
  <si>
    <t>0034682/2024-BOPM-002007.2024.0000043</t>
  </si>
  <si>
    <t>0054330/2024-BO-000366.2024.0000059</t>
  </si>
  <si>
    <t>TAIÓ</t>
  </si>
  <si>
    <t>0028803/2024-BO-000207.2024.0000495</t>
  </si>
  <si>
    <t>0029318/2024-BO-000343.2024.0000017</t>
  </si>
  <si>
    <t>MONTE CASTELO</t>
  </si>
  <si>
    <t>0030221/2024-BO-000311.2024.0000092</t>
  </si>
  <si>
    <t>0031864/2024-BO-000597.2024.0001007</t>
  </si>
  <si>
    <t>0024598/2024-BO-000311.2024.0000078</t>
  </si>
  <si>
    <t>0028852/2024-BO-000318.2024.0000004</t>
  </si>
  <si>
    <t>0374712/2024-BO-000472.2024.0003303</t>
  </si>
  <si>
    <t>0020640/2024-BO-000604.2024.0000371</t>
  </si>
  <si>
    <t>0015937/2024-BOCOP-002318.2024.0000034</t>
  </si>
  <si>
    <t>0016633/2024-BO-000526.2024.0000032</t>
  </si>
  <si>
    <t>0017068/2024-BO-000526.2024.0000034</t>
  </si>
  <si>
    <t>0024773/2024-BO-000080.2024.0000029</t>
  </si>
  <si>
    <t>0302744/2024-BONIPA-002526.2024.0000052</t>
  </si>
  <si>
    <t>Apuração de denúncia ambiental</t>
  </si>
  <si>
    <t>ALTO BELA VISTA</t>
  </si>
  <si>
    <t>0011765/2024-BOCOP-002273.2024.0000041</t>
  </si>
  <si>
    <t>0013817/2024-BOTC-002000.2024.0000071</t>
  </si>
  <si>
    <t>0021519/2024-BO-000614.2024.0001443</t>
  </si>
  <si>
    <t>Injúria real</t>
  </si>
  <si>
    <t>0007080/2024-BOCOP-002083.2024.0000042</t>
  </si>
  <si>
    <t>0009716/2024-BO-000122.2024.0000021</t>
  </si>
  <si>
    <t>BALNEÁRIO RINCÃO</t>
  </si>
  <si>
    <t>0009892/2024-BO-000005.2024.0000072</t>
  </si>
  <si>
    <t>0009969/2024-BO-000005.2024.0000073</t>
  </si>
  <si>
    <t>0009994/2024-BO-000003.2024.0000063</t>
  </si>
  <si>
    <t>0002647/2024-BOPM-002351.2024.0000006</t>
  </si>
  <si>
    <t>PASSO DE TORRES</t>
  </si>
  <si>
    <t>0002989/2024-BO-000597.2024.0000090</t>
  </si>
  <si>
    <t>0003561/2024-BO-000070.2024.0000001</t>
  </si>
  <si>
    <t>0005384/2024-BOPM-002460.2024.0000020</t>
  </si>
  <si>
    <t>0002099/2024-BO-000262.2024.0000009</t>
  </si>
  <si>
    <t>0003119/2024-BO-000469.2024.0000015</t>
  </si>
  <si>
    <t>0000241/2024-BO-000658.2024.0000003</t>
  </si>
  <si>
    <t>Direção perigosa de veículo em via pública</t>
  </si>
  <si>
    <t>1164346/2023-BOTC-002073.2023.0003528</t>
  </si>
  <si>
    <t>0009022/2024-BO-000472.2024.0000075</t>
  </si>
  <si>
    <t>1161500/2023-BO-000003.2023.0005002</t>
  </si>
  <si>
    <t>0016827/2024-BO-000125.2024.0000065</t>
  </si>
  <si>
    <t>1160186/2023-BOCOP-002042.2023.0003565</t>
  </si>
  <si>
    <t>1155573/2023-BO-000472.2023.0009313</t>
  </si>
  <si>
    <t>0025085/2024-BO-000301.2024.0000035</t>
  </si>
  <si>
    <t>0187455/2024-BO-000144.2024.0000488</t>
  </si>
  <si>
    <t>Favorecimento pessoal</t>
  </si>
  <si>
    <t>1150815/2023-BO-000087.2023.0002203</t>
  </si>
  <si>
    <t>1150009/2023-BO-000087.2023.0002201</t>
  </si>
  <si>
    <t>Adulteração de sinal identificador de veículo automotor</t>
  </si>
  <si>
    <t>1151938/2023-BO-000036.2023.0002331</t>
  </si>
  <si>
    <t>0030300/2024-BO-000088.2024.0000100</t>
  </si>
  <si>
    <t>1147920/2023-BOTC-002275.2023.0002091</t>
  </si>
  <si>
    <t>1148982/2023-BOTC-002064.2023.0003914</t>
  </si>
  <si>
    <t>1143247/2023-BO-000420.2023.0005783</t>
  </si>
  <si>
    <t>1143537/2023-BO-000462.2023.0002561</t>
  </si>
  <si>
    <t>1145063/2023-BOPA-002317.2023.0004267</t>
  </si>
  <si>
    <t>1135309/2023-BO-000237.2023.0004057</t>
  </si>
  <si>
    <t>Estupro de vulnerável</t>
  </si>
  <si>
    <t>1132589/2023-BO-000597.2023.0033874</t>
  </si>
  <si>
    <t>1127039/2023-BO-000145.2023.0001867</t>
  </si>
  <si>
    <t>1129269/2023-BOPA-002045.2023.0001821</t>
  </si>
  <si>
    <t>1122453/2023-BOTC-002064.2023.0003799</t>
  </si>
  <si>
    <t>1123409/2023-BOCOP-002000.2023.0005515</t>
  </si>
  <si>
    <t>1155662/2023-BO-000472.2023.0009315</t>
  </si>
  <si>
    <t>1119277/2023-BO-000043.2023.0003183</t>
  </si>
  <si>
    <t>1112569/2023-BOPA-002143.2023.0001452</t>
  </si>
  <si>
    <t>1113161/2023-BOTC-002143.2023.0001453</t>
  </si>
  <si>
    <t>0090864/2024-BOPM-002158.2024.0000010</t>
  </si>
  <si>
    <t>1106610/2023-BO-000472.2023.0008868</t>
  </si>
  <si>
    <t>1105226/2023-BO-000675.2023.0000182</t>
  </si>
  <si>
    <t>CORONEL MARTINS</t>
  </si>
  <si>
    <t>Fuga ou evasão de pessoa presa, apreendida ou custodiada</t>
  </si>
  <si>
    <t>Sequestro e cárcere privado</t>
  </si>
  <si>
    <t>1099667/2023-BOTC-002083.2023.0006115</t>
  </si>
  <si>
    <t>1102803/2023-BO-000526.2023.0001701</t>
  </si>
  <si>
    <t>1129096/2023-BO-000610.2023.0057630</t>
  </si>
  <si>
    <t>1098351/2023-BOPM-002038.2023.0002013</t>
  </si>
  <si>
    <t>1094624/2023-BO-000472.2023.0008784</t>
  </si>
  <si>
    <t>1096222/2023-BO-000318.2023.0000236</t>
  </si>
  <si>
    <t>1097278/2023-BO-000290.2023.0002917</t>
  </si>
  <si>
    <t>1093404/2023-BO-000060.2023.0004120</t>
  </si>
  <si>
    <t>1095518/2023-BO-000554.2023.0002730</t>
  </si>
  <si>
    <t>1077064/2023-BOCOP-002384.2023.0000530</t>
  </si>
  <si>
    <t>1078279/2023-BO-000104.2023.0009421</t>
  </si>
  <si>
    <t>1079609/2023-BO-000549.2023.0010174</t>
  </si>
  <si>
    <t>1080418/2023-BOTC-002038.2023.0001982</t>
  </si>
  <si>
    <t>1075703/2023-BOPM-002028.2023.0002970</t>
  </si>
  <si>
    <t>1077213/2023-BO-000598.2023.0019841</t>
  </si>
  <si>
    <t>1073520/2023-BO-000481.2023.0015742</t>
  </si>
  <si>
    <t>1073975/2023-BOCOP-002095.2023.0003801</t>
  </si>
  <si>
    <t>1069200/2023-BOCOP-002083.2023.0005943</t>
  </si>
  <si>
    <t>1061893/2023-BO-000618.2023.0005586</t>
  </si>
  <si>
    <t>ERVAL VELHO</t>
  </si>
  <si>
    <t>1065337/2023-BO-000614.2023.0059657</t>
  </si>
  <si>
    <t>1065717/2023-BO-000280.2023.0002836</t>
  </si>
  <si>
    <t>HERVAL D´OESTE</t>
  </si>
  <si>
    <t>1060267/2023-BO-000005.2023.0006496</t>
  </si>
  <si>
    <t>1052673/2023-BOCOP-002017.2023.0012247</t>
  </si>
  <si>
    <t>1056113/2023-BO-000352.2023.0000308</t>
  </si>
  <si>
    <t>1052664/2023-BO-000246.2023.0001413</t>
  </si>
  <si>
    <t>1049214/2023-BOCOP-002401.2023.0001387</t>
  </si>
  <si>
    <t>1050533/2023-BOPM-002317.2023.0003944</t>
  </si>
  <si>
    <t>1103356/2023-BO-000597.2023.0032980</t>
  </si>
  <si>
    <t>0389148/2024-BO-000520.2024.0000260</t>
  </si>
  <si>
    <t>1046115/2023-BOCOP-002083.2023.0005828</t>
  </si>
  <si>
    <t>1047847/2023-BO-000472.2023.0008392</t>
  </si>
  <si>
    <t>Homicídio culposo em acidente de trânsito</t>
  </si>
  <si>
    <t>1049091/2023-BOCOP-002324.2023.0003106</t>
  </si>
  <si>
    <t>1049137/2023-BOCOP-002016.2023.0008673</t>
  </si>
  <si>
    <t>1037866/2023-BO-000544.2023.0000259</t>
  </si>
  <si>
    <t>1043463/2023-BO-000343.2023.0000335</t>
  </si>
  <si>
    <t>1045909/2023-BO-000544.2023.0000261</t>
  </si>
  <si>
    <t>1045937/2023-BO-000544.2023.0000262</t>
  </si>
  <si>
    <t>1047511/2023-BO-000292.2023.0000473</t>
  </si>
  <si>
    <t>APIÚNA</t>
  </si>
  <si>
    <t>1092354/2023-BO-000256.2023.0000424</t>
  </si>
  <si>
    <t>ITÁ</t>
  </si>
  <si>
    <t>1037530/2023-BOCOP-002317.2023.0003900</t>
  </si>
  <si>
    <t>1037933/2023-BO-000549.2023.0009774</t>
  </si>
  <si>
    <t>1061854/2023-BO-000124.2023.0002813</t>
  </si>
  <si>
    <t>1029055/2023-BO-000471.2023.0005674</t>
  </si>
  <si>
    <t>1032368/2023-BOCOP-002095.2023.0003676</t>
  </si>
  <si>
    <t>1033088/2023-BOTC-002035.2023.0004142</t>
  </si>
  <si>
    <t>1031429/2023-BO-000335.2023.0002555</t>
  </si>
  <si>
    <t>1017094/2023-BOCOP-002466.2023.0000057</t>
  </si>
  <si>
    <t>ARABUTÃ</t>
  </si>
  <si>
    <t>1018134/2023-BO-000665.2023.0000148</t>
  </si>
  <si>
    <t>1008311/2023-BOPM-002007.2023.0001735</t>
  </si>
  <si>
    <t>1014346/2023-BO-000677.2023.0000294</t>
  </si>
  <si>
    <t>Feminicídio</t>
  </si>
  <si>
    <t>1033274/2023-BO-000420.2023.0005283</t>
  </si>
  <si>
    <t>1003881/2023-BOTC-002016.2023.0008313</t>
  </si>
  <si>
    <t>1004593/2023-BOCOP-002038.2023.0001833</t>
  </si>
  <si>
    <t>1004989/2023-BO-000467.2023.0002858</t>
  </si>
  <si>
    <t>1005025/2023-BOPM-002500.2023.0001065</t>
  </si>
  <si>
    <t>1000417/2023-BOPM-002193.2023.0005953</t>
  </si>
  <si>
    <t>1001325/2023-BO-000215.2023.0000816</t>
  </si>
  <si>
    <t>1002134/2023-BO-000481.2023.0014756</t>
  </si>
  <si>
    <t>Falsificação, corrupção, adulteração ou alteração de produtos destinados a fins terapêuticos ou medicinais - Doloso</t>
  </si>
  <si>
    <t>1004014/2023-BOPM-002149.2023.0000477</t>
  </si>
  <si>
    <t>1077711/2023-BO-000526.2023.0001660</t>
  </si>
  <si>
    <t>Abandono de incapaz</t>
  </si>
  <si>
    <t>0995899/2023-BO-000584.2023.0000436</t>
  </si>
  <si>
    <t>XAVANTINA</t>
  </si>
  <si>
    <t>0996071/2023-BO-000589.2023.0000015</t>
  </si>
  <si>
    <t>0997578/2023-BO-000243.2023.0000365</t>
  </si>
  <si>
    <t>ÁGUA DOCE</t>
  </si>
  <si>
    <t>0988321/2023-BO-000307.2023.0001483</t>
  </si>
  <si>
    <t>0990005/2023-BO-000335.2023.0002447</t>
  </si>
  <si>
    <t>1005245/2023-BO-000083.2023.0010080</t>
  </si>
  <si>
    <t>0984873/2023-BOPM-002017.2023.0011483</t>
  </si>
  <si>
    <t>0985625/2023-BOPA-002115.2023.0000758</t>
  </si>
  <si>
    <t>0982026/2023-BOCOP-002083.2023.0005497</t>
  </si>
  <si>
    <t>0983638/2023-BO-000363.2023.0001241</t>
  </si>
  <si>
    <t>0994305/2023-BO-000049.2023.0001429</t>
  </si>
  <si>
    <t>0979605/2023-BO-000614.2023.0054844</t>
  </si>
  <si>
    <t>0976298/2023-BOCOP-002420.2023.0006597</t>
  </si>
  <si>
    <t>0090710/2024-BO-000604.2024.0001793</t>
  </si>
  <si>
    <t>0975301/2023-BOPA-002500.2023.0001025</t>
  </si>
  <si>
    <t>0975493/2023-BOTC-002323.2023.0001228</t>
  </si>
  <si>
    <t>0992996/2023-BO-000031.2023.0002136</t>
  </si>
  <si>
    <t>1000660/2023-BO-000205.2023.0001836</t>
  </si>
  <si>
    <t>0972513/2023-BOPA-002460.2023.0002887</t>
  </si>
  <si>
    <t>0966743/2023-BOCOP-002193.2023.0005727</t>
  </si>
  <si>
    <t>0965905/2023-BOPM-002511.2023.0001053</t>
  </si>
  <si>
    <t>0966345/2023-BOCOP-002348.2023.0001010</t>
  </si>
  <si>
    <t>0984911/2023-BO-000520.2023.0000635</t>
  </si>
  <si>
    <t>0960825/2023-BOCOP-002281.2023.0000190</t>
  </si>
  <si>
    <t>RIO DOS CEDROS</t>
  </si>
  <si>
    <t>0958147/2023-BO-000451.2023.0000191</t>
  </si>
  <si>
    <t>0958842/2023-BO-000237.2023.0003364</t>
  </si>
  <si>
    <t>0973157/2023-BO-000070.2023.0000630</t>
  </si>
  <si>
    <t>NOVO HORIZONTE</t>
  </si>
  <si>
    <t>0979239/2023-BO-000124.2023.0002633</t>
  </si>
  <si>
    <t>1001001/2023-BO-000060.2023.0003771</t>
  </si>
  <si>
    <t>0955246/2023-BO-000104.2023.0008523</t>
  </si>
  <si>
    <t>0948388/2023-BOCOP-002411.2023.0000710</t>
  </si>
  <si>
    <t>0949268/2023-BO-000344.2023.0000359</t>
  </si>
  <si>
    <t>0951293/2023-BOCOP-002029.2023.0002164</t>
  </si>
  <si>
    <t>0942956/2023-BOCOP-002274.2023.0001409</t>
  </si>
  <si>
    <t>RIO NEGRINHO</t>
  </si>
  <si>
    <t>0937658/2023-BO-000466.2023.0005299</t>
  </si>
  <si>
    <t>0941332/2023-BO-000125.2023.0002808</t>
  </si>
  <si>
    <t>0931223/2023-BO-000022.2023.0001556</t>
  </si>
  <si>
    <t>0932616/2023-BOCOP-002460.2023.0002755</t>
  </si>
  <si>
    <t>0952441/2023-BO-000407.2023.0000070</t>
  </si>
  <si>
    <t>UNIÃO DO OESTE</t>
  </si>
  <si>
    <t>0925909/2023-BO-000034.2023.0006679</t>
  </si>
  <si>
    <t>0930017/2023-BO-000206.2023.0000758</t>
  </si>
  <si>
    <t>GRAVATAL</t>
  </si>
  <si>
    <t>0923721/2023-BO-000520.2023.0000604</t>
  </si>
  <si>
    <t>0949662/2023-BO-000243.2023.0000332</t>
  </si>
  <si>
    <t>0915575/2023-BO-000379.2023.0000543</t>
  </si>
  <si>
    <t>0915604/2023-BO-000054.2023.0003043</t>
  </si>
  <si>
    <t>0915624/2023-BOTC-002016.2023.0007651</t>
  </si>
  <si>
    <t>0916520/2023-BO-000471.2023.0005060</t>
  </si>
  <si>
    <t>0916652/2023-BO-000668.2023.0000178</t>
  </si>
  <si>
    <t>0925926/2023-BO-000481.2023.0013656</t>
  </si>
  <si>
    <t>0915342/2023-BOTC-002039.2023.0001894</t>
  </si>
  <si>
    <t>0912079/2023-BO-000299.2023.0002464</t>
  </si>
  <si>
    <t>0913407/2023-BO-000076.2023.0001893</t>
  </si>
  <si>
    <t>0919020/2023-BO-000432.2023.0000320</t>
  </si>
  <si>
    <t>PARAÍSO</t>
  </si>
  <si>
    <t>0909059/2023-BOTC-002095.2023.0003273</t>
  </si>
  <si>
    <t>0905972/2023-BO-000003.2023.0003870</t>
  </si>
  <si>
    <t>0906108/2023-BOCOP-002038.2023.0001664</t>
  </si>
  <si>
    <t>0908732/2023-BO-000472.2023.0007204</t>
  </si>
  <si>
    <t>0989694/2023-BO-000243.2023.0000355</t>
  </si>
  <si>
    <t>0908803/2023-BO-000472.2023.0007205</t>
  </si>
  <si>
    <t>0896725/2023-BOCOP-002017.2023.0010446</t>
  </si>
  <si>
    <t>Rixa</t>
  </si>
  <si>
    <t>0897975/2023-BOPM-002193.2023.0005315</t>
  </si>
  <si>
    <t>0894311/2023-BO-000207.2023.0001714</t>
  </si>
  <si>
    <t>0891202/2023-BO-000580.2023.0002096</t>
  </si>
  <si>
    <t>0885618/2023-BOPM-002017.2023.0010281</t>
  </si>
  <si>
    <t>0954822/2023-BO-000031.2023.0002049</t>
  </si>
  <si>
    <t>0998124/2023-BO-000537.2023.0000328</t>
  </si>
  <si>
    <t>0881397/2023-BOCOP-002060.2023.0002633</t>
  </si>
  <si>
    <t>0883627/2023-BOCOP-002035.2023.0003570</t>
  </si>
  <si>
    <t>0889447/2023-BO-000029.2023.0003790</t>
  </si>
  <si>
    <t>0878204/2023-BO-000107.2023.0001984</t>
  </si>
  <si>
    <t>0879899/2023-BO-000104.2023.0007938</t>
  </si>
  <si>
    <t>0893242/2023-BO-000439.2023.0000920</t>
  </si>
  <si>
    <t>0928100/2023-BO-000243.2023.0000320</t>
  </si>
  <si>
    <t>0876132/2023-BOCOP-002034.2023.0002653</t>
  </si>
  <si>
    <t>0876211/2023-BOPM-002012.2023.0001131</t>
  </si>
  <si>
    <t>0873420/2023-BO-000480.2023.0002465</t>
  </si>
  <si>
    <t>0873795/2023-BO-000613.2023.0016523</t>
  </si>
  <si>
    <t>0867563/2023-BO-000005.2023.0005287</t>
  </si>
  <si>
    <t>0867733/2023-BO-000469.2023.0003417</t>
  </si>
  <si>
    <t>0869666/2023-BO-000661.2023.0002332</t>
  </si>
  <si>
    <t>0870037/2023-BO-000087.2023.0001706</t>
  </si>
  <si>
    <t>0872659/2023-BO-000613.2023.0016478</t>
  </si>
  <si>
    <t>Injúria qualificada (religião, pessoa idosa ou deficiência)</t>
  </si>
  <si>
    <t>0864396/2023-BOPA-002487.2023.0001442</t>
  </si>
  <si>
    <t>Descaminho</t>
  </si>
  <si>
    <t>0865243/2023-BOCOP-002083.2023.0004750</t>
  </si>
  <si>
    <t>0865750/2023-BOCOP-002273.2023.0004181</t>
  </si>
  <si>
    <t>0860186/2023-BO-000024.2023.0000866</t>
  </si>
  <si>
    <t>SÃO DOMINGOS</t>
  </si>
  <si>
    <t>0861489/2023-BO-000341.2023.0000969</t>
  </si>
  <si>
    <t>0855438/2023-BO-000124.2023.0002398</t>
  </si>
  <si>
    <t>0858078/2023-BO-000036.2023.0001822</t>
  </si>
  <si>
    <t>0852774/2023-BOPM-002277.2023.0001214</t>
  </si>
  <si>
    <t>0853156/2023-BO-000481.2023.0012611</t>
  </si>
  <si>
    <t>LUIZ ALVES</t>
  </si>
  <si>
    <t>0854084/2023-BOPM-002022.2023.0000925</t>
  </si>
  <si>
    <t>TIMBÓ</t>
  </si>
  <si>
    <t>0854170/2023-BOPM-002017.2023.0009971</t>
  </si>
  <si>
    <t>0854248/2023-BOCOP-002273.2023.0004147</t>
  </si>
  <si>
    <t>Furto de coisa comum</t>
  </si>
  <si>
    <t>0854280/2023-BOCOP-002273.2023.0004150</t>
  </si>
  <si>
    <t>0852053/2023-BOCOP-002095.2023.0003089</t>
  </si>
  <si>
    <t>0855826/2023-BOPM-002324.2023.0002508</t>
  </si>
  <si>
    <t>0878229/2023-BO-000266.2023.0000346</t>
  </si>
  <si>
    <t>0849813/2023-BO-000215.2023.0000711</t>
  </si>
  <si>
    <t>0845314/2023-BOTC-002017.2023.0009859</t>
  </si>
  <si>
    <t>0842477/2023-BOPM-002012.2023.0001080</t>
  </si>
  <si>
    <t>0842728/2023-BOPM-002042.2023.0002572</t>
  </si>
  <si>
    <t>0881873/2023-BO-000231.2023.0000146</t>
  </si>
  <si>
    <t>PONTE ALTA</t>
  </si>
  <si>
    <t>0945892/2023-BO-000243.2023.0000328</t>
  </si>
  <si>
    <t>0841670/2023-BO-000604.2023.0017033</t>
  </si>
  <si>
    <t>0837439/2023-BO-000307.2023.0001256</t>
  </si>
  <si>
    <t>0830793/2023-BO-000472.2023.0006562</t>
  </si>
  <si>
    <t>0141202/2024-BO-000601.2024.0005684</t>
  </si>
  <si>
    <t>Injúria racial</t>
  </si>
  <si>
    <t>0838441/2023-BO-000619.2023.0002779</t>
  </si>
  <si>
    <t>0825001/2023-BO-000060.2023.0003025</t>
  </si>
  <si>
    <t>0821674/2023-BOPA-002170.2023.0000196</t>
  </si>
  <si>
    <t>0823584/2023-BO-000530.2023.0000692</t>
  </si>
  <si>
    <t>0819662/2023-BO-000614.2023.0045914</t>
  </si>
  <si>
    <t>0821128/2023-BOPM-002193.2023.0004854</t>
  </si>
  <si>
    <t>0811113/2023-BOCOP-002029.2023.0001853</t>
  </si>
  <si>
    <t>0815170/2023-BO-000125.2023.0002447</t>
  </si>
  <si>
    <t>0840709/2023-BO-000612.2023.0009429</t>
  </si>
  <si>
    <t>Invadir ou adentrar, clandestina ou astuciosamente, ou à revelia da vontade do ocupante, imóvel alheio ou suas dependências, ou nele permanecer nas mesmas condições, sem determinação judicial ou fora das condições estabelecidas em lei</t>
  </si>
  <si>
    <t>0890156/2023-BO-000277.2023.0000405</t>
  </si>
  <si>
    <t>1019584/2023-BONIPA-002518.2023.0000193</t>
  </si>
  <si>
    <t>Destruir, danificar vegetação do Bioma Mata Atlântica ou usá-la com infringência das normas de proteção</t>
  </si>
  <si>
    <t>0816284/2023-BO-000010.2023.0000883</t>
  </si>
  <si>
    <t>0805977/2023-BO-000480.2023.0002270</t>
  </si>
  <si>
    <t>0802162/2023-BO-000234.2023.0001309</t>
  </si>
  <si>
    <t>0994074/2023-BO-000031.2023.0002139</t>
  </si>
  <si>
    <t>Aliciar, assediar criança com o fim de praticar ato libidinoso com ela</t>
  </si>
  <si>
    <t>0801766/2023-BOPM-002017.2023.0009356</t>
  </si>
  <si>
    <t>0802867/2023-BO-000299.2023.0002139</t>
  </si>
  <si>
    <t>0814102/2023-BO-000262.2023.0000934</t>
  </si>
  <si>
    <t>0800004/2023-BO-000473.2023.0003675</t>
  </si>
  <si>
    <t>0789057/2023-BOPA-002083.2023.0004353</t>
  </si>
  <si>
    <t>Homicídio - Culposo</t>
  </si>
  <si>
    <t>0787438/2023-BOCOP-002017.2023.0009178</t>
  </si>
  <si>
    <t>0919565/2023-BO-000243.2023.0000316</t>
  </si>
  <si>
    <t>0779980/2023-BOCOP-002134.2023.0000500</t>
  </si>
  <si>
    <t>0776322/2023-BO-000492.2023.0002956</t>
  </si>
  <si>
    <t>0777988/2023-BOPM-002019.2023.0001442</t>
  </si>
  <si>
    <t>0794989/2023-BO-000290.2023.0002203</t>
  </si>
  <si>
    <t>0768896/2023-BOPM-002011.2023.0003343</t>
  </si>
  <si>
    <t>0772119/2023-BO-000472.2023.0006050</t>
  </si>
  <si>
    <t>0765169/2023-BO-000074.2023.0001529</t>
  </si>
  <si>
    <t>0766025/2023-BO-000586.2023.0000346</t>
  </si>
  <si>
    <t>0766708/2023-BO-000015.2023.0002763</t>
  </si>
  <si>
    <t>0760845/2023-BOCOP-002459.2023.0000030</t>
  </si>
  <si>
    <t>0745144/2023-BOPM-002043.2023.0001649</t>
  </si>
  <si>
    <t>0748772/2023-BO-000669.2023.0000979</t>
  </si>
  <si>
    <t>0748876/2023-BO-000004.2023.0002589</t>
  </si>
  <si>
    <t>0749397/2023-BOPM-002083.2023.0004107</t>
  </si>
  <si>
    <t>0744105/2023-BO-000209.2023.0000732</t>
  </si>
  <si>
    <t>0744257/2023-BO-000083.2023.0007766</t>
  </si>
  <si>
    <t>0742224/2023-BO-000003.2023.0003270</t>
  </si>
  <si>
    <t>0743065/2023-BOTC-002512.2023.0000108</t>
  </si>
  <si>
    <t>0923592/2023-BO-000243.2023.0000318</t>
  </si>
  <si>
    <t>0739847/2023-BO-000088.2023.0002068</t>
  </si>
  <si>
    <t>0744798/2023-BO-000608.2023.0026203</t>
  </si>
  <si>
    <t>0740437/2023-BO-000492.2023.0002815</t>
  </si>
  <si>
    <t>0721331/2023-BOPM-002000.2023.0003654</t>
  </si>
  <si>
    <t>0717751/2023-BO-000492.2023.0002731</t>
  </si>
  <si>
    <t>0718965/2023-BO-000480.2023.0002038</t>
  </si>
  <si>
    <t>Roubo</t>
  </si>
  <si>
    <t>0719901/2023-BOPM-002016.2023.0006123</t>
  </si>
  <si>
    <t>0724505/2023-BO-000470.2023.0000434</t>
  </si>
  <si>
    <t>CANELINHA</t>
  </si>
  <si>
    <t>0714361/2023-BO-000125.2023.0002196</t>
  </si>
  <si>
    <t>0716429/2023-BO-000481.2023.0010633</t>
  </si>
  <si>
    <t>0709936/2023-BOTC-002330.2023.0000516</t>
  </si>
  <si>
    <t>0711237/2023-BOPM-002011.2023.0003085</t>
  </si>
  <si>
    <t>0751203/2023-BO-000614.2023.0041880</t>
  </si>
  <si>
    <t>0703814/2023-BOTC-002011.2023.0003056</t>
  </si>
  <si>
    <t>0704369/2023-BO-000049.2023.0001069</t>
  </si>
  <si>
    <t>0704540/2023-BO-000060.2023.0002404</t>
  </si>
  <si>
    <t>0705942/2023-BO-000290.2023.0001935</t>
  </si>
  <si>
    <t>0791366/2023-BO-000104.2023.0007186</t>
  </si>
  <si>
    <t>0700030/2023-BOPA-002000.2023.0003545</t>
  </si>
  <si>
    <t>Peculato - Doloso</t>
  </si>
  <si>
    <t>0746271/2023-BO-000067.2023.0001179</t>
  </si>
  <si>
    <t>0690732/2023-BOPM-002060.2023.0002054</t>
  </si>
  <si>
    <t>0689871/2023-BOTC-002042.2023.0002092</t>
  </si>
  <si>
    <t>0701735/2023-BO-000290.2023.0001919</t>
  </si>
  <si>
    <t>0683479/2023-BO-000663.2023.0000155</t>
  </si>
  <si>
    <t>0685055/2023-BO-000467.2023.0001980</t>
  </si>
  <si>
    <t>0685596/2023-BO-000003.2023.0003087</t>
  </si>
  <si>
    <t>0686514/2023-BO-000391.2023.0001838</t>
  </si>
  <si>
    <t>1006018/2023-BO-000549.2023.0009462</t>
  </si>
  <si>
    <t>0680096/2023-BOTC-002083.2023.0003725</t>
  </si>
  <si>
    <t>0681269/2023-BO-000433.2023.0000576</t>
  </si>
  <si>
    <t>BARRA BONITA</t>
  </si>
  <si>
    <t>0677521/2023-BOPM-002133.2023.0000546</t>
  </si>
  <si>
    <t>0678305/2023-BO-000407.2023.0000057</t>
  </si>
  <si>
    <t>0675988/2023-BOCOP-002011.2023.0002929</t>
  </si>
  <si>
    <t>0675628/2023-BO-000613.2023.0012632</t>
  </si>
  <si>
    <t>0689572/2023-BO-000284.2023.0000583</t>
  </si>
  <si>
    <t>0670347/2023-BOPM-002035.2023.0002706</t>
  </si>
  <si>
    <t>0672071/2023-BO-000480.2023.0001940</t>
  </si>
  <si>
    <t>0672331/2023-BOTC-002017.2023.0007900</t>
  </si>
  <si>
    <t>Dirigir aeronave sem estar devidamente licenciado (Direção não licenciada de aeronave)</t>
  </si>
  <si>
    <t>0668811/2023-BOPM-002487.2023.0001131</t>
  </si>
  <si>
    <t>0664835/2023-BOCOP-002083.2023.0003623</t>
  </si>
  <si>
    <t>0665459/2023-BOTC-002318.2023.0001855</t>
  </si>
  <si>
    <t>0665660/2023-BOPM-002017.2023.0007842</t>
  </si>
  <si>
    <t>0662361/2023-BO-000618.2023.0003356</t>
  </si>
  <si>
    <t>0976161/2023-BO-000609.2023.0012497</t>
  </si>
  <si>
    <t>0655037/2023-BO-000677.2023.0000113</t>
  </si>
  <si>
    <t>0674624/2023-BO-000291.2023.0001742</t>
  </si>
  <si>
    <t>0994020/2023-BO-000243.2023.0000363</t>
  </si>
  <si>
    <t>0648778/2023-BO-000205.2023.0001278</t>
  </si>
  <si>
    <t>0649095/2023-BOCOP-002011.2023.0002817</t>
  </si>
  <si>
    <t>0653331/2023-BO-000076.2023.0001276</t>
  </si>
  <si>
    <t>0646372/2023-BO-000010.2023.0000712</t>
  </si>
  <si>
    <t>0646954/2023-BOPM-002350.2023.0000187</t>
  </si>
  <si>
    <t>SÃO JOÃO DO SUL</t>
  </si>
  <si>
    <t>0641403/2023-BOCOP-002460.2023.0001866</t>
  </si>
  <si>
    <t>0644668/2023-BOPM-002017.2023.0007599</t>
  </si>
  <si>
    <t>0636737/2023-BO-000344.2023.0000261</t>
  </si>
  <si>
    <t>0637111/2023-BOTC-002008.2023.0000819</t>
  </si>
  <si>
    <t>0634984/2023-BOPM-002460.2023.0001849</t>
  </si>
  <si>
    <t>0639944/2023-BO-000614.2023.0036003</t>
  </si>
  <si>
    <t>0630798/2023-BO-000003.2023.0002881</t>
  </si>
  <si>
    <t>0631410/2023-BO-000584.2023.0000256</t>
  </si>
  <si>
    <t>0806014/2023-BO-000480.2023.0002271</t>
  </si>
  <si>
    <t>0630652/2023-BOTC-002017.2023.0007445</t>
  </si>
  <si>
    <t>0626139/2023-BOTC-002016.2023.0005351</t>
  </si>
  <si>
    <t>0627347/2023-BOCOP-002161.2023.0000180</t>
  </si>
  <si>
    <t>CAMPO ALEGRE</t>
  </si>
  <si>
    <t>0627702/2023-BO-000473.2023.0002901</t>
  </si>
  <si>
    <t>0666430/2023-BO-000083.2023.0006952</t>
  </si>
  <si>
    <t>0623038/2023-BO-000427.2023.0000542</t>
  </si>
  <si>
    <t>0613477/2023-BO-000669.2023.0000846</t>
  </si>
  <si>
    <t>0614123/2023-BO-000612.2023.0006674</t>
  </si>
  <si>
    <t>0620784/2023-BO-000466.2023.0003577</t>
  </si>
  <si>
    <t>Injúria qualificada pelo preconceito</t>
  </si>
  <si>
    <t>0612129/2023-BO-000237.2023.0002172</t>
  </si>
  <si>
    <t>0606439/2023-BO-000385.2023.0000144</t>
  </si>
  <si>
    <t>0592198/2023-BO-000549.2023.0005512</t>
  </si>
  <si>
    <t>0592224/2023-BOCOP-002064.2023.0002239</t>
  </si>
  <si>
    <t>0593575/2023-BO-000440.2023.0000525</t>
  </si>
  <si>
    <t>ITAPIRANGA</t>
  </si>
  <si>
    <t>0602615/2023-BO-000127.2023.0000915</t>
  </si>
  <si>
    <t>0590513/2023-BOCOP-002083.2023.0003143</t>
  </si>
  <si>
    <t>0591146/2023-BO-000003.2023.0002748</t>
  </si>
  <si>
    <t>Extorsão</t>
  </si>
  <si>
    <t>0732144/2023-BO-000645.2023.0000041</t>
  </si>
  <si>
    <t>0584811/2023-BO-000039.2023.0000729</t>
  </si>
  <si>
    <t>0578259/2023-BOPM-002143.2023.0000789</t>
  </si>
  <si>
    <t>0578654/2023-BO-000448.2023.0000092</t>
  </si>
  <si>
    <t>0579360/2023-BO-000081.2023.0000596</t>
  </si>
  <si>
    <t>0573510/2023-BO-000300.2023.0000727</t>
  </si>
  <si>
    <t>0574965/2023-BOPA-002035.2023.0002303</t>
  </si>
  <si>
    <t>0575537/2023-BO-000667.2023.0000263</t>
  </si>
  <si>
    <t>Dano contra patrimônio público</t>
  </si>
  <si>
    <t>0623147/2023-BO-000028.2023.0000717</t>
  </si>
  <si>
    <t>0571143/2023-BO-000237.2023.0002043</t>
  </si>
  <si>
    <t>0569366/2023-BOCOP-002464.2023.0000030</t>
  </si>
  <si>
    <t>Dirigir sem habilitação ou permissão, ou cassado o direito de dirigir, gerando perigo de dano</t>
  </si>
  <si>
    <t>Dirigir, sem a devida habilitação, veículo em via pública ou embarcação a motor em águas públicas</t>
  </si>
  <si>
    <t>0557437/2023-BO-000471.2023.0003151</t>
  </si>
  <si>
    <t>0599938/2023-BO-000300.2023.0000759</t>
  </si>
  <si>
    <t>0553294/2023-BO-000125.2023.0001802</t>
  </si>
  <si>
    <t>0547383/2023-BO-000472.2023.0004291</t>
  </si>
  <si>
    <t>0542564/2023-BO-000012.2023.0001262</t>
  </si>
  <si>
    <t>0542614/2023-BOPM-002437.2023.0001102</t>
  </si>
  <si>
    <t>0543756/2023-BO-000381.2023.0002361</t>
  </si>
  <si>
    <t>0545490/2023-BO-000447.2023.0000207</t>
  </si>
  <si>
    <t>GUARUJÁ DO SUL</t>
  </si>
  <si>
    <t>0552651/2023-BO-000607.2023.0005254</t>
  </si>
  <si>
    <t>SÃO JOÃO BATISTA</t>
  </si>
  <si>
    <t>1010729/2023-BO-000280.2023.0002704</t>
  </si>
  <si>
    <t>0532558/2023-BO-000472.2023.0004231</t>
  </si>
  <si>
    <t>0719202/2023-BO-000614.2023.0040172</t>
  </si>
  <si>
    <t>0529662/2023-BOCOP-002095.2023.0001914</t>
  </si>
  <si>
    <t>0529343/2023-BO-000460.2023.0000394</t>
  </si>
  <si>
    <t>0525476/2023-BO-000481.2023.0007783</t>
  </si>
  <si>
    <t>0532601/2023-BO-000280.2023.0001386</t>
  </si>
  <si>
    <t>0552465/2023-BO-000125.2023.0001788</t>
  </si>
  <si>
    <t>0911566/2023-BO-000391.2023.0002404</t>
  </si>
  <si>
    <t>0968044/2023-BO-000277.2023.0000438</t>
  </si>
  <si>
    <t>0992979/2023-BO-000243.2023.0000359</t>
  </si>
  <si>
    <t>0550102/2023-BO-000613.2023.0010141</t>
  </si>
  <si>
    <t>0990056/2023-BO-000243.2023.0000356</t>
  </si>
  <si>
    <t>0517765/2023-BO-000520.2023.0000334</t>
  </si>
  <si>
    <t>0512691/2023-BO-000466.2023.0003063</t>
  </si>
  <si>
    <t>0985559/2023-BO-000280.2023.0002640</t>
  </si>
  <si>
    <t>0507402/2023-BOPM-002064.2023.0001957</t>
  </si>
  <si>
    <t>0508395/2023-BOPM-002373.2023.0000045</t>
  </si>
  <si>
    <t>CAMPO BELO DO SUL</t>
  </si>
  <si>
    <t>0547069/2023-BO-000621.2023.0002390</t>
  </si>
  <si>
    <t>ABELARDO LUZ</t>
  </si>
  <si>
    <t>0511805/2023-BO-000554.2023.0001176</t>
  </si>
  <si>
    <t>0517362/2023-BO-000088.2023.0001321</t>
  </si>
  <si>
    <t>0691649/2023-BO-000526.2023.0001159</t>
  </si>
  <si>
    <t>0498921/2023-BOPM-002420.2023.0003496</t>
  </si>
  <si>
    <t>0501357/2023-BOCOP-002011.2023.0002199</t>
  </si>
  <si>
    <t>0497887/2023-BOPA-002113.2023.0000104</t>
  </si>
  <si>
    <t>0491369/2023-BO-000144.2023.0001828</t>
  </si>
  <si>
    <t>0491505/2023-BOTC-002083.2023.0002574</t>
  </si>
  <si>
    <t>0491870/2023-BO-000481.2023.0007349</t>
  </si>
  <si>
    <t>0485940/2023-BOTC-002060.2023.0001515</t>
  </si>
  <si>
    <t>0486436/2023-BO-000003.2023.0002395</t>
  </si>
  <si>
    <t>0484576/2023-BOTC-002039.2023.0001074</t>
  </si>
  <si>
    <t>0483806/2023-BO-000217.2024.0000208</t>
  </si>
  <si>
    <t>PRAIA GRANDE</t>
  </si>
  <si>
    <t>0476350/2023-BO-000549.2023.0004452</t>
  </si>
  <si>
    <t>0476356/2023-BOTC-002095.2023.0001707</t>
  </si>
  <si>
    <t>0472178/2023-BO-000050.2023.0002239</t>
  </si>
  <si>
    <t>0469055/2023-BOCOP-002273.2023.0002295</t>
  </si>
  <si>
    <t>0461899/2023-BO-000124.2023.0001290</t>
  </si>
  <si>
    <t>0580801/2023-BO-000287.2023.0000495</t>
  </si>
  <si>
    <t>NOVA TRENTO</t>
  </si>
  <si>
    <t>1050807/2023-BO-000611.2023.0001985</t>
  </si>
  <si>
    <t>0461482/2023-BOTC-002103.2023.0000646</t>
  </si>
  <si>
    <t>1035490/2023-BO-000244.2023.0000630</t>
  </si>
  <si>
    <t>CATANDUVAS</t>
  </si>
  <si>
    <t>0453787/2023-BO-000104.2023.0004346</t>
  </si>
  <si>
    <t>Assédio sexual</t>
  </si>
  <si>
    <t>0453938/2023-BOCOP-002193.2023.0002671</t>
  </si>
  <si>
    <t>1013136/2023-BO-000614.2023.0056668</t>
  </si>
  <si>
    <t>0447003/2023-BOCOP-002083.2023.0002318</t>
  </si>
  <si>
    <t>0450658/2023-BOCOP-002011.2023.0001971</t>
  </si>
  <si>
    <t>0453505/2023-BO-000608.2023.0015674</t>
  </si>
  <si>
    <t>0446186/2023-BOCOP-002060.2023.0001411</t>
  </si>
  <si>
    <t>0442279/2023-BO-000127.2023.0000707</t>
  </si>
  <si>
    <t>0442376/2023-BO-000392.2023.0000383</t>
  </si>
  <si>
    <t>0437098/2023-BO-000144.2023.0001588</t>
  </si>
  <si>
    <t>0438751/2023-BO-000143.2023.0000764</t>
  </si>
  <si>
    <t>0460627/2023-BO-000028.2023.0000553</t>
  </si>
  <si>
    <t>0445770/2023-BO-000076.2023.0000845</t>
  </si>
  <si>
    <t>0428836/2023-BOCOP-002165.2023.0000042</t>
  </si>
  <si>
    <t>PAINEL</t>
  </si>
  <si>
    <t>0430413/2023-BO-000023.2023.0001184</t>
  </si>
  <si>
    <t>0430471/2023-BO-000431.2023.0000147</t>
  </si>
  <si>
    <t>0430834/2023-BO-000012.2023.0000996</t>
  </si>
  <si>
    <t>0448668/2023-BO-000081.2023.0000450</t>
  </si>
  <si>
    <t>0993106/2023-BO-000243.2023.0000360</t>
  </si>
  <si>
    <t>0418983/2023-BOCOP-002083.2023.0002171</t>
  </si>
  <si>
    <t>0419689/2023-BO-000658.2023.0000222</t>
  </si>
  <si>
    <t>LAJEADO GRANDE</t>
  </si>
  <si>
    <t>Receptação - Dolosa</t>
  </si>
  <si>
    <t>0515236/2023-BO-000280.2023.0001330</t>
  </si>
  <si>
    <t>0416509/2023-BO-000112.2023.0000059</t>
  </si>
  <si>
    <t>0434715/2023-BO-000040.2023.0000312</t>
  </si>
  <si>
    <t>IMARUÍ</t>
  </si>
  <si>
    <t>0409647/2023-BOTC-002095.2023.0001448</t>
  </si>
  <si>
    <t>0414157/2023-BO-000088.2023.0001014</t>
  </si>
  <si>
    <t>0434993/2023-BO-000366.2023.0000357</t>
  </si>
  <si>
    <t>0405279/2023-BO-000480.2023.0001231</t>
  </si>
  <si>
    <t>0406889/2023-BO-000604.2023.0008139</t>
  </si>
  <si>
    <t>0726360/2023-BO-000429.2023.0000156</t>
  </si>
  <si>
    <t>BANDEIRANTE</t>
  </si>
  <si>
    <t>0400040/2023-BOPM-002352.2023.0000264</t>
  </si>
  <si>
    <t>TURVO</t>
  </si>
  <si>
    <t>0398189/2023-BO-000080.2023.0000356</t>
  </si>
  <si>
    <t>0396818/2023-BO-000472.2023.0003083</t>
  </si>
  <si>
    <t>0397132/2023-BOCOP-002042.2023.0001188</t>
  </si>
  <si>
    <t>0439326/2023-BO-000466.2023.0002534</t>
  </si>
  <si>
    <t>0392502/2023-BOPM-002460.2023.0001153</t>
  </si>
  <si>
    <t>0395664/2023-BO-000597.2023.0011385</t>
  </si>
  <si>
    <t>0620682/2023-BO-000381.2023.0002687</t>
  </si>
  <si>
    <t>0387800/2023-BO-000494.2023.0002215</t>
  </si>
  <si>
    <t>0390533/2023-BO-000076.2023.0000739</t>
  </si>
  <si>
    <t>0390822/2023-BO-000494.2023.0002229</t>
  </si>
  <si>
    <t>0382093/2023-BOPM-002083.2023.0001950</t>
  </si>
  <si>
    <t>0386347/2023-BO-000320.2023.0000317</t>
  </si>
  <si>
    <t>0378680/2023-BOCOP-002420.2023.0002712</t>
  </si>
  <si>
    <t>0379001/2023-BOTC-002324.2023.0001048</t>
  </si>
  <si>
    <t>0385683/2023-BO-000088.2023.0000928</t>
  </si>
  <si>
    <t>Apropriar ou desviar bens, proventos, pensão ou qualquer outro rendimento de idoso</t>
  </si>
  <si>
    <t>0393664/2023-BO-000042.2023.0000412</t>
  </si>
  <si>
    <t>URUSSANGA</t>
  </si>
  <si>
    <t>0433706/2023-BO-000207.2023.0000844</t>
  </si>
  <si>
    <t>0375429/2023-BO-000003.2023.0001961</t>
  </si>
  <si>
    <t>0376412/2023-BO-000070.2023.0000254</t>
  </si>
  <si>
    <t>0382689/2023-BO-000554.2023.0000892</t>
  </si>
  <si>
    <t>0373290/2023-BOCOP-002036.2023.0000659</t>
  </si>
  <si>
    <t>0374102/2023-BO-000600.2023.0014705</t>
  </si>
  <si>
    <t>0372616/2023-BO-000472.2023.0002866</t>
  </si>
  <si>
    <t>0372936/2023-BO-000668.2023.0000083</t>
  </si>
  <si>
    <t>0373252/2023-BOPM-002467.2023.0000031</t>
  </si>
  <si>
    <t>LINDÓIA DO SUL</t>
  </si>
  <si>
    <t>0368731/2023-BOPM-003043.2023.0000077</t>
  </si>
  <si>
    <t>0366002/2023-BO-000205.2023.0000595</t>
  </si>
  <si>
    <t>0366112/2023-BOCOP-002016.2023.0003133</t>
  </si>
  <si>
    <t>0366996/2023-BOCOP-002016.2023.0003137</t>
  </si>
  <si>
    <t>0467737/2023-BO-000058.2023.0001322</t>
  </si>
  <si>
    <t>0361834/2023-BOCOP-002437.2023.0000744</t>
  </si>
  <si>
    <t>0365866/2023-BO-000422.2023.0000546</t>
  </si>
  <si>
    <t>0356541/2023-BOCOP-002034.2023.0001062</t>
  </si>
  <si>
    <t>0358603/2023-BOCOP-002095.2023.0001271</t>
  </si>
  <si>
    <t>0358922/2023-BO-000300.2023.0000445</t>
  </si>
  <si>
    <t>Produzir, fotografar, filmar ou registrar, por qualquer meio, conteúdo com cena de nudez ou ato sexual ou libidinoso de caráter íntimo e privado sem autorização dos participantes (Registro não autorizado da intimidade sexual)</t>
  </si>
  <si>
    <t>0352566/2023-BOCOP-002039.2023.0000809</t>
  </si>
  <si>
    <t>0353889/2023-BOPM-002009.2023.0000637</t>
  </si>
  <si>
    <t>0452895/2023-BO-000352.2023.0000121</t>
  </si>
  <si>
    <t>0351532/2023-BOCOP-002193.2023.0002055</t>
  </si>
  <si>
    <t>0356607/2023-BO-000597.2023.0010261</t>
  </si>
  <si>
    <t>0345145/2023-BOCOP-002275.2023.0000735</t>
  </si>
  <si>
    <t>0337928/2023-BO-000146.2023.0001179</t>
  </si>
  <si>
    <t>0341050/2023-BOPM-002043.2023.0000764</t>
  </si>
  <si>
    <t>0467838/2023-BO-000058.2023.0001324</t>
  </si>
  <si>
    <t>0334966/2023-BO-000530.2023.0000277</t>
  </si>
  <si>
    <t>0331201/2023-BO-000081.2023.0000345</t>
  </si>
  <si>
    <t>0331254/2023-BOCOP-002115.2023.0000228</t>
  </si>
  <si>
    <t>0333545/2023-BO-000307.2023.0000459</t>
  </si>
  <si>
    <t>0328882/2023-BO-000597.2023.0009424</t>
  </si>
  <si>
    <t>0329209/2023-BOPM-002011.2023.0001412</t>
  </si>
  <si>
    <t>0366280/2023-BO-000670.2023.0000172</t>
  </si>
  <si>
    <t>0327871/2023-BO-000392.2023.0000281</t>
  </si>
  <si>
    <t>Porte ilegal de munição ou acessório de uso permitido</t>
  </si>
  <si>
    <t>0328261/2023-BOCOP-002460.2023.0000984</t>
  </si>
  <si>
    <t>0382784/2023-BO-000459.2023.0000558</t>
  </si>
  <si>
    <t>Exigir informação ou cumprimento de obrigação, inclusive o dever de fazer ou de não fazer, sem expresso amparo legal</t>
  </si>
  <si>
    <t>0344264/2023-BO-000598.2023.0006418</t>
  </si>
  <si>
    <t>0313134/2023-BOPM-002044.2023.0000638</t>
  </si>
  <si>
    <t>0313925/2023-BO-000612.2023.0003187</t>
  </si>
  <si>
    <t>0314859/2023-BOCOP-002193.2023.0001845</t>
  </si>
  <si>
    <t>0311274/2023-BOCOP-002017.2023.0003651</t>
  </si>
  <si>
    <t>0309713/2023-BOTC-002030.2023.0001512</t>
  </si>
  <si>
    <t>0310177/2023-BOCOP-002394.2023.0000036</t>
  </si>
  <si>
    <t>PINHEIRO PRETO</t>
  </si>
  <si>
    <t>0319415/2023-BO-000472.2023.0002434</t>
  </si>
  <si>
    <t>0306386/2023-BOCOP-002420.2023.0002158</t>
  </si>
  <si>
    <t>0302301/2023-BO-000031.2023.0000667</t>
  </si>
  <si>
    <t>0295146/2023-BOPM-002139.2023.0000696</t>
  </si>
  <si>
    <t>0286491/2023-BOTC-002420.2023.0002055</t>
  </si>
  <si>
    <t>0286722/2023-BOTC-002134.2023.0000204</t>
  </si>
  <si>
    <t>0283760/2023-BOPM-002474.2023.0000749</t>
  </si>
  <si>
    <t>0281142/2023-BOPM-002062.2023.0000438</t>
  </si>
  <si>
    <t>0281441/2023-BO-000081.2023.0000302</t>
  </si>
  <si>
    <t>0276101/2023-BOCOP-002307.2023.0000196</t>
  </si>
  <si>
    <t>0276378/2023-BOCOP-002420.2023.0001969</t>
  </si>
  <si>
    <t>0278554/2023-BOCOP-002376.2023.0000117</t>
  </si>
  <si>
    <t>Maus-tratos contra animais</t>
  </si>
  <si>
    <t>0279410/2023-BOCOP-002437.2023.0000534</t>
  </si>
  <si>
    <t>0280994/2023-BO-000402.2023.0000141</t>
  </si>
  <si>
    <t>SAUDADES</t>
  </si>
  <si>
    <t>0310932/2024-BO-000008.2024.0001041</t>
  </si>
  <si>
    <t>0271933/2023-BO-000472.2023.0002088</t>
  </si>
  <si>
    <t>0284393/2023-BO-000601.2023.0010691</t>
  </si>
  <si>
    <t>0267081/2023-BOCOP-002460.2023.0000827</t>
  </si>
  <si>
    <t>0269976/2023-BO-000303.2023.0000098</t>
  </si>
  <si>
    <t>RANCHO QUEIMADO</t>
  </si>
  <si>
    <t>0264091/2023-BO-000480.2023.0000812</t>
  </si>
  <si>
    <t>0265631/2023-BO-000060.2023.0000785</t>
  </si>
  <si>
    <t>0437177/2023-BO-000049.2023.0000672</t>
  </si>
  <si>
    <t>0253714/2023-BO-000492.2023.0000976</t>
  </si>
  <si>
    <t>0254195/2023-BO-000530.2023.0000212</t>
  </si>
  <si>
    <t>0255835/2023-BO-000117.2023.0000199</t>
  </si>
  <si>
    <t>0273948/2023-BO-000554.2023.0000626</t>
  </si>
  <si>
    <t>0250819/2023-BO-000284.2023.0000233</t>
  </si>
  <si>
    <t>0470446/2023-BO-000049.2023.0000730</t>
  </si>
  <si>
    <t>0245564/2023-BO-000209.2023.0000174</t>
  </si>
  <si>
    <t>0247386/2023-BOPM-002042.2023.0000699</t>
  </si>
  <si>
    <t>0247738/2023-BO-000280.2023.0000936</t>
  </si>
  <si>
    <t>0240072/2023-BO-000554.2023.0000542</t>
  </si>
  <si>
    <t>0314199/2023-BO-000554.2023.0000726</t>
  </si>
  <si>
    <t>0238882/2023-BOCOP-002042.2023.0000672</t>
  </si>
  <si>
    <t>0236371/2023-BO-000008.2023.0000756</t>
  </si>
  <si>
    <t>0237063/2023-BOPM-002500.2023.0000256</t>
  </si>
  <si>
    <t>0233801/2023-BOCOP-002011.2023.0000973</t>
  </si>
  <si>
    <t>0235527/2023-BOTC-002411.2023.0000185</t>
  </si>
  <si>
    <t>0282753/2023-BOTC-002083.2023.0001371</t>
  </si>
  <si>
    <t>Averiguação de veículo suspeito</t>
  </si>
  <si>
    <t>0227539/2023-BO-000614.2023.0014112</t>
  </si>
  <si>
    <t>0232535/2023-BO-000307.2023.0000310</t>
  </si>
  <si>
    <t>0257891/2023-BO-000110.2023.0000399</t>
  </si>
  <si>
    <t>SANGÃO</t>
  </si>
  <si>
    <t>0213965/2023-BOCOP-002273.2023.0001021</t>
  </si>
  <si>
    <t>0213562/2023-BO-000473.2023.0001049</t>
  </si>
  <si>
    <t>0215124/2023-BO-000600.2023.0008766</t>
  </si>
  <si>
    <t>0206460/2023-BOPM-002475.2023.0000080</t>
  </si>
  <si>
    <t>DESCANSO</t>
  </si>
  <si>
    <t>0207285/2023-BO-000137.2023.0001704</t>
  </si>
  <si>
    <t>Praticar, induzir ou incitar discriminação de pessoa em razão de sua deficiência</t>
  </si>
  <si>
    <t>1190802/2024-BO-000610.2024.0065685</t>
  </si>
  <si>
    <t>0203065/2023-BOPM-002316.2023.0000074</t>
  </si>
  <si>
    <t>0203620/2023-BO-000300.2023.0000274</t>
  </si>
  <si>
    <t>0250632/2023-BOPM-002297.2023.0000031</t>
  </si>
  <si>
    <t>JOSÉ BOITEUX</t>
  </si>
  <si>
    <t>0315772/2023-BO-000614.2023.0018677</t>
  </si>
  <si>
    <t>1144215/2023-BO-000277.2023.0000539</t>
  </si>
  <si>
    <t>0240160/2023-BO-000104.2023.0002315</t>
  </si>
  <si>
    <t>0194904/2023-BOPA-002038.2023.0000443</t>
  </si>
  <si>
    <t>0196443/2023-BOPA-002338.2023.0000087</t>
  </si>
  <si>
    <t>SÃO LUDGERO</t>
  </si>
  <si>
    <t>0189953/2023-BOTC-002193.2023.0001097</t>
  </si>
  <si>
    <t>0188038/2023-BOTC-002095.2023.0000690</t>
  </si>
  <si>
    <t>0297551/2023-BO-000049.2023.0000450</t>
  </si>
  <si>
    <t>0300860/2024-BO-000462.2024.0000766</t>
  </si>
  <si>
    <t>Exercício ilegal de profissão ou atividade</t>
  </si>
  <si>
    <t>0619515/2023-BO-000462.2023.0001529</t>
  </si>
  <si>
    <t>0181595/2023-BOCOP-002073.2023.0000477</t>
  </si>
  <si>
    <t>0182604/2023-BO-000329.2023.0000053</t>
  </si>
  <si>
    <t>SÃO CRISTOVÃO DO SUL</t>
  </si>
  <si>
    <t>0175387/2023-BO-000009.2023.0000558</t>
  </si>
  <si>
    <t>0175576/2023-BO-000663.2023.0000028</t>
  </si>
  <si>
    <t>0172045/2023-BO-000237.2023.0000567</t>
  </si>
  <si>
    <t>0172429/2023-BOPM-002146.2023.0000122</t>
  </si>
  <si>
    <t>0169218/2023-BOCOP-002334.2023.0000181</t>
  </si>
  <si>
    <t>0177979/2023-BO-000431.2023.0000054</t>
  </si>
  <si>
    <t>0185515/2023-BO-000300.2023.0000225</t>
  </si>
  <si>
    <t>0168311/2023-BOCOP-002273.2023.0000812</t>
  </si>
  <si>
    <t>0989354/2023-BO-000243.2023.0000354</t>
  </si>
  <si>
    <t>0164168/2023-BOCOP-002134.2023.0000107</t>
  </si>
  <si>
    <t>0162274/2023-BO-000580.2023.0000274</t>
  </si>
  <si>
    <t>0163176/2023-BOCOP-002062.2023.0000250</t>
  </si>
  <si>
    <t>0279426/2023-BONIPA-002521.2023.0000127</t>
  </si>
  <si>
    <t>0151396/2023-BOCOP-002017.2023.0001720</t>
  </si>
  <si>
    <t>0158402/2023-BO-000146.2023.0000535</t>
  </si>
  <si>
    <t>0148315/2023-BO-000422.2023.0000223</t>
  </si>
  <si>
    <t>0151090/2023-BO-000466.2023.0001069</t>
  </si>
  <si>
    <t>Contrabando</t>
  </si>
  <si>
    <t>0156338/2023-BO-000004.2023.0000417</t>
  </si>
  <si>
    <t>0144254/2023-BO-000381.2023.0000629</t>
  </si>
  <si>
    <t>0144566/2023-BOPA-002039.2023.0000340</t>
  </si>
  <si>
    <t>0145004/2023-BOCOP-002064.2023.0000717</t>
  </si>
  <si>
    <t>0145419/2023-BO-000549.2023.0001442</t>
  </si>
  <si>
    <t>0145708/2023-BOTC-002044.2023.0000331</t>
  </si>
  <si>
    <t>0142320/2023-BOTC-002083.2023.0000662</t>
  </si>
  <si>
    <t>0142455/2023-BO-000472.2023.0001061</t>
  </si>
  <si>
    <t>0141943/2023-BOCOP-002273.2023.0000672</t>
  </si>
  <si>
    <t>0823423/2024-BO-000146.2024.0002681</t>
  </si>
  <si>
    <t>Falsidade ideológica</t>
  </si>
  <si>
    <t>0136636/2023-BO-000087.2023.0000263</t>
  </si>
  <si>
    <t>0137787/2023-BOPM-002017.2023.0001556</t>
  </si>
  <si>
    <t>0134388/2023-BO-000381.2023.0000596</t>
  </si>
  <si>
    <t>0191527/2023-BO-000615.2023.0001553</t>
  </si>
  <si>
    <t>0126183/2023-BO-000104.2023.0001150</t>
  </si>
  <si>
    <t>0128515/2023-BO-000381.2023.0000572</t>
  </si>
  <si>
    <t>0130925/2023-BO-000284.2023.0000095</t>
  </si>
  <si>
    <t>0131230/2023-BO-000526.2023.0000249</t>
  </si>
  <si>
    <t>0132062/2024-BO-000549.2024.0001490</t>
  </si>
  <si>
    <t>0137222/2023-BO-000598.2023.0002669</t>
  </si>
  <si>
    <t>0125025/2023-BO-000473.2023.0000587</t>
  </si>
  <si>
    <t>0125507/2023-BOPM-002007.2023.0000260</t>
  </si>
  <si>
    <t>MAJOR VIEIRA</t>
  </si>
  <si>
    <t>0116988/2023-BOTC-002346.2023.0000154</t>
  </si>
  <si>
    <t>0123999/2023-BO-000125.2023.0000357</t>
  </si>
  <si>
    <t>0116436/2023-BOTC-002029.2023.0000228</t>
  </si>
  <si>
    <t>0116534/2023-BOPM-002038.2023.0000256</t>
  </si>
  <si>
    <t>0112412/2023-BO-000003.2023.0000751</t>
  </si>
  <si>
    <t>0114864/2023-BO-000594.2023.0000001</t>
  </si>
  <si>
    <t>0117111/2023-BO-000625.2023.0000170</t>
  </si>
  <si>
    <t>0105351/2023-BO-000472.2023.0000832</t>
  </si>
  <si>
    <t>0540438/2023-BO-000023.2023.0001439</t>
  </si>
  <si>
    <t>0101288/2023-BOCOP-002034.2023.0000308</t>
  </si>
  <si>
    <t>0104399/2023-BOCOP-002042.2023.0000262</t>
  </si>
  <si>
    <t>0097727/2023-BOPA-002083.2023.0000470</t>
  </si>
  <si>
    <t>0132856/2023-BO-000323.2023.0000008</t>
  </si>
  <si>
    <t>0147894/2023-BO-000146.2023.0000488</t>
  </si>
  <si>
    <t>0094921/2023-BO-000125.2023.0000301</t>
  </si>
  <si>
    <t>0093680/2023-BO-000603.2023.0000635</t>
  </si>
  <si>
    <t>0094157/2023-BOTC-002000.2023.0000540</t>
  </si>
  <si>
    <t>0097980/2023-BO-000088.2023.0000241</t>
  </si>
  <si>
    <t>0090586/2023-BO-000549.2023.0000940</t>
  </si>
  <si>
    <t>0092543/2023-BO-000658.2023.0000047</t>
  </si>
  <si>
    <t>PONTE SERRADA</t>
  </si>
  <si>
    <t>0084998/2023-BO-000466.2023.0000630</t>
  </si>
  <si>
    <t>0085502/2023-BOCOP-002033.2023.0000075</t>
  </si>
  <si>
    <t>0087868/2023-BOCOP-002114.2023.0000048</t>
  </si>
  <si>
    <t>0089144/2023-BO-000137.2023.0000527</t>
  </si>
  <si>
    <t>0083337/2023-BO-000292.2023.0000035</t>
  </si>
  <si>
    <t>0084358/2023-BOCOP-002043.2023.0000164</t>
  </si>
  <si>
    <t>0084859/2023-BO-000549.2023.0000904</t>
  </si>
  <si>
    <t>0085689/2023-BO-000467.2023.0000230</t>
  </si>
  <si>
    <t>0103149/2023-BO-000467.2023.0000280</t>
  </si>
  <si>
    <t>0084161/2023-BO-000427.2023.0000068</t>
  </si>
  <si>
    <t>0115627/2023-BO-000344.2023.0000049</t>
  </si>
  <si>
    <t>0075531/2023-BO-000661.2023.0000156</t>
  </si>
  <si>
    <t>0076892/2023-BO-000003.2023.0000524</t>
  </si>
  <si>
    <t>0078782/2023-BO-000466.2023.0000591</t>
  </si>
  <si>
    <t>0082488/2023-BO-000125.2023.0000250</t>
  </si>
  <si>
    <t>0071361/2023-BOCOP-002061.2023.0000226</t>
  </si>
  <si>
    <t>0065272/2023-BOTC-002139.2023.0000123</t>
  </si>
  <si>
    <t>0186072/2023-BO-000604.2023.0003556</t>
  </si>
  <si>
    <t>0064780/2023-BOCOP-002064.2023.0000327</t>
  </si>
  <si>
    <t>0056364/2023-BOPM-002346.2023.0000083</t>
  </si>
  <si>
    <t>0057523/2023-BOTC-002376.2023.0000015</t>
  </si>
  <si>
    <t>Ato obsceno</t>
  </si>
  <si>
    <t>0058893/2023-BO-000290.2023.0000143</t>
  </si>
  <si>
    <t>0049139/2023-BO-000420.2023.0000284</t>
  </si>
  <si>
    <t>Recaptura de foragido/evadido</t>
  </si>
  <si>
    <t>0046137/2023-BOCOP-002475.2023.0000015</t>
  </si>
  <si>
    <t>0046554/2023-BOTC-002061.2023.0000147</t>
  </si>
  <si>
    <t>0044149/2023-BOCOP-002095.2023.0000196</t>
  </si>
  <si>
    <t>0039232/2023-BOPM-002095.2023.0000176</t>
  </si>
  <si>
    <t>0036662/2023-BO-000329.2023.0000012</t>
  </si>
  <si>
    <t>0033672/2023-BOPM-002318.2023.0000082</t>
  </si>
  <si>
    <t>Animal em perigo e/ou provocando perigo iminente</t>
  </si>
  <si>
    <t>0028980/2023-BO-000025.2023.0000059</t>
  </si>
  <si>
    <t>0036880/2023-BO-000549.2023.0000418</t>
  </si>
  <si>
    <t>Comunicação falsa de crime ou de contravenção</t>
  </si>
  <si>
    <t>0022734/2023-BO-000614.2023.0001439</t>
  </si>
  <si>
    <t>0022850/2023-BO-000083.2023.0000188</t>
  </si>
  <si>
    <t>0026900/2023-BO-000034.2023.0000228</t>
  </si>
  <si>
    <t>0015388/2023-BOCOP-002273.2023.0000075</t>
  </si>
  <si>
    <t>Averiguação de pessoa em atitude suspeita</t>
  </si>
  <si>
    <t>0019210/2023-BO-000664.2023.0000026</t>
  </si>
  <si>
    <t>0020367/2023-BO-000015.2023.0000087</t>
  </si>
  <si>
    <t>0006964/2023-BOCOP-002064.2023.0000035</t>
  </si>
  <si>
    <t>0008955/2023-BOPA-002193.2023.0000063</t>
  </si>
  <si>
    <t>0000832/2023-BO-000299.2023.0000007</t>
  </si>
  <si>
    <t>0039081/2023-BO-000206.2023.0000038</t>
  </si>
  <si>
    <t>0036304/2023-BO-000608.2023.0001063</t>
  </si>
  <si>
    <t>1121438/2022-BO-000597.2022.0031437</t>
  </si>
  <si>
    <t>0037478/2023-BONIPA-002523.2023.0000011</t>
  </si>
  <si>
    <t>Pescar em período no qual a pesca seja proibida ou em lugares interditados por órgão competente</t>
  </si>
  <si>
    <t>CELSO RAMOS</t>
  </si>
  <si>
    <t>0099698/2023-BO-000492.2023.0000390</t>
  </si>
  <si>
    <t>1115954/2022-BOCOP-002038.2022.0001963</t>
  </si>
  <si>
    <t>1116330/2022-BO-000379.2022.0000561</t>
  </si>
  <si>
    <t>1109543/2022-BOPM-002038.2022.0001950</t>
  </si>
  <si>
    <t>1110358/2022-BO-000381.2022.0004683</t>
  </si>
  <si>
    <t>Associação para o tráfico de drogas</t>
  </si>
  <si>
    <t>Corromper ou facilitar a corrupção de menor de 18 anos, com ele praticando infração penal ou induzindo-o a praticá-la</t>
  </si>
  <si>
    <t>1111170/2022-BO-000615.2022.0010020</t>
  </si>
  <si>
    <t>LONTRAS</t>
  </si>
  <si>
    <t>1105141/2022-BO-000392.2022.0000884</t>
  </si>
  <si>
    <t>1105476/2022-BO-000576.2022.0002625</t>
  </si>
  <si>
    <t>1106957/2022-BO-000526.2022.0003493</t>
  </si>
  <si>
    <t>1102961/2022-BOCOP-002139.2022.0002408</t>
  </si>
  <si>
    <t>1104085/2022-BOCOP-002009.2022.0002301</t>
  </si>
  <si>
    <t>1106437/2022-BO-000079.2022.0001588</t>
  </si>
  <si>
    <t>URUBICI</t>
  </si>
  <si>
    <t>1098075/2022-BOPM-002083.2022.0005999</t>
  </si>
  <si>
    <t>1002082/2023-BO-000243.2023.0000368</t>
  </si>
  <si>
    <t>1097872/2022-BO-000464.2022.0002554</t>
  </si>
  <si>
    <t>1100211/2022-BO-000496.2022.0000016</t>
  </si>
  <si>
    <t>0501350/2023-BO-000010.2023.0000559</t>
  </si>
  <si>
    <t>1086012/2022-BOPA-002020.2022.0006468</t>
  </si>
  <si>
    <t>0984563/2023-BO-000277.2023.0000447</t>
  </si>
  <si>
    <t>1081821/2022-BO-000025.2022.0002294</t>
  </si>
  <si>
    <t>1078896/2022-BOPM-002083.2022.0005922</t>
  </si>
  <si>
    <t>1074702/2022-BO-000576.2022.0002560</t>
  </si>
  <si>
    <t>1076576/2022-BOPA-002165.2022.0000118</t>
  </si>
  <si>
    <t>1077715/2022-BOCOP-002008.2022.0001046</t>
  </si>
  <si>
    <t>1089867/2022-BO-000607.2022.0011010</t>
  </si>
  <si>
    <t>0017224/2023-BO-000005.2023.0000096</t>
  </si>
  <si>
    <t>1070910/2022-BOCOP-002437.2022.0002671</t>
  </si>
  <si>
    <t>1074031/2022-BOCOP-002159.2022.0000538</t>
  </si>
  <si>
    <t>1095670/2022-BO-000010.2022.0001010</t>
  </si>
  <si>
    <t>1070738/2022-BOCOP-002042.2022.0003240</t>
  </si>
  <si>
    <t>1073923/2022-BO-000284.2022.0001002</t>
  </si>
  <si>
    <t>1066678/2022-BOCOP-002009.2022.0002213</t>
  </si>
  <si>
    <t>1057895/2022-BO-000466.2023.0002533</t>
  </si>
  <si>
    <t>1060692/2022-BO-000554.2022.0002709</t>
  </si>
  <si>
    <t>1061815/2022-BO-000381.2022.0004506</t>
  </si>
  <si>
    <t>1057777/2022-BOCOP-002334.2022.0000973</t>
  </si>
  <si>
    <t>1060434/2022-BO-000576.2022.0002522</t>
  </si>
  <si>
    <t>1055527/2022-BO-000473.2022.0004506</t>
  </si>
  <si>
    <t>1051873/2022-BOCOP-002043.2022.0002472</t>
  </si>
  <si>
    <t>1046347/2022-BO-000554.2022.0002681</t>
  </si>
  <si>
    <t>1040698/2022-BOPM-002073.2022.0003005</t>
  </si>
  <si>
    <t>1041946/2022-BOPA-002376.2022.0000353</t>
  </si>
  <si>
    <t>1045424/2022-BO-000530.2022.0000714</t>
  </si>
  <si>
    <t>1048669/2022-BO-000594.2022.0000058</t>
  </si>
  <si>
    <t>1037666/2022-BOPM-002095.2022.0004252</t>
  </si>
  <si>
    <t>1072080/2022-BO-000035.2022.0006623</t>
  </si>
  <si>
    <t>1032728/2022-BOTC-002017.2022.0012240</t>
  </si>
  <si>
    <t>1032144/2022-BOPM-002060.2022.0003541</t>
  </si>
  <si>
    <t>1032432/2022-BOCOP-002011.2022.0004572</t>
  </si>
  <si>
    <t>0136684/2023-BO-000008.2023.0000420</t>
  </si>
  <si>
    <t>1029335/2022-BOCOP-002059.2022.0000139</t>
  </si>
  <si>
    <t>1032094/2022-BO-000601.2022.0038225</t>
  </si>
  <si>
    <t>1032605/2022-BO-000612.2022.0012281</t>
  </si>
  <si>
    <t>1034864/2022-BOPM-002000.2022.0006105</t>
  </si>
  <si>
    <t>1115642/2022-BO-000067.2022.0002357</t>
  </si>
  <si>
    <t>1023262/2022-BO-000668.2022.0000121</t>
  </si>
  <si>
    <t>0110646/2023-BO-000124.2023.0000300</t>
  </si>
  <si>
    <t>1009221/2022-BO-000608.2022.0037098</t>
  </si>
  <si>
    <t>1004932/2022-BO-000003.2022.0002034</t>
  </si>
  <si>
    <t>1006108/2022-BO-000616.2022.0001987</t>
  </si>
  <si>
    <t>1008373/2022-BO-000054.2023.0000947</t>
  </si>
  <si>
    <t>1002686/2022-BO-000503.2022.0000148</t>
  </si>
  <si>
    <t>1003771/2022-BO-000005.2022.0006879</t>
  </si>
  <si>
    <t>1004526/2022-BOPA-002030.2022.0005342</t>
  </si>
  <si>
    <t>1000795/2022-BO-000451.2022.0000140</t>
  </si>
  <si>
    <t>SANTA HELENA</t>
  </si>
  <si>
    <t>1012785/2022-BO-000381.2022.0004340</t>
  </si>
  <si>
    <t>1018147/2022-BO-000481.2022.0014525</t>
  </si>
  <si>
    <t>0352455/2024-BO-000549.2024.0003766</t>
  </si>
  <si>
    <t>0994525/2022-BOPM-002017.2022.0011807</t>
  </si>
  <si>
    <t>0995240/2022-BOCOP-002376.2022.0000337</t>
  </si>
  <si>
    <t>0996957/2022-BOCOP-002376.2022.0000338</t>
  </si>
  <si>
    <t>0989411/2022-BO-000124.2022.0002657</t>
  </si>
  <si>
    <t>0989915/2022-BO-000004.2022.0003055</t>
  </si>
  <si>
    <t>0985980/2022-BO-000420.2022.0005302</t>
  </si>
  <si>
    <t>0986212/2022-BO-000125.2022.0004701</t>
  </si>
  <si>
    <t>0984227/2022-BO-000315.2022.0001043</t>
  </si>
  <si>
    <t>0986634/2022-BO-000601.2022.0036399</t>
  </si>
  <si>
    <t>0979029/2022-BO-000614.2022.0051217</t>
  </si>
  <si>
    <t>1002802/2022-BO-000320.2022.0000973</t>
  </si>
  <si>
    <t>1092139/2022-BO-000526.2022.0003466</t>
  </si>
  <si>
    <t>0972782/2022-BOCOP-002376.2022.0000327</t>
  </si>
  <si>
    <t>0972823/2022-BO-000466.2022.0005533</t>
  </si>
  <si>
    <t>0973351/2022-BO-000554.2022.0002469</t>
  </si>
  <si>
    <t>0967156/2022-BOCOP-002278.2022.0000714</t>
  </si>
  <si>
    <t>0967801/2022-BO-000008.2022.0003039</t>
  </si>
  <si>
    <t>0983698/2022-BO-000058.2022.0002797</t>
  </si>
  <si>
    <t>0962124/2022-BO-000472.2022.0008117</t>
  </si>
  <si>
    <t>0963033/2022-BO-000202.2022.0000596</t>
  </si>
  <si>
    <t>0971534/2022-BO-000010.2022.0000893</t>
  </si>
  <si>
    <t>0956867/2022-BO-000472.2022.0008075</t>
  </si>
  <si>
    <t>0957790/2022-BOCOP-002270.2022.0001598</t>
  </si>
  <si>
    <t>GUARAMIRIM</t>
  </si>
  <si>
    <t>0952650/2022-BOCOP-002036.2022.0001879</t>
  </si>
  <si>
    <t>0952835/2022-BOTC-002460.2022.0003022</t>
  </si>
  <si>
    <t>0953828/2022-BOCOP-002034.2022.0003100</t>
  </si>
  <si>
    <t>0947526/2022-BO-000456.2022.0001869</t>
  </si>
  <si>
    <t>0950341/2022-BOPM-002005.2022.0001008</t>
  </si>
  <si>
    <t>0960441/2022-BO-000335.2022.0002732</t>
  </si>
  <si>
    <t>0945009/2022-BOPM-002095.2022.0003929</t>
  </si>
  <si>
    <t>0942770/2022-BOCOP-002273.2022.0005325</t>
  </si>
  <si>
    <t>0939744/2022-BOTC-002344.2022.0000494</t>
  </si>
  <si>
    <t>0940376/2022-BO-000456.2022.0001860</t>
  </si>
  <si>
    <t>0935139/2022-BO-000601.2022.0034453</t>
  </si>
  <si>
    <t>0932948/2022-BO-000658.2022.0000474</t>
  </si>
  <si>
    <t>0933481/2022-BO-000605.2022.0012947</t>
  </si>
  <si>
    <t>0927443/2022-BOPA-002020.2022.0005474</t>
  </si>
  <si>
    <t>0935153/2022-BO-000471.2022.0005359</t>
  </si>
  <si>
    <t>0981128/2022-BO-000467.2022.0002847</t>
  </si>
  <si>
    <t>0923863/2022-BO-000473.2022.0003906</t>
  </si>
  <si>
    <t>0924287/2022-BOCOP-002011.2022.0004045</t>
  </si>
  <si>
    <t>0925228/2022-BO-000669.2022.0000575</t>
  </si>
  <si>
    <t>0938120/2022-BO-000604.2022.0018578</t>
  </si>
  <si>
    <t>0921629/2022-BO-000579.2022.0000143</t>
  </si>
  <si>
    <t>0917093/2022-BOCOP-002083.2022.0005112</t>
  </si>
  <si>
    <t>0957335/2022-BO-000600.2022.0034297</t>
  </si>
  <si>
    <t>0913232/2022-BO-000455.2022.0001023</t>
  </si>
  <si>
    <t>GARUVA</t>
  </si>
  <si>
    <t>0913792/2022-BO-000209.2022.0000832</t>
  </si>
  <si>
    <t>0915099/2022-BOCOP-002020.2022.0005359</t>
  </si>
  <si>
    <t>0911925/2022-BO-000081.2022.0000779</t>
  </si>
  <si>
    <t>0907492/2022-BOPM-002318.2022.0002371</t>
  </si>
  <si>
    <t>0914005/2022-BO-000670.2022.0000262</t>
  </si>
  <si>
    <t>0916568/2022-BO-000462.2022.0002236</t>
  </si>
  <si>
    <t>0902935/2022-BOCOP-002042.2022.0002786</t>
  </si>
  <si>
    <t>0904026/2022-BO-000554.2022.0002303</t>
  </si>
  <si>
    <t>0897047/2022-BO-000554.2022.0002287</t>
  </si>
  <si>
    <t>0899891/2022-BOPM-002095.2022.0003737</t>
  </si>
  <si>
    <t>0881229/2022-BO-000404.2022.0000421</t>
  </si>
  <si>
    <t>0886609/2022-BO-000088.2022.0002693</t>
  </si>
  <si>
    <t>0878145/2022-BOPA-002017.2022.0010263</t>
  </si>
  <si>
    <t>0962600/2022-BO-000335.2022.0002736</t>
  </si>
  <si>
    <t>0877797/2022-BO-000067.2022.0001878</t>
  </si>
  <si>
    <t>0873986/2022-BOCOP-002017.2022.0010211</t>
  </si>
  <si>
    <t>0892071/2022-BO-000381.2022.0003901</t>
  </si>
  <si>
    <t>0868872/2022-BO-000449.2022.0000429</t>
  </si>
  <si>
    <t>0869430/2022-BOPM-002481.2022.0000097</t>
  </si>
  <si>
    <t>1031428/2022-BO-000607.2022.0010251</t>
  </si>
  <si>
    <t>0868226/2022-BOCOP-002193.2022.0004885</t>
  </si>
  <si>
    <t>0866534/2022-BOTC-002401.2022.0001292</t>
  </si>
  <si>
    <t>0520091/2023-BO-000604.2023.0010443</t>
  </si>
  <si>
    <t>0859112/2022-BO-000609.2022.0010853</t>
  </si>
  <si>
    <t>0852467/2022-BOPM-002043.2022.0002038</t>
  </si>
  <si>
    <t>0843749/2022-BOCOP-002034.2022.0002702</t>
  </si>
  <si>
    <t>0845611/2022-BO-000009.2022.0002793</t>
  </si>
  <si>
    <t>0846337/2022-BO-000437.2022.0000065</t>
  </si>
  <si>
    <t>TIGRINHOS</t>
  </si>
  <si>
    <t>0847231/2022-BO-000104.2022.0007748</t>
  </si>
  <si>
    <t>0838396/2022-BO-000472.2022.0007124</t>
  </si>
  <si>
    <t>0949356/2022-BO-000390.2022.0000296</t>
  </si>
  <si>
    <t>0837633/2022-BO-000473.2022.0003550</t>
  </si>
  <si>
    <t>0837965/2022-BO-000014.2022.0001635</t>
  </si>
  <si>
    <t>0835080/2022-BOPM-002042.2022.0002561</t>
  </si>
  <si>
    <t>0836377/2022-BO-000087.2022.0001697</t>
  </si>
  <si>
    <t>0836476/2022-BOPM-002083.2022.0004707</t>
  </si>
  <si>
    <t>0833600/2022-BO-000433.2022.0000760</t>
  </si>
  <si>
    <t>0835364/2022-BO-000481.2022.0011990</t>
  </si>
  <si>
    <t>0839577/2022-BO-000144.2022.0002769</t>
  </si>
  <si>
    <t>0955351/2022-BO-000125.2022.0004574</t>
  </si>
  <si>
    <t>0826806/2022-BOCOP-002324.2022.0002495</t>
  </si>
  <si>
    <t>0829681/2022-BO-000005.2022.0005675</t>
  </si>
  <si>
    <t>0830408/2022-BO-000010.2022.0000771</t>
  </si>
  <si>
    <t>0822023/2022-BO-000125.2022.0003998</t>
  </si>
  <si>
    <t>0823275/2022-BOCOP-002460.2022.0002607</t>
  </si>
  <si>
    <t>0983364/2022-BOTC-002525.2022.0000537</t>
  </si>
  <si>
    <t>Impedir ou dificultar a regeneração natural de florestas e demais formas de vegetação</t>
  </si>
  <si>
    <t>0819628/2022-BOPM-002441.2022.0000254</t>
  </si>
  <si>
    <t>0820607/2022-BOPM-002132.2022.0000166</t>
  </si>
  <si>
    <t>0823179/2022-BO-000267.2022.0000904</t>
  </si>
  <si>
    <t>0814628/2022-BO-000615.2022.0007383</t>
  </si>
  <si>
    <t>0808857/2022-BO-000549.2022.0007903</t>
  </si>
  <si>
    <t>0903225/2022-BO-000614.2022.0047113</t>
  </si>
  <si>
    <t>0802833/2022-BOPA-002360.2022.0000450</t>
  </si>
  <si>
    <t>COCAL DO SUL</t>
  </si>
  <si>
    <t>0808756/2022-BO-000110.2022.0001665</t>
  </si>
  <si>
    <t>0797295/2022-BOCOP-002016.2022.0007788</t>
  </si>
  <si>
    <t>0798715/2022-BOPM-002017.2022.0009257</t>
  </si>
  <si>
    <t>0793426/2022-BOPM-002017.2022.0009196</t>
  </si>
  <si>
    <t>0794591/2022-BOCOP-002000.2022.0004692</t>
  </si>
  <si>
    <t>0840260/2022-BO-000076.2022.0001372</t>
  </si>
  <si>
    <t>0791916/2022-BO-000472.2022.0006722</t>
  </si>
  <si>
    <t>Omissão de socorro</t>
  </si>
  <si>
    <t>0788575/2022-BO-000650.2022.0000063</t>
  </si>
  <si>
    <t>0789253/2022-BOPM-002139.2022.0001673</t>
  </si>
  <si>
    <t>0789620/2022-BO-000205.2022.0001164</t>
  </si>
  <si>
    <t>0790976/2022-BO-000125.2022.0003848</t>
  </si>
  <si>
    <t>0805584/2022-BO-000205.2022.0001184</t>
  </si>
  <si>
    <t>0775636/2022-BO-000341.2022.0000824</t>
  </si>
  <si>
    <t>0794232/2022-BONIPA-002533.2022.0000728</t>
  </si>
  <si>
    <t>0763356/2022-BO-000131.2022.0000700</t>
  </si>
  <si>
    <t>0765434/2022-BO-000042.2022.0000933</t>
  </si>
  <si>
    <t>0775439/2022-BO-000316.2022.0000363</t>
  </si>
  <si>
    <t>0902913/2022-BO-000597.2022.0025084</t>
  </si>
  <si>
    <t>0756538/2022-BO-000064.2022.0002006</t>
  </si>
  <si>
    <t>0757938/2022-BOPM-002382.2022.0000191</t>
  </si>
  <si>
    <t>0767556/2022-BO-000598.2022.0013099</t>
  </si>
  <si>
    <t>0752919/2022-BOPM-002028.2022.0002451</t>
  </si>
  <si>
    <t>0751236/2022-BO-000081.2022.0000705</t>
  </si>
  <si>
    <t>0751292/2022-BOCOP-002083.2022.0004251</t>
  </si>
  <si>
    <t>0751829/2022-BOPM-002000.2022.0004452</t>
  </si>
  <si>
    <t>0751868/2022-BOCOP-002273.2022.0004286</t>
  </si>
  <si>
    <t>0747549/2022-BOPM-002382.2022.0000190</t>
  </si>
  <si>
    <t>0740376/2022-BO-000004.2022.0002029</t>
  </si>
  <si>
    <t>0743509/2022-BOPM-002043.2022.0001800</t>
  </si>
  <si>
    <t>0743853/2022-BOCOP-002000.2022.0004403</t>
  </si>
  <si>
    <t>0744712/2022-BO-000609.2022.0009440</t>
  </si>
  <si>
    <t>0751296/2022-BO-000125.2022.0003493</t>
  </si>
  <si>
    <t>0805314/2022-BOPM-002526.2022.0000185</t>
  </si>
  <si>
    <t>Apoio ao ministério público</t>
  </si>
  <si>
    <t>0734164/2022-BOCOP-002030.2022.0003949</t>
  </si>
  <si>
    <t>0744376/2022-BO-000614.2022.0038670</t>
  </si>
  <si>
    <t>0738510/2022-BOCOP-002060.2022.0002468</t>
  </si>
  <si>
    <t>0730036/2022-BO-000043.2022.0001992</t>
  </si>
  <si>
    <t>0736759/2022-BOCOP-002083.2022.0004177</t>
  </si>
  <si>
    <t>0726431/2022-BO-000549.2022.0007095</t>
  </si>
  <si>
    <t>0997038/2023-BO-000277.2023.0000454</t>
  </si>
  <si>
    <t>0749263/2022-BO-000316.2022.0000349</t>
  </si>
  <si>
    <t>0716406/2022-BOCOP-002276.2022.0000346</t>
  </si>
  <si>
    <t>0718420/2022-BOPM-002511.2022.0000931</t>
  </si>
  <si>
    <t>0718631/2022-BO-000554.2022.0001842</t>
  </si>
  <si>
    <t>0718791/2022-BO-000039.2022.0001163</t>
  </si>
  <si>
    <t>0714839/2022-BOCOP-002083.2022.0004054</t>
  </si>
  <si>
    <t>0710977/2022-BO-000580.2022.0000846</t>
  </si>
  <si>
    <t>0711384/2022-BOPM-002504.2022.0000049</t>
  </si>
  <si>
    <t>0711390/2022-BOCOP-002011.2022.0003078</t>
  </si>
  <si>
    <t>0708843/2022-BOPM-002007.2022.0001375</t>
  </si>
  <si>
    <t>0709234/2022-BOPM-002382.2022.0000178</t>
  </si>
  <si>
    <t>0705206/2022-BOPM-002000.2022.0004168</t>
  </si>
  <si>
    <t>0706028/2022-BO-000131.2022.0000629</t>
  </si>
  <si>
    <t>0707765/2022-BO-000473.2022.0002973</t>
  </si>
  <si>
    <t>0716012/2022-BO-000619.2022.0002223</t>
  </si>
  <si>
    <t>0701751/2022-BOPM-002020.2022.0004028</t>
  </si>
  <si>
    <t>0699071/2022-BO-000034.2022.0004457</t>
  </si>
  <si>
    <t>0699391/2022-BO-000481.2022.0009940</t>
  </si>
  <si>
    <t>0699812/2022-BOCOP-002083.2022.0003947</t>
  </si>
  <si>
    <t>0701159/2022-BOTC-002277.2022.0000957</t>
  </si>
  <si>
    <t>Reaparecimento de pessoa</t>
  </si>
  <si>
    <t>0701912/2022-BO-000233.2022.0000343</t>
  </si>
  <si>
    <t>0694285/2022-BO-000034.2022.0004424</t>
  </si>
  <si>
    <t>0699117/2022-BO-000290.2022.0002462</t>
  </si>
  <si>
    <t>Satisfação de lascívia mediante presença de criança ou adolescente</t>
  </si>
  <si>
    <t>0691829/2022-BOCOP-002016.2022.0006664</t>
  </si>
  <si>
    <t>0688334/2022-BO-000472.2022.0005838</t>
  </si>
  <si>
    <t>0689426/2022-BOCOP-002011.2022.0003000</t>
  </si>
  <si>
    <t>0689461/2022-BOCOP-002017.2022.0007854</t>
  </si>
  <si>
    <t>0702462/2022-BO-000131.2022.0000627</t>
  </si>
  <si>
    <t>0686287/2022-BOCOP-002029.2022.0001776</t>
  </si>
  <si>
    <t>0686465/2022-BOPM-002083.2022.0003881</t>
  </si>
  <si>
    <t>0686944/2022-BO-000609.2022.0008687</t>
  </si>
  <si>
    <t>0677084/2022-BO-000632.2022.0000008</t>
  </si>
  <si>
    <t>0667705/2022-BOCOP-002043.2022.0001627</t>
  </si>
  <si>
    <t>0670948/2022-BO-000492.2022.0002217</t>
  </si>
  <si>
    <t>0666379/2022-BOCOP-002403.2022.0000128</t>
  </si>
  <si>
    <t>0666828/2022-BO-000666.2022.0000106</t>
  </si>
  <si>
    <t>ARROIO TRINTA</t>
  </si>
  <si>
    <t>0662332/2022-BO-000480.2022.0002371</t>
  </si>
  <si>
    <t>0660399/2022-BO-000023.2022.0001825</t>
  </si>
  <si>
    <t>0660967/2022-BOCOP-002437.2022.0001697</t>
  </si>
  <si>
    <t>0658460/2022-BOPA-002038.2022.0001178</t>
  </si>
  <si>
    <t>0658706/2022-BO-000614.2022.0034575</t>
  </si>
  <si>
    <t>0655123/2022-BO-000144.2023.0000343</t>
  </si>
  <si>
    <t>0125262/2023-BO-000598.2023.0002429</t>
  </si>
  <si>
    <t>0648818/2022-BOPM-002020.2022.0003717</t>
  </si>
  <si>
    <t>0647643/2022-BOCOP-002193.2022.0003434</t>
  </si>
  <si>
    <t>0644736/2022-BOPM-002020.2022.0003669</t>
  </si>
  <si>
    <t>0643184/2022-BOCOP-002062.2022.0001010</t>
  </si>
  <si>
    <t>0643689/2022-BOPM-002324.2022.0001899</t>
  </si>
  <si>
    <t>0989497/2023-BO-000278.2023.0000215</t>
  </si>
  <si>
    <t>0638099/2022-BO-000473.2022.0002711</t>
  </si>
  <si>
    <t>0638190/2022-BOPM-002000.2022.0003789</t>
  </si>
  <si>
    <t>0634178/2022-BOPM-002028.2022.0002107</t>
  </si>
  <si>
    <t>0634286/2022-BO-000614.2022.0033355</t>
  </si>
  <si>
    <t>0634669/2022-BOCOP-002060.2022.0002136</t>
  </si>
  <si>
    <t>0636041/2022-BO-000125.2022.0002832</t>
  </si>
  <si>
    <t>0628366/2022-BOPM-002420.2022.0004773</t>
  </si>
  <si>
    <t>0630475/2022-BOPM-002020.2022.0003596</t>
  </si>
  <si>
    <t>0625935/2022-BOPM-002134.2022.0000409</t>
  </si>
  <si>
    <t>0626325/2022-BO-000471.2022.0003564</t>
  </si>
  <si>
    <t>0630494/2022-BO-000610.2022.0031294</t>
  </si>
  <si>
    <t>0630583/2022-BO-000605.2022.0008721</t>
  </si>
  <si>
    <t>0625821/2022-BO-000494.2022.0003331</t>
  </si>
  <si>
    <t>0622929/2022-BONIPA-002521.2022.0000350</t>
  </si>
  <si>
    <t>0623102/2022-BO-000614.2022.0032759</t>
  </si>
  <si>
    <t>0618600/2022-BOPA-002033.2022.0000535</t>
  </si>
  <si>
    <t>0620031/2022-BOCOP-002017.2022.0006942</t>
  </si>
  <si>
    <t>0620155/2022-BOPM-002317.2022.0003035</t>
  </si>
  <si>
    <t>0616856/2022-BO-000549.2022.0006107</t>
  </si>
  <si>
    <t>0620626/2022-BO-000609.2022.0007869</t>
  </si>
  <si>
    <t>0610844/2022-BOPM-002073.2022.0001793</t>
  </si>
  <si>
    <t>0613233/2022-BOPM-002292.2022.0000408</t>
  </si>
  <si>
    <t>0605933/2022-BOTC-002030.2022.0003278</t>
  </si>
  <si>
    <t>Ultraje a culto e impedimento ou perturbação de ato a ele relativo</t>
  </si>
  <si>
    <t>0606880/2022-BO-000458.2022.0001262</t>
  </si>
  <si>
    <t>0608170/2022-BO-000143.2022.0001197</t>
  </si>
  <si>
    <t>0799464/2022-BO-000611.2022.0001517</t>
  </si>
  <si>
    <t>0602032/2022-BOPA-002420.2022.0004542</t>
  </si>
  <si>
    <t>0593863/2022-BO-000526.2022.0002165</t>
  </si>
  <si>
    <t>0594810/2022-BOCOP-003005.2022.0000642</t>
  </si>
  <si>
    <t>0595852/2022-BOPM-002017.2022.0006609</t>
  </si>
  <si>
    <t>0702434/2024-BO-000291.2024.0002266</t>
  </si>
  <si>
    <t>0590864/2022-BO-000125.2022.0002644</t>
  </si>
  <si>
    <t>0587889/2022-BO-000391.2022.0001704</t>
  </si>
  <si>
    <t>0592383/2022-BO-000611.2022.0001142</t>
  </si>
  <si>
    <t>0653657/2022-BO-000076.2022.0001003</t>
  </si>
  <si>
    <t>0583669/2022-BOPM-002000.2022.0003490</t>
  </si>
  <si>
    <t>0582358/2022-BOCOP-002317.2022.0002893</t>
  </si>
  <si>
    <t>0578456/2022-BO-000554.2022.0001412</t>
  </si>
  <si>
    <t>0580481/2022-BO-000549.2022.0005822</t>
  </si>
  <si>
    <t>0576766/2022-BOCOP-002038.2022.0001034</t>
  </si>
  <si>
    <t>0586226/2022-BO-000249.2022.0000139</t>
  </si>
  <si>
    <t>JABORÁ</t>
  </si>
  <si>
    <t>0586646/2022-BO-000249.2022.0000140</t>
  </si>
  <si>
    <t>0813993/2022-BO-000611.2022.0001540</t>
  </si>
  <si>
    <t>0572827/2022-BO-000458.2022.0001199</t>
  </si>
  <si>
    <t>0573192/2022-BOPM-002351.2022.0000318</t>
  </si>
  <si>
    <t>0585911/2022-BO-000472.2022.0004990</t>
  </si>
  <si>
    <t>0569758/2022-BO-000481.2022.0008024</t>
  </si>
  <si>
    <t>0570332/2022-BOCOP-002159.2022.0000291</t>
  </si>
  <si>
    <t>0566572/2022-BO-000050.2022.0003030</t>
  </si>
  <si>
    <t>0567454/2022-BO-000609.2022.0007214</t>
  </si>
  <si>
    <t>0560220/2022-BOCOP-002083.2022.0003159</t>
  </si>
  <si>
    <t>0560815/2022-BO-000145.2022.0000762</t>
  </si>
  <si>
    <t>0642549/2022-BO-000074.2022.0001380</t>
  </si>
  <si>
    <t>0557287/2022-BO-000005.2022.0003726</t>
  </si>
  <si>
    <t>0558473/2022-BO-000481.2022.0007858</t>
  </si>
  <si>
    <t>0573047/2022-BO-000554.2022.0001389</t>
  </si>
  <si>
    <t>0824264/2022-BO-000125.2022.0004009</t>
  </si>
  <si>
    <t>Deixar de efetuar o pagamento de prestação alimentícia (Pensão)</t>
  </si>
  <si>
    <t>0553180/2022-BO-000126.2022.0002619</t>
  </si>
  <si>
    <t>0554569/2022-BOCOP-002420.2022.0004177</t>
  </si>
  <si>
    <t>0572144/2022-BO-000427.2022.0000575</t>
  </si>
  <si>
    <t>0550189/2022-BO-000088.2022.0001708</t>
  </si>
  <si>
    <t>0550721/2022-BOPM-002073.2022.0001589</t>
  </si>
  <si>
    <t>0548433/2022-BOCOP-002083.2022.0003093</t>
  </si>
  <si>
    <t>0550951/2022-BO-000526.2022.0002027</t>
  </si>
  <si>
    <t>0541398/2022-BOTC-002083.2022.0003070</t>
  </si>
  <si>
    <t>Negar saldar despesas com refeição, hotel ou meio de transporte (Outras fraudes)</t>
  </si>
  <si>
    <t>0544383/2022-BO-000033.2022.0001103</t>
  </si>
  <si>
    <t>0545241/2022-BOPM-002493.2022.0000078</t>
  </si>
  <si>
    <t>MODELO</t>
  </si>
  <si>
    <t>0545250/2022-BO-000036.2022.0001149</t>
  </si>
  <si>
    <t>0549348/2022-BO-000617.2022.0001943</t>
  </si>
  <si>
    <t>0540180/2022-BOCOP-002193.2022.0002759</t>
  </si>
  <si>
    <t>0539081/2022-BO-000237.2022.0001633</t>
  </si>
  <si>
    <t>0539132/2022-BOCOP-002083.2022.0003056</t>
  </si>
  <si>
    <t>0546855/2022-BO-000352.2022.0000194</t>
  </si>
  <si>
    <t>0536760/2022-BOPM-002073.2022.0001542</t>
  </si>
  <si>
    <t>0551085/2022-BOPM-005000.2022.0000045</t>
  </si>
  <si>
    <t>0527486/2022-BO-000472.2022.0004483</t>
  </si>
  <si>
    <t>0520749/2022-BOTC-002029.2022.0001374</t>
  </si>
  <si>
    <t>Perturbação da tranquilidade</t>
  </si>
  <si>
    <t>0523150/2022-BOCOP-002017.2022.0005677</t>
  </si>
  <si>
    <t>0527199/2022-BO-000403.2022.0000118</t>
  </si>
  <si>
    <t>0518684/2022-BO-000458.2022.0001088</t>
  </si>
  <si>
    <t>0517574/2022-BO-000554.2022.0001262</t>
  </si>
  <si>
    <t>0518054/2022-BOCOP-002011.2022.0002316</t>
  </si>
  <si>
    <t>0516977/2022-BO-000480.2022.0001898</t>
  </si>
  <si>
    <t>0524934/2022-BO-000472.2022.0004464</t>
  </si>
  <si>
    <t>0513596/2022-BO-000480.2022.0001866</t>
  </si>
  <si>
    <t>0514154/2022-BOCOP-002000.2022.0003081</t>
  </si>
  <si>
    <t>0514301/2022-BOPM-002030.2022.0002767</t>
  </si>
  <si>
    <t>0510241/2022-BO-000331.2022.0001604</t>
  </si>
  <si>
    <t>0512553/2022-BOTC-002193.2022.0002562</t>
  </si>
  <si>
    <t>0977407/2022-BO-000469.2022.0004059</t>
  </si>
  <si>
    <t>0508604/2022-BO-000246.2022.0000901</t>
  </si>
  <si>
    <t>0508919/2022-BO-000420.2022.0002988</t>
  </si>
  <si>
    <t>0509545/2022-BO-000002.2022.0000328</t>
  </si>
  <si>
    <t>0550520/2022-BO-000246.2022.0000971</t>
  </si>
  <si>
    <t>0502004/2022-BOTC-002020.2022.0002779</t>
  </si>
  <si>
    <t>0502021/2022-BOPA-002020.2022.0002780</t>
  </si>
  <si>
    <t>0500583/2022-BOCOP-002114.2022.0000152</t>
  </si>
  <si>
    <t>0496853/2022-BO-000433.2022.0000467</t>
  </si>
  <si>
    <t>0500010/2022-BO-000471.2022.0002812</t>
  </si>
  <si>
    <t>0495528/2022-BOPA-002500.2022.0000547</t>
  </si>
  <si>
    <t>0491785/2022-BOPM-002030.2022.0002638</t>
  </si>
  <si>
    <t>0491320/2022-BO-000614.2022.0026307</t>
  </si>
  <si>
    <t>0484998/2022-BO-000577.2022.0000531</t>
  </si>
  <si>
    <t>0494212/2022-BO-000280.2022.0001064</t>
  </si>
  <si>
    <t>0476534/2022-BO-000669.2022.0000211</t>
  </si>
  <si>
    <t>ANITÁPOLIS</t>
  </si>
  <si>
    <t>0477534/2022-BO-000043.2022.0001318</t>
  </si>
  <si>
    <t>0474979/2022-BO-000083.2022.0004820</t>
  </si>
  <si>
    <t>0475389/2022-BO-000034.2022.0002957</t>
  </si>
  <si>
    <t>0826455/2022-BO-000605.2022.0011457</t>
  </si>
  <si>
    <t>0558210/2022-BOTC-002515.2022.0000327</t>
  </si>
  <si>
    <t>Construir, reformar, instalar ou fazer funcionar estabelecimento, obras ou serviços potencialmente poluidores, sem licença, autorização ou contra a lei</t>
  </si>
  <si>
    <t>0458249/2022-BO-000472.2022.0004113</t>
  </si>
  <si>
    <t>0855695/2022-BO-000031.2022.0001984</t>
  </si>
  <si>
    <t>0455891/2022-BO-000458.2022.0000901</t>
  </si>
  <si>
    <t>0451714/2022-BO-000466.2022.0002786</t>
  </si>
  <si>
    <t>0454612/2022-BO-000125.2022.0002139</t>
  </si>
  <si>
    <t>0457178/2022-BO-000137.2022.0002455</t>
  </si>
  <si>
    <t>0472698/2022-BO-000010.2022.0000394</t>
  </si>
  <si>
    <t>0538623/2022-BOTC-002525.2022.0000366</t>
  </si>
  <si>
    <t>0450166/2022-BOCOP-002020.2022.0002456</t>
  </si>
  <si>
    <t>0450548/2022-BO-000646.2022.0000055</t>
  </si>
  <si>
    <t>0450594/2022-BO-000646.2022.0000056</t>
  </si>
  <si>
    <t>Fabricar, oferecer, vender, maquinário, destinado à fabricação, preparação ou produção de drogas</t>
  </si>
  <si>
    <t>0451247/2022-BOPM-002038.2022.0000862</t>
  </si>
  <si>
    <t>0498713/2022-BO-000614.2022.0026646</t>
  </si>
  <si>
    <t>0522206/2022-BO-000074.2022.0001123</t>
  </si>
  <si>
    <t>0451964/2022-BO-000467.2022.0001276</t>
  </si>
  <si>
    <t>0438620/2022-BOPM-002042.2022.0001298</t>
  </si>
  <si>
    <t>0439006/2022-BO-000027.2023.0000192</t>
  </si>
  <si>
    <t>ANCHIETA</t>
  </si>
  <si>
    <t>0445486/2022-BO-000463.2022.0000301</t>
  </si>
  <si>
    <t>0436329/2022-BO-000081.2022.0000296</t>
  </si>
  <si>
    <t>0437035/2022-BOCOP-002011.2022.0001915</t>
  </si>
  <si>
    <t>0433607/2022-BO-000472.2022.0003614</t>
  </si>
  <si>
    <t>0433743/2022-BO-000050.2022.0002359</t>
  </si>
  <si>
    <t>0440210/2022-BO-000597.2022.0012252</t>
  </si>
  <si>
    <t>0431581/2022-BO-000033.2022.0000842</t>
  </si>
  <si>
    <t>0418623/2022-BOTC-002324.2022.0001271</t>
  </si>
  <si>
    <t>0418937/2022-BOCOP-002095.2022.0001928</t>
  </si>
  <si>
    <t>0420684/2022-BO-000125.2022.0001937</t>
  </si>
  <si>
    <t>0455030/2022-BO-000608.2022.0016432</t>
  </si>
  <si>
    <t>0416812/2022-BOPM-002042.2022.0001236</t>
  </si>
  <si>
    <t>0424360/2022-BO-000316.2022.0000187</t>
  </si>
  <si>
    <t>0425765/2022-BO-000031.2022.0001040</t>
  </si>
  <si>
    <t>0406476/2022-BOPM-002083.2022.0002317</t>
  </si>
  <si>
    <t>0400636/2022-BOPM-002033.2022.0000366</t>
  </si>
  <si>
    <t>0395997/2022-BOPM-002274.2022.0000764</t>
  </si>
  <si>
    <t>0394503/2022-BOCOP-002008.2022.0000389</t>
  </si>
  <si>
    <t>0393336/2022-BOTC-002060.2022.0001397</t>
  </si>
  <si>
    <t>0399051/2022-BO-000200.2022.0000044</t>
  </si>
  <si>
    <t>PEDRAS GRANDES</t>
  </si>
  <si>
    <t>0389828/2022-BOCOP-002011.2022.0001692</t>
  </si>
  <si>
    <t>0385539/2022-BOPM-002028.2022.0001504</t>
  </si>
  <si>
    <t>0389040/2022-BO-000320.2022.0000282</t>
  </si>
  <si>
    <t>0382491/2022-BO-000032.2022.0000992</t>
  </si>
  <si>
    <t>0376011/2022-BOPM-002083.2022.0002155</t>
  </si>
  <si>
    <t>0376769/2022-BOPM-002083.2022.0002158</t>
  </si>
  <si>
    <t>0375699/2022-BOPM-002293.2022.0000193</t>
  </si>
  <si>
    <t>0373101/2022-BO-000133.2022.0000515</t>
  </si>
  <si>
    <t>0371616/2022-BOPM-002016.2022.0003417</t>
  </si>
  <si>
    <t>0365899/2022-BOTC-002064.2022.0002091</t>
  </si>
  <si>
    <t>0367491/2022-BOPM-002420.2022.0002776</t>
  </si>
  <si>
    <t>0368533/2022-BO-000597.2022.0010202</t>
  </si>
  <si>
    <t>0368792/2022-BOTC-002103.2022.0000415</t>
  </si>
  <si>
    <t>0365044/2022-BOPM-002483.2022.0000115</t>
  </si>
  <si>
    <t>0362704/2022-BO-000125.2022.0001704</t>
  </si>
  <si>
    <t>0353047/2022-BO-000104.2022.0002842</t>
  </si>
  <si>
    <t>0354792/2022-BO-000028.2022.0000398</t>
  </si>
  <si>
    <t>0402391/2022-BO-000480.2022.0001448</t>
  </si>
  <si>
    <t>0346593/2022-BOTC-002073.2022.0000951</t>
  </si>
  <si>
    <t>0342619/2022-BO-000088.2022.0001097</t>
  </si>
  <si>
    <t>0344904/2022-BO-000237.2022.0001043</t>
  </si>
  <si>
    <t>0337900/2022-BOCOP-002318.2022.0000923</t>
  </si>
  <si>
    <t>0338896/2022-BO-000472.2022.0002777</t>
  </si>
  <si>
    <t>0339261/2022-BOPA-002038.2022.0000700</t>
  </si>
  <si>
    <t>0340566/2022-BOPA-002083.2022.0001919</t>
  </si>
  <si>
    <t>0335005/2022-BO-000526.2022.0001204</t>
  </si>
  <si>
    <t>0330492/2022-BO-000379.2022.0000177</t>
  </si>
  <si>
    <t>0330954/2022-BO-000379.2022.0000176</t>
  </si>
  <si>
    <t>0331212/2022-BO-000074.2022.0000728</t>
  </si>
  <si>
    <t>0855068/2022-BO-000613.2022.0015456</t>
  </si>
  <si>
    <t>0327961/2022-BOPM-002145.2022.0000132</t>
  </si>
  <si>
    <t>0326505/2022-BO-000125.2022.0001524</t>
  </si>
  <si>
    <t>0326885/2022-BOCOP-002062.2022.0000522</t>
  </si>
  <si>
    <t>0329313/2022-BO-000606.2022.0003335</t>
  </si>
  <si>
    <t>0339267/2022-BO-000012.2022.0000628</t>
  </si>
  <si>
    <t>0348879/2022-BO-000586.2022.0000219</t>
  </si>
  <si>
    <t>0313793/2022-BO-000472.2022.0002562</t>
  </si>
  <si>
    <t>0312254/2022-BOCOP-002334.2022.0000404</t>
  </si>
  <si>
    <t>0312638/2022-BOCOP-002193.2022.0001482</t>
  </si>
  <si>
    <t>0313454/2022-BO-000480.2022.0001084</t>
  </si>
  <si>
    <t>0311036/2022-BOTC-002000.2022.0001899</t>
  </si>
  <si>
    <t>0311101/2022-BOPM-002043.2022.0000752</t>
  </si>
  <si>
    <t>Fiscalização de ordem pública em estabelecimentos comerciais e eventos</t>
  </si>
  <si>
    <t>0308748/2022-BO-000586.2022.0000192</t>
  </si>
  <si>
    <t>0303353/2022-BO-000526.2022.0001078</t>
  </si>
  <si>
    <t>0303431/2022-BO-000246.2022.0000553</t>
  </si>
  <si>
    <t>0301399/2022-BOCOP-002273.2022.0001662</t>
  </si>
  <si>
    <t>0302676/2022-BOPM-002345.2022.0000026</t>
  </si>
  <si>
    <t>TREVISO</t>
  </si>
  <si>
    <t>0296759/2022-BO-000435.2022.0000556</t>
  </si>
  <si>
    <t>0298755/2022-BO-000472.2022.0002434</t>
  </si>
  <si>
    <t>0294736/2022-BO-000614.2022.0016155</t>
  </si>
  <si>
    <t>0292605/2022-BO-000611.2022.0000595</t>
  </si>
  <si>
    <t>0292928/2022-BO-000526.2022.0000985</t>
  </si>
  <si>
    <t>0289001/2022-BO-000002.2022.0000189</t>
  </si>
  <si>
    <t>0287925/2022-BOTC-002095.2022.0001398</t>
  </si>
  <si>
    <t>0997543/2023-BO-000277.2023.0000456</t>
  </si>
  <si>
    <t>0281539/2022-BOTC-002273.2022.0001534</t>
  </si>
  <si>
    <t>0278166/2022-BO-000237.2022.0000827</t>
  </si>
  <si>
    <t>0278547/2022-BOCOP-002042.2022.0000821</t>
  </si>
  <si>
    <t>0280174/2022-BOPM-002159.2022.0000143</t>
  </si>
  <si>
    <t>0280448/2022-BOPM-002042.2022.0000824</t>
  </si>
  <si>
    <t>0375087/2022-BO-000623.2022.0001466</t>
  </si>
  <si>
    <t>0276170/2022-BO-000051.2022.0000530</t>
  </si>
  <si>
    <t>0275416/2022-BO-000597.2022.0007723</t>
  </si>
  <si>
    <t>0269656/2022-BOCOP-002193.2022.0001254</t>
  </si>
  <si>
    <t>0270058/2022-BO-000480.2022.0000918</t>
  </si>
  <si>
    <t>0268388/2022-BOCOP-002038.2022.0000584</t>
  </si>
  <si>
    <t>0266530/2022-BOPM-002005.2022.0000269</t>
  </si>
  <si>
    <t>0266812/2022-BOPM-002017.2022.0002668</t>
  </si>
  <si>
    <t>0259529/2022-BO-000469.2022.0000967</t>
  </si>
  <si>
    <t>0259535/2022-BO-000124.2022.0000605</t>
  </si>
  <si>
    <t>0256861/2022-BOCOP-002317.2022.0001556</t>
  </si>
  <si>
    <t>0248606/2022-BO-000481.2022.0003292</t>
  </si>
  <si>
    <t>0246318/2022-BOCOP-002011.2022.0001064</t>
  </si>
  <si>
    <t>0259112/2022-BO-000144.2022.0000669</t>
  </si>
  <si>
    <t>0282710/2022-BO-000017.2022.0000116</t>
  </si>
  <si>
    <t>0242113/2022-BOCOP-002017.2022.0002414</t>
  </si>
  <si>
    <t>0244291/2022-BO-000029.2022.0001526</t>
  </si>
  <si>
    <t>0254363/2022-BO-000650.2022.0000028</t>
  </si>
  <si>
    <t>0255394/2022-BO-000433.2022.0000295</t>
  </si>
  <si>
    <t>0233095/2022-BO-000432.2022.0000057</t>
  </si>
  <si>
    <t>0235227/2022-BOTC-002193.2022.0001072</t>
  </si>
  <si>
    <t>0226974/2022-BOTC-002045.2022.0000421</t>
  </si>
  <si>
    <t>0217051/2022-BO-000036.2022.0000535</t>
  </si>
  <si>
    <t>0218996/2022-BO-000614.2022.0012410</t>
  </si>
  <si>
    <t>0222702/2022-BO-000137.2022.0001033</t>
  </si>
  <si>
    <t>0227859/2022-BO-000598.2022.0004363</t>
  </si>
  <si>
    <t>0210113/2022-BO-000044.2022.0000333</t>
  </si>
  <si>
    <t>0210693/2022-BO-000391.2022.0000697</t>
  </si>
  <si>
    <t>0205990/2022-BOTC-002159.2022.0000107</t>
  </si>
  <si>
    <t>0207661/2022-BOCOP-002011.2022.0000890</t>
  </si>
  <si>
    <t>0207754/2022-BO-000550.2022.0000079</t>
  </si>
  <si>
    <t>0208256/2022-BOCOP-002011.2022.0000895</t>
  </si>
  <si>
    <t>0211314/2022-BO-000396.2022.0000038</t>
  </si>
  <si>
    <t>0244549/2022-BO-000600.2022.0010124</t>
  </si>
  <si>
    <t>0196494/2022-BOPM-002017.2022.0001977</t>
  </si>
  <si>
    <t>0198176/2022-BOPM-002095.2022.0000994</t>
  </si>
  <si>
    <t>0200224/2022-BO-000003.2022.0000331</t>
  </si>
  <si>
    <t>0204302/2022-BO-000421.2022.0000164</t>
  </si>
  <si>
    <t>CORUPÁ</t>
  </si>
  <si>
    <t>0195888/2022-BOPM-002028.2022.0000947</t>
  </si>
  <si>
    <t>0196595/2022-BO-000598.2022.0003724</t>
  </si>
  <si>
    <t>0198600/2022-BO-000032.2022.0000547</t>
  </si>
  <si>
    <t>0199368/2022-BO-000614.2022.0011340</t>
  </si>
  <si>
    <t>0211461/2022-BO-000125.2022.0000969</t>
  </si>
  <si>
    <t>0688622/2023-BO-000472.2023.0005395</t>
  </si>
  <si>
    <t>0188541/2022-BOCOP-002017.2022.0001915</t>
  </si>
  <si>
    <t>0192377/2022-BOPA-002317.2022.0001290</t>
  </si>
  <si>
    <t>1073844/2022-BO-000039.2022.0001598</t>
  </si>
  <si>
    <t>0187175/2022-BOCOP-002043.2022.0000469</t>
  </si>
  <si>
    <t>0187413/2022-BOPM-002319.2022.0000157</t>
  </si>
  <si>
    <t>0187660/2022-BOTC-002016.2022.0001606</t>
  </si>
  <si>
    <t>0185230/2022-BOCOP-002269.2022.0000070</t>
  </si>
  <si>
    <t>0186000/2022-BOPM-002034.2022.0000562</t>
  </si>
  <si>
    <t>0179942/2022-BOPM-002382.2022.0000046</t>
  </si>
  <si>
    <t>0189288/2022-BO-000005.2022.0001261</t>
  </si>
  <si>
    <t>0176272/2022-BO-000471.2022.0000875</t>
  </si>
  <si>
    <t>0176788/2022-BOPM-002317.2022.0001167</t>
  </si>
  <si>
    <t>0174927/2022-BO-000091.2022.0000038</t>
  </si>
  <si>
    <t>0171850/2022-BOTC-002277.2022.0000203</t>
  </si>
  <si>
    <t>0172130/2022-BO-000081.2022.0000097</t>
  </si>
  <si>
    <t>0178460/2022-BO-000597.2022.0005039</t>
  </si>
  <si>
    <t>0164503/2022-BO-000132.2022.0000276</t>
  </si>
  <si>
    <t>0166126/2022-BOCOP-002060.2022.0000615</t>
  </si>
  <si>
    <t>0166984/2022-BO-000074.2022.0000353</t>
  </si>
  <si>
    <t>0167755/2022-BOTC-002095.2022.0000837</t>
  </si>
  <si>
    <t>0168137/2022-BOCOP-002011.2022.0000702</t>
  </si>
  <si>
    <t>0169680/2022-BO-000124.2022.0000399</t>
  </si>
  <si>
    <t>0202878/2022-BO-000555.2022.0000144</t>
  </si>
  <si>
    <t>0237743/2022-BO-000124.2022.0000562</t>
  </si>
  <si>
    <t>0239331/2022-BOTC-002526.2022.0000070</t>
  </si>
  <si>
    <t>Destruir, danificar, lesar plantas de ornamentação de logradouros públicos ou privados</t>
  </si>
  <si>
    <t>0158663/2022-BO-000598.2022.0003085</t>
  </si>
  <si>
    <t>0199012/2022-BO-000209.2022.0000166</t>
  </si>
  <si>
    <t>0156235/2022-BO-000480.2022.0000489</t>
  </si>
  <si>
    <t>0172799/2022-BO-000614.2022.0009920</t>
  </si>
  <si>
    <t>0149012/2022-BO-000005.2022.0000971</t>
  </si>
  <si>
    <t>0149835/2022-BO-000125.2022.0000671</t>
  </si>
  <si>
    <t>0156495/2022-BO-000420.2022.0000820</t>
  </si>
  <si>
    <t>0142918/2022-BO-000012.2022.0000230</t>
  </si>
  <si>
    <t>0144246/2022-BOCOP-002134.2022.0000099</t>
  </si>
  <si>
    <t>0144536/2022-BOCOP-002060.2022.0000532</t>
  </si>
  <si>
    <t>0136906/2022-BOPM-002269.2022.0000053</t>
  </si>
  <si>
    <t>0135063/2022-BOCOP-002038.2022.0000339</t>
  </si>
  <si>
    <t>0129013/2022-BO-000299.2022.0000250</t>
  </si>
  <si>
    <t>0125420/2022-BOCOP-002007.2022.0000221</t>
  </si>
  <si>
    <t>0217758/2022-BO-000031.2022.0000525</t>
  </si>
  <si>
    <t>0117002/2022-BO-000012.2022.0000189</t>
  </si>
  <si>
    <t>0112059/2022-BO-000329.2022.0000054</t>
  </si>
  <si>
    <t>Vender, fornecer ou entregar a menor bebida alcoólica ou produtos que possam causar dependência física ou psíquica</t>
  </si>
  <si>
    <t>0112107/2022-BOTC-002061.2022.0000412</t>
  </si>
  <si>
    <t>0113091/2022-BOTC-002064.2022.0000769</t>
  </si>
  <si>
    <t>0109777/2022-BOTC-002039.2022.0000324</t>
  </si>
  <si>
    <t>0110655/2022-BOPM-002277.2022.0000127</t>
  </si>
  <si>
    <t>0115534/2022-BO-000122.2022.0000149</t>
  </si>
  <si>
    <t>0161044/2022-BO-000491.2022.0000004</t>
  </si>
  <si>
    <t>0148302/2022-BO-000618.2022.0000777</t>
  </si>
  <si>
    <t>0105597/2022-BOCOP-002012.2022.0000130</t>
  </si>
  <si>
    <t>0105883/2022-BOPM-002064.2022.0000705</t>
  </si>
  <si>
    <t>0115962/2022-BO-000029.2022.0000729</t>
  </si>
  <si>
    <t>Receptação - Culposa</t>
  </si>
  <si>
    <t>0099370/2022-BO-000554.2022.0000243</t>
  </si>
  <si>
    <t>0099854/2022-BO-000472.2022.0000728</t>
  </si>
  <si>
    <t>0099893/2022-BO-000472.2022.0000729</t>
  </si>
  <si>
    <t>0107723/2022-BO-000279.2022.0000056</t>
  </si>
  <si>
    <t>0096909/2022-BO-000492.2022.0000352</t>
  </si>
  <si>
    <t>0200341/2022-BO-000597.2022.0005620</t>
  </si>
  <si>
    <t>0090998/2022-BOPM-002000.2022.0000616</t>
  </si>
  <si>
    <t>0087829/2022-BOTC-002083.2022.0000370</t>
  </si>
  <si>
    <t>0089016/2022-BO-000481.2022.0001189</t>
  </si>
  <si>
    <t>0089181/2022-BO-000270.2022.0000988</t>
  </si>
  <si>
    <t>XAXIM</t>
  </si>
  <si>
    <t>0089214/2022-BOCOP-002000.2022.0000587</t>
  </si>
  <si>
    <t>0091930/2022-BO-000576.2022.0000194</t>
  </si>
  <si>
    <t>0085416/2022-BOCOP-002159.2022.0000042</t>
  </si>
  <si>
    <t>0080283/2022-BO-000201.2022.0000033</t>
  </si>
  <si>
    <t>0082703/2022-BO-000433.2022.0000076</t>
  </si>
  <si>
    <t>0075477/2022-BOPM-002269.2022.0000031</t>
  </si>
  <si>
    <t>0079177/2022-BO-000010.2022.0000072</t>
  </si>
  <si>
    <t>0073607/2022-BOCOP-002225.2022.0000014</t>
  </si>
  <si>
    <t>0082071/2022-BO-000088.2022.0000217</t>
  </si>
  <si>
    <t>0065942/2022-BOTC-002029.2022.0000187</t>
  </si>
  <si>
    <t>0067545/2022-BOCOP-002042.2022.0000183</t>
  </si>
  <si>
    <t>0067558/2022-BO-000215.2022.0000083</t>
  </si>
  <si>
    <t>0067708/2022-BOTC-002016.2022.0000549</t>
  </si>
  <si>
    <t>0071929/2022-BO-000084.2022.0000163</t>
  </si>
  <si>
    <t>0065650/2022-BO-000480.2022.0000196</t>
  </si>
  <si>
    <t>0191920/2022-BO-000092.2022.0000112</t>
  </si>
  <si>
    <t>0058523/2022-BOTC-002042.2022.0000153</t>
  </si>
  <si>
    <t>0058596/2022-BO-000554.2022.0000140</t>
  </si>
  <si>
    <t>0055064/2022-BOTC-002038.2022.0000163</t>
  </si>
  <si>
    <t>0050298/2022-BOPA-002060.2022.0000194</t>
  </si>
  <si>
    <t>0046343/2022-BO-000552.2022.0000026</t>
  </si>
  <si>
    <t>0049247/2022-BO-000134.2022.0000006</t>
  </si>
  <si>
    <t>0062592/2023-BO-000279.2023.0000026</t>
  </si>
  <si>
    <t>0045158/2022-BOCOP-002020.2022.0000233</t>
  </si>
  <si>
    <t>0053386/2022-BO-000028.2022.0000044</t>
  </si>
  <si>
    <t>0042711/2022-BOPA-002505.2022.0000009</t>
  </si>
  <si>
    <t>SALTINHO</t>
  </si>
  <si>
    <t>0043044/2022-BO-000125.2022.0000170</t>
  </si>
  <si>
    <t>0094428/2022-BO-000023.2022.0000233</t>
  </si>
  <si>
    <t>0038444/2022-BO-000467.2022.0000102</t>
  </si>
  <si>
    <t>Invasão de estabelecimento industrial, comercial ou agrícola (Sabotagem)</t>
  </si>
  <si>
    <t>0041248/2022-BO-000005.2022.0000272</t>
  </si>
  <si>
    <t>0036307/2022-BO-000357.2022.0000023</t>
  </si>
  <si>
    <t>0037766/2022-BOCOP-002028.2022.0000191</t>
  </si>
  <si>
    <t>0053369/2022-BO-000146.2022.0000208</t>
  </si>
  <si>
    <t>0032291/2022-BOTC-002474.2022.0000089</t>
  </si>
  <si>
    <t>0030098/2022-BO-000658.2022.0000027</t>
  </si>
  <si>
    <t>0024785/2022-BO-000212.2022.0000075</t>
  </si>
  <si>
    <t>0025316/2022-BOCOP-002273.2022.0000128</t>
  </si>
  <si>
    <t>0025436/2022-BO-000658.2022.0000023</t>
  </si>
  <si>
    <t>0025534/2022-BOCOP-002423.2022.0000003</t>
  </si>
  <si>
    <t>PLANALTO ALEGRE</t>
  </si>
  <si>
    <t>0026249/2022-BO-000015.2022.0000071</t>
  </si>
  <si>
    <t>0027067/2022-BO-000125.2022.0000103</t>
  </si>
  <si>
    <t>0030116/2022-BO-000626.2022.0000132</t>
  </si>
  <si>
    <t>TANGARÁ</t>
  </si>
  <si>
    <t>0031354/2022-BO-000205.2022.0000020</t>
  </si>
  <si>
    <t>0021656/2022-BOPM-002500.2022.0000018</t>
  </si>
  <si>
    <t>0022066/2022-BO-000313.2022.0000008</t>
  </si>
  <si>
    <t>RIO DAS ANTAS</t>
  </si>
  <si>
    <t>0022585/2022-BO-000615.2022.0000155</t>
  </si>
  <si>
    <t>0022600/2022-BO-000066.2022.0000416</t>
  </si>
  <si>
    <t>0017230/2022-BOPM-002064.2022.0000139</t>
  </si>
  <si>
    <t>0017913/2022-BOPM-002133.2022.0000021</t>
  </si>
  <si>
    <t>0018398/2022-BOCOP-002095.2022.0000090</t>
  </si>
  <si>
    <t>0132362/2023-BO-000323.2023.0000007</t>
  </si>
  <si>
    <t>0015150/2022-BO-000291.2022.0000056</t>
  </si>
  <si>
    <t>0016280/2022-BO-000554.2022.0000040</t>
  </si>
  <si>
    <t>0056090/2022-BO-000554.2022.0000125</t>
  </si>
  <si>
    <t>0002493/2022-BOCOP-002324.2022.0000017</t>
  </si>
  <si>
    <t>0003030/2022-BO-000237.2022.0000013</t>
  </si>
  <si>
    <t>0003560/2022-BOTC-002011.2022.0000020</t>
  </si>
  <si>
    <t>0998430/2023-BO-000277.2023.0000457</t>
  </si>
  <si>
    <t>0006983/2022-BO-000066.2022.0000010</t>
  </si>
  <si>
    <t>0121718/2022-BO-000598.2022.0002404</t>
  </si>
  <si>
    <t>1025025/2021-BOPM-002028.2021.0003298</t>
  </si>
  <si>
    <t>1019346/2021-BO-000472.2021.0006239</t>
  </si>
  <si>
    <t>1016653/2021-BO-000610.2021.0054601</t>
  </si>
  <si>
    <t>1018938/2021-BO-000122.2021.0001186</t>
  </si>
  <si>
    <t>1013257/2021-BO-000456.2021.0001487</t>
  </si>
  <si>
    <t>1016364/2021-BO-000434.2021.0000903</t>
  </si>
  <si>
    <t>1006444/2021-BO-000628.2021.0001642</t>
  </si>
  <si>
    <t>1001253/2021-BOPM-002151.2021.0000359</t>
  </si>
  <si>
    <t>1002799/2021-BOCOP-002083.2021.0005790</t>
  </si>
  <si>
    <t>1004823/2021-BO-000029.2021.0005849</t>
  </si>
  <si>
    <t>1018943/2021-BO-000606.2021.0009966</t>
  </si>
  <si>
    <t>0997217/2021-BO-000612.2021.0015643</t>
  </si>
  <si>
    <t>0992147/2021-BOCOP-002193.2021.0004353</t>
  </si>
  <si>
    <t>0992216/2021-BOPM-002029.2021.0003052</t>
  </si>
  <si>
    <t>0997743/2021-BO-000400.2021.0000416</t>
  </si>
  <si>
    <t>SERRA ALTA</t>
  </si>
  <si>
    <t>0989740/2021-BOTC-002017.2021.0011178</t>
  </si>
  <si>
    <t>0986270/2021-BO-000422.2021.0001800</t>
  </si>
  <si>
    <t>0987189/2021-BO-000554.2021.0003033</t>
  </si>
  <si>
    <t>0988418/2021-BO-000045.2022.0000139</t>
  </si>
  <si>
    <t>0988705/2021-BO-000290.2021.0003583</t>
  </si>
  <si>
    <t>0308298/2022-BO-000124.2022.0000721</t>
  </si>
  <si>
    <t>0980309/2021-BOCOP-002060.2021.0003309</t>
  </si>
  <si>
    <t>0971078/2021-BOCOP-002017.2021.0010975</t>
  </si>
  <si>
    <t>0974175/2021-BO-000290.2021.0003543</t>
  </si>
  <si>
    <t>0983625/2021-BO-000442.2021.0000264</t>
  </si>
  <si>
    <t>ROMELÂNDIA</t>
  </si>
  <si>
    <t>0970519/2021-BO-000472.2021.0005849</t>
  </si>
  <si>
    <t>0975834/2021-BO-000263.2021.0000189</t>
  </si>
  <si>
    <t>0965641/2021-BOTC-002193.2021.0004253</t>
  </si>
  <si>
    <t>0967793/2021-BOTC-002064.2021.0003982</t>
  </si>
  <si>
    <t>0968669/2021-BOCOP-002348.2021.0001120</t>
  </si>
  <si>
    <t>0965052/2021-BOPM-002017.2021.0010894</t>
  </si>
  <si>
    <t>0954707/2021-BOTC-002011.2021.0004454</t>
  </si>
  <si>
    <t>0957202/2021-BO-000301.2021.0001090</t>
  </si>
  <si>
    <t>0948809/2021-BOTC-002009.2021.0002028</t>
  </si>
  <si>
    <t>0949130/2021-BO-000087.2021.0001660</t>
  </si>
  <si>
    <t>0950805/2021-BO-000036.2021.0001348</t>
  </si>
  <si>
    <t>0959933/2021-BO-000608.2021.0036335</t>
  </si>
  <si>
    <t>0943417/2021-BOPM-002020.2021.0005606</t>
  </si>
  <si>
    <t>0945980/2021-BOPM-002044.2021.0002273</t>
  </si>
  <si>
    <t>0946357/2021-BOCOP-002060.2021.0003202</t>
  </si>
  <si>
    <t>0941464/2021-BO-000017.2021.0000414</t>
  </si>
  <si>
    <t>0941635/2021-BO-000015.2021.0002137</t>
  </si>
  <si>
    <t>0932445/2021-BOPM-002273.2021.0005354</t>
  </si>
  <si>
    <t>0933280/2021-BOCOP-002034.2021.0003387</t>
  </si>
  <si>
    <t>0935866/2021-BO-000466.2021.0005615</t>
  </si>
  <si>
    <t>0953026/2021-BO-000526.2021.0003699</t>
  </si>
  <si>
    <t>0930978/2021-BO-000434.2021.0000831</t>
  </si>
  <si>
    <t>0925871/2021-BO-000422.2021.0001713</t>
  </si>
  <si>
    <t>0926085/2021-BOCOP-002095.2021.0004367</t>
  </si>
  <si>
    <t>0926113/2021-BO-000466.2021.0005557</t>
  </si>
  <si>
    <t>0918535/2021-BOCOP-002083.2021.0005299</t>
  </si>
  <si>
    <t>0921916/2021-BOPM-002060.2021.0003120</t>
  </si>
  <si>
    <t>0917097/2021-BOPM-002017.2021.0010350</t>
  </si>
  <si>
    <t>1002268/2023-BO-000277.2023.0000460</t>
  </si>
  <si>
    <t>0915417/2021-BO-000066.2021.0000979</t>
  </si>
  <si>
    <t>0909356/2021-BOCOP-002115.2021.0000695</t>
  </si>
  <si>
    <t>0914208/2021-BO-000306.2021.0000170</t>
  </si>
  <si>
    <t>Matar, perseguir, caçar, apanhar, utilizar espécimes da fauna silvestre, nativos ou em rota migratória, sem a devida permissão, licença ou autorização da autoridade competente, ou em desacordo com a obtida (caça não autorizada).</t>
  </si>
  <si>
    <t>0915673/2021-BO-000122.2021.0001095</t>
  </si>
  <si>
    <t>0922147/2021-BO-000005.2021.0005776</t>
  </si>
  <si>
    <t>0905628/2021-BOPM-002095.2021.0004294</t>
  </si>
  <si>
    <t>0906171/2021-BOTC-002030.2021.0005493</t>
  </si>
  <si>
    <t>0908180/2021-BO-000079.2021.0001521</t>
  </si>
  <si>
    <t>0904275/2021-BOPM-002073.2021.0002503</t>
  </si>
  <si>
    <t>0898811/2021-BOCOP-002011.2021.0004169</t>
  </si>
  <si>
    <t>0900471/2021-BO-000246.2021.0001480</t>
  </si>
  <si>
    <t>0769351/2022-BO-000600.2022.0028031</t>
  </si>
  <si>
    <t>0887799/2021-BO-000473.2021.0003255</t>
  </si>
  <si>
    <t>0890770/2021-BOPM-002019.2021.0001460</t>
  </si>
  <si>
    <t>0650769/2022-BO-000043.2022.0001771</t>
  </si>
  <si>
    <t>0886229/2021-BO-000420.2021.0003920</t>
  </si>
  <si>
    <t>0883757/2021-BO-000125.2021.0005107</t>
  </si>
  <si>
    <t>0889370/2021-BO-000410.2021.0000204</t>
  </si>
  <si>
    <t>1012624/2021-BO-000617.2021.0004665</t>
  </si>
  <si>
    <t>SANTA CECÍLIA</t>
  </si>
  <si>
    <t>0881545/2021-BO-000526.2021.0003388</t>
  </si>
  <si>
    <t>0882892/2021-BOCOP-002404.2021.0000743</t>
  </si>
  <si>
    <t>0100362/2022-BO-000276.2022.0000053</t>
  </si>
  <si>
    <t>PIRATUBA</t>
  </si>
  <si>
    <t>0874014/2021-BOCOP-002273.2021.0005025</t>
  </si>
  <si>
    <t>0874423/2021-BOCOP-002095.2021.0004167</t>
  </si>
  <si>
    <t>0875153/2021-BO-000586.2021.0000629</t>
  </si>
  <si>
    <t>0877957/2021-BO-000070.2021.0000636</t>
  </si>
  <si>
    <t>SANTIAGO DO SUL</t>
  </si>
  <si>
    <t>0970371/2021-BO-000299.2021.0002959</t>
  </si>
  <si>
    <t>0881960/2021-BO-000352.2021.0000575</t>
  </si>
  <si>
    <t>0867248/2021-BO-000013.2021.0002369</t>
  </si>
  <si>
    <t>0867503/2021-BO-000614.2021.0048661</t>
  </si>
  <si>
    <t>0863000/2021-BOCOP-002043.2021.0002136</t>
  </si>
  <si>
    <t>0064258/2022-BO-000605.2022.0000877</t>
  </si>
  <si>
    <t>0860139/2021-BOCOP-002007.2021.0001778</t>
  </si>
  <si>
    <t>0860358/2021-BOPM-002064.2021.0003609</t>
  </si>
  <si>
    <t>0857208/2021-BO-000013.2021.0002302</t>
  </si>
  <si>
    <t>0866389/2021-BO-000434.2021.0000790</t>
  </si>
  <si>
    <t>0853356/2021-BO-000205.2021.0000954</t>
  </si>
  <si>
    <t>0853910/2021-BOTC-002401.2021.0001206</t>
  </si>
  <si>
    <t>Violar a suspensão ou a proibição de se obter a permissão ou a habilitação para dirigir</t>
  </si>
  <si>
    <t>0848928/2021-BOTC-002346.2021.0000756</t>
  </si>
  <si>
    <t>0847358/2021-BO-000480.2021.0002339</t>
  </si>
  <si>
    <t>0847924/2021-BOCOP-002395.2021.0000083</t>
  </si>
  <si>
    <t>SALTO VELOSO</t>
  </si>
  <si>
    <t>0844833/2021-BOCOP-002000.2021.0005571</t>
  </si>
  <si>
    <t>0841620/2021-BOPM-002139.2021.0001992</t>
  </si>
  <si>
    <t>0842466/2021-BO-000472.2021.0004865</t>
  </si>
  <si>
    <t>0837203/2021-BOCOP-002122.2021.0000089</t>
  </si>
  <si>
    <t>0837559/2021-BOCOP-002060.2021.0002800</t>
  </si>
  <si>
    <t>0998713/2021-BO-000472.2021.0006070</t>
  </si>
  <si>
    <t>0835875/2021-BO-000606.2021.0008279</t>
  </si>
  <si>
    <t>0836201/2021-BOPM-002000.2021.0005513</t>
  </si>
  <si>
    <t>0837999/2021-BO-000598.2021.0017992</t>
  </si>
  <si>
    <t>0830861/2021-BO-000391.2021.0002500</t>
  </si>
  <si>
    <t>0831413/2021-BO-000493.2021.0000023</t>
  </si>
  <si>
    <t>0829054/2021-BO-000613.2021.0017145</t>
  </si>
  <si>
    <t>0829712/2021-BOCOP-002045.2021.0001460</t>
  </si>
  <si>
    <t>Infração de medida sanitária preventiva</t>
  </si>
  <si>
    <t>0823830/2021-BOPM-002273.2021.0004740</t>
  </si>
  <si>
    <t>0824743/2021-BO-000598.2021.0017725</t>
  </si>
  <si>
    <t>0819453/2021-BO-000005.2021.0005051</t>
  </si>
  <si>
    <t>0819939/2021-BOPM-002064.2021.0003462</t>
  </si>
  <si>
    <t>0821934/2021-BOTC-002318.2021.0002357</t>
  </si>
  <si>
    <t>0822057/2021-BO-000009.2021.0002413</t>
  </si>
  <si>
    <t>0817334/2021-BO-000081.2021.0000415</t>
  </si>
  <si>
    <t>0818910/2021-BO-000088.2021.0002810</t>
  </si>
  <si>
    <t>0829978/2021-BOPM-002316.2021.0000241</t>
  </si>
  <si>
    <t>0837926/2021-BO-000444.2021.0000300</t>
  </si>
  <si>
    <t>IRACEMINHA</t>
  </si>
  <si>
    <t>0813798/2021-BO-000299.2021.0002585</t>
  </si>
  <si>
    <t>0811254/2021-BO-000420.2021.0003624</t>
  </si>
  <si>
    <t>0811270/2021-BO-000420.2021.0003519</t>
  </si>
  <si>
    <t>CORDILHEIRA ALTA</t>
  </si>
  <si>
    <t>0809766/2021-BOPM-002000.2021.0005343</t>
  </si>
  <si>
    <t>0809995/2021-BOTC-002008.2021.0000910</t>
  </si>
  <si>
    <t>0806229/2021-BOPM-002027.2021.0000901</t>
  </si>
  <si>
    <t>0792176/2021-BO-000043.2021.0002219</t>
  </si>
  <si>
    <t>0794149/2021-BOCOP-002083.2021.0004558</t>
  </si>
  <si>
    <t>0795039/2021-BO-000003.2021.0001572</t>
  </si>
  <si>
    <t>0795369/2021-BO-000004.2021.0001981</t>
  </si>
  <si>
    <t>0799456/2021-BO-000043.2021.0002244</t>
  </si>
  <si>
    <t>0787585/2021-BOPA-002038.2021.0001476</t>
  </si>
  <si>
    <t>0787983/2021-BOCOP-002122.2021.0000082</t>
  </si>
  <si>
    <t>0789270/2021-BO-000005.2021.0004822</t>
  </si>
  <si>
    <t>0785210/2021-BO-000472.2021.0004439</t>
  </si>
  <si>
    <t>0915570/2021-BO-000023.2021.0002302</t>
  </si>
  <si>
    <t>0783612/2021-BOPM-002361.2021.0000485</t>
  </si>
  <si>
    <t>0788740/2021-BO-000597.2021.0025577</t>
  </si>
  <si>
    <t>0786952/2021-BO-000306.2021.0000137</t>
  </si>
  <si>
    <t>0787933/2021-BO-000104.2021.0005885</t>
  </si>
  <si>
    <t>0777293/2021-BO-000120.2021.0000029</t>
  </si>
  <si>
    <t>0778533/2021-BOCOP-002030.2021.0004724</t>
  </si>
  <si>
    <t>0778614/2021-BO-000469.2021.0002901</t>
  </si>
  <si>
    <t>0772441/2021-BOPM-002017.2021.0008755</t>
  </si>
  <si>
    <t>0773673/2021-BO-000526.2021.0003021</t>
  </si>
  <si>
    <t>0767403/2021-BOCOP-002016.2021.0007341</t>
  </si>
  <si>
    <t>0767914/2021-BOTC-002370.2021.0000061</t>
  </si>
  <si>
    <t>0768464/2021-BO-000453.2021.0000522</t>
  </si>
  <si>
    <t>0768511/2021-BOCOP-002273.2021.0004413</t>
  </si>
  <si>
    <t>0763842/2021-BOPM-002083.2021.0004376</t>
  </si>
  <si>
    <t>0761988/2021-BOTC-002404.2021.0000643</t>
  </si>
  <si>
    <t>0775182/2021-BO-000597.2021.0025128</t>
  </si>
  <si>
    <t>0780153/2021-BO-000449.2021.0000312</t>
  </si>
  <si>
    <t>0751166/2021-BO-000125.2021.0004489</t>
  </si>
  <si>
    <t>0752206/2021-BO-000012.2021.0001705</t>
  </si>
  <si>
    <t>0752429/2021-BOTC-002487.2021.0000960</t>
  </si>
  <si>
    <t>0755129/2021-BO-000481.2021.0009869</t>
  </si>
  <si>
    <t>0747304/2021-BO-000003.2021.0001501</t>
  </si>
  <si>
    <t>0745005/2021-BO-000299.2021.0002425</t>
  </si>
  <si>
    <t>0734047/2021-BOTC-002011.2021.0003414</t>
  </si>
  <si>
    <t>0735385/2021-BO-000381.2021.0002858</t>
  </si>
  <si>
    <t>0737531/2021-BO-000198.2021.0000575</t>
  </si>
  <si>
    <t>0808331/2021-BO-000237.2021.0002064</t>
  </si>
  <si>
    <t>0726891/2021-BOCOP-002038.2021.0001383</t>
  </si>
  <si>
    <t>0724804/2021-BO-000420.2021.0003106</t>
  </si>
  <si>
    <t>0722558/2021-BOCOP-002318.2021.0002121</t>
  </si>
  <si>
    <t>0723245/2021-BOTC-002062.2021.0001067</t>
  </si>
  <si>
    <t>0723439/2021-BOTC-002083.2021.0004142</t>
  </si>
  <si>
    <t>0429231/2022-BO-000472.2022.0003577</t>
  </si>
  <si>
    <t>0719165/2021-BOCOP-002317.2021.0003856</t>
  </si>
  <si>
    <t>0720088/2021-BOCOP-002012.2021.0001307</t>
  </si>
  <si>
    <t>0721744/2021-BO-000439.2021.0000556</t>
  </si>
  <si>
    <t>0708108/2021-BOPM-002083.2021.0004050</t>
  </si>
  <si>
    <t>0714224/2021-BO-000033.2021.0001389</t>
  </si>
  <si>
    <t>0702244/2021-BO-000012.2021.0001651</t>
  </si>
  <si>
    <t>0702532/2021-BOTC-002027.2021.0000779</t>
  </si>
  <si>
    <t>0703592/2021-BO-000576.2021.0001229</t>
  </si>
  <si>
    <t>0732783/2021-BO-000198.2021.0000566</t>
  </si>
  <si>
    <t>0699596/2021-BOPM-002042.2021.0002104</t>
  </si>
  <si>
    <t>Objetos oferecendo perigo</t>
  </si>
  <si>
    <t>0697154/2021-BO-000608.2021.0025977</t>
  </si>
  <si>
    <t>0696457/2021-BO-000205.2021.0000771</t>
  </si>
  <si>
    <t>0713676/2021-BO-000049.2021.0001092</t>
  </si>
  <si>
    <t>0725918/2021-BO-000481.2021.0009474</t>
  </si>
  <si>
    <t>0687524/2021-BOPM-002083.2021.0003946</t>
  </si>
  <si>
    <t>0688430/2021-BO-000081.2021.0000349</t>
  </si>
  <si>
    <t>0693833/2021-BO-000526.2021.0002648</t>
  </si>
  <si>
    <t>0774527/2021-BO-000472.2021.0004363</t>
  </si>
  <si>
    <t>0685235/2021-BOCOP-002035.2021.0003958</t>
  </si>
  <si>
    <t>0688607/2021-BO-000431.2021.0000242</t>
  </si>
  <si>
    <t>0759155/2021-BO-000554.2021.0002559</t>
  </si>
  <si>
    <t>0680514/2021-BOCOP-002083.2021.0003874</t>
  </si>
  <si>
    <t>0682425/2021-BO-000381.2021.0002618</t>
  </si>
  <si>
    <t>0676350/2021-BO-000144.2021.0001787</t>
  </si>
  <si>
    <t>0673669/2021-BOCOP-002420.2021.0005832</t>
  </si>
  <si>
    <t>0678999/2021-BO-000422.2021.0001383</t>
  </si>
  <si>
    <t>0666953/2021-BOPM-002324.2021.0001786</t>
  </si>
  <si>
    <t>0758995/2021-BO-000614.2021.0042740</t>
  </si>
  <si>
    <t>0665611/2021-BO-000003.2021.0001343</t>
  </si>
  <si>
    <t>0666379/2021-BOCOP-002193.2021.0002977</t>
  </si>
  <si>
    <t>0667326/2021-BO-000601.2021.0025012</t>
  </si>
  <si>
    <t>0669409/2021-BO-000435.2021.0002001</t>
  </si>
  <si>
    <t>0668953/2021-BO-000067.2021.0001348</t>
  </si>
  <si>
    <t>0679710/2021-BO-000088.2021.0002244</t>
  </si>
  <si>
    <t>0659342/2021-BO-000520.2021.0000478</t>
  </si>
  <si>
    <t>0660615/2021-BOCOP-002167.2021.0000105</t>
  </si>
  <si>
    <t>0654160/2021-BO-000420.2021.0002773</t>
  </si>
  <si>
    <t>0659640/2021-BO-000520.2021.0000480</t>
  </si>
  <si>
    <t>0660000/2021-BO-000612.2021.0010876</t>
  </si>
  <si>
    <t>0648200/2021-BO-000455.2021.0000316</t>
  </si>
  <si>
    <t>0639728/2021-BOCOP-002011.2021.0002958</t>
  </si>
  <si>
    <t>0639738/2021-BO-000314.2021.0000652</t>
  </si>
  <si>
    <t>0640396/2021-BOCOP-002011.2021.0002962</t>
  </si>
  <si>
    <t>0634338/2021-BOTC-002016.2021.0006053</t>
  </si>
  <si>
    <t>0629371/2021-BO-000256.2021.0000195</t>
  </si>
  <si>
    <t>0626406/2021-BOTC-002064.2021.0002830</t>
  </si>
  <si>
    <t>0634831/2021-BOTC-002523.2021.0000286</t>
  </si>
  <si>
    <t>0996635/2021-BO-000307.2021.0001747</t>
  </si>
  <si>
    <t>0623852/2021-BO-000604.2021.0013522</t>
  </si>
  <si>
    <t>0645699/2021-BONIPA-002518.2021.0000627</t>
  </si>
  <si>
    <t>0621143/2021-BO-000619.2021.0003229</t>
  </si>
  <si>
    <t>0612807/2021-BO-000337.2021.0000243</t>
  </si>
  <si>
    <t>Introdução ou abandono de animais em propriedade alheia</t>
  </si>
  <si>
    <t>0605320/2021-BOPM-002016.2021.0005797</t>
  </si>
  <si>
    <t>0602828/2021-BOPA-002115.2021.0000474</t>
  </si>
  <si>
    <t>0599581/2021-BOTC-002277.2021.0000769</t>
  </si>
  <si>
    <t>0602219/2021-BO-000492.2021.0001511</t>
  </si>
  <si>
    <t>Homofobia</t>
  </si>
  <si>
    <t>0595867/2021-BO-000472.2021.0003148</t>
  </si>
  <si>
    <t>0596198/2021-BO-000337.2021.0000233</t>
  </si>
  <si>
    <t>0605649/2021-BO-000600.2021.0024370</t>
  </si>
  <si>
    <t>0592137/2021-BOTC-002016.2021.0005656</t>
  </si>
  <si>
    <t>0682556/2021-BO-000554.2021.0002336</t>
  </si>
  <si>
    <t>0601090/2021-BO-000077.2021.0000404</t>
  </si>
  <si>
    <t>0586307/2021-BOCOP-002475.2021.0000204</t>
  </si>
  <si>
    <t>0588607/2021-BO-000550.2021.0000223</t>
  </si>
  <si>
    <t>0890100/2022-BO-000034.2022.0005688</t>
  </si>
  <si>
    <t>0584333/2021-BOCOP-002095.2021.0002952</t>
  </si>
  <si>
    <t>0585103/2021-BOPM-002146.2021.0000307</t>
  </si>
  <si>
    <t>0585385/2021-BOCOP-002356.2021.0000047</t>
  </si>
  <si>
    <t>0591976/2021-BO-000520.2021.0000443</t>
  </si>
  <si>
    <t>0582056/2021-BO-000146.2021.0002622</t>
  </si>
  <si>
    <t>0582993/2021-BO-000029.2021.0003219</t>
  </si>
  <si>
    <t>0572509/2021-BOPM-002460.2021.0001944</t>
  </si>
  <si>
    <t>0567594/2021-BOPM-002000.2021.0003855</t>
  </si>
  <si>
    <t>0568526/2021-BOCOP-002438.2021.0000060</t>
  </si>
  <si>
    <t>0568542/2021-BOPM-002273.2021.0003299</t>
  </si>
  <si>
    <t>0566643/2021-BOTC-002346.2021.0000540</t>
  </si>
  <si>
    <t>0567289/2021-BO-000237.2021.0001455</t>
  </si>
  <si>
    <t>JACINTO MACHADO</t>
  </si>
  <si>
    <t>0567487/2021-BOPM-002382.2021.0000079</t>
  </si>
  <si>
    <t>0572580/2021-BO-000597.2021.0018700</t>
  </si>
  <si>
    <t>0563791/2021-BO-000391.2021.0001829</t>
  </si>
  <si>
    <t>0564875/2021-BOPM-002498.2021.0000198</t>
  </si>
  <si>
    <t>IPORÃ DO OESTE</t>
  </si>
  <si>
    <t>0562361/2021-BO-000472.2021.0002945</t>
  </si>
  <si>
    <t>0562600/2021-BO-000598.2021.0012635</t>
  </si>
  <si>
    <t>0559241/2021-BO-000554.2021.0001961</t>
  </si>
  <si>
    <t>0560623/2021-BO-000531.2021.0000128</t>
  </si>
  <si>
    <t>0561094/2021-BO-000337.2021.0000219</t>
  </si>
  <si>
    <t>0562315/2021-BO-000597.2021.0018440</t>
  </si>
  <si>
    <t>0555446/2021-BO-000005.2021.0003316</t>
  </si>
  <si>
    <t>0553098/2021-BO-000125.2021.0003518</t>
  </si>
  <si>
    <t>0553389/2021-BOTC-002133.2021.0000671</t>
  </si>
  <si>
    <t>0555501/2021-BO-000458.2021.0000583</t>
  </si>
  <si>
    <t>0547382/2021-BO-000203.2021.0000659</t>
  </si>
  <si>
    <t>0551867/2021-BO-000131.2021.0000729</t>
  </si>
  <si>
    <t>0544815/2021-BO-000144.2021.0001313</t>
  </si>
  <si>
    <t>0537433/2021-BO-000526.2021.0002016</t>
  </si>
  <si>
    <t>0880828/2021-BO-000621.2021.0004921</t>
  </si>
  <si>
    <t>0527810/2021-BOTC-002317.2021.0003025</t>
  </si>
  <si>
    <t>0527945/2021-BO-000471.2021.0002261</t>
  </si>
  <si>
    <t>0528004/2021-BO-000471.2021.0002262</t>
  </si>
  <si>
    <t>0528712/2021-BO-000077.2021.0000368</t>
  </si>
  <si>
    <t>0870089/2021-BO-000025.2021.0002313</t>
  </si>
  <si>
    <t>0523135/2021-BOPM-002000.2021.0003581</t>
  </si>
  <si>
    <t>0517617/2021-BOPM-002017.2021.0005807</t>
  </si>
  <si>
    <t>0518914/2021-BO-000125.2021.0003350</t>
  </si>
  <si>
    <t>0516467/2021-BOPM-002042.2021.0001592</t>
  </si>
  <si>
    <t>0509790/2021-BOPM-002038.2021.0001043</t>
  </si>
  <si>
    <t>0513747/2021-BO-000055.2021.0001446</t>
  </si>
  <si>
    <t>0549415/2021-BOTC-002521.2021.0000465</t>
  </si>
  <si>
    <t>0508417/2021-BO-000549.2021.0002912</t>
  </si>
  <si>
    <t>0517987/2021-BO-000467.2021.0001271</t>
  </si>
  <si>
    <t>0505145/2021-BO-000618.2021.0003142</t>
  </si>
  <si>
    <t>0532661/2021-BO-000017.2021.0000241</t>
  </si>
  <si>
    <t>0503396/2021-BO-000449.2021.0000179</t>
  </si>
  <si>
    <t>0497560/2021-BOTC-002011.2021.0002282</t>
  </si>
  <si>
    <t>0493353/2021-BOCOP-002138.2021.0000184</t>
  </si>
  <si>
    <t>0489978/2021-BO-000002.2021.0000360</t>
  </si>
  <si>
    <t>0653720/2021-BOTC-002533.2021.0000554</t>
  </si>
  <si>
    <t>0491503/2021-BO-000388.2021.0000124</t>
  </si>
  <si>
    <t>CHAPADÃO DO LAGEADO</t>
  </si>
  <si>
    <t>0483937/2021-BO-000456.2021.0000738</t>
  </si>
  <si>
    <t>0484583/2021-BO-000526.2021.0001815</t>
  </si>
  <si>
    <t>0484642/2021-BO-000381.2021.0001763</t>
  </si>
  <si>
    <t>0476745/2021-BOPM-002017.2021.0005335</t>
  </si>
  <si>
    <t>0477839/2021-BO-000492.2021.0001153</t>
  </si>
  <si>
    <t>0479007/2021-BOPA-002446.2021.0000325</t>
  </si>
  <si>
    <t>0482478/2021-BO-000526.2021.0001807</t>
  </si>
  <si>
    <t>0482794/2021-BO-000124.2021.0001199</t>
  </si>
  <si>
    <t>0475496/2021-BO-000435.2021.0001377</t>
  </si>
  <si>
    <t>0481974/2021-BO-000609.2021.0007308</t>
  </si>
  <si>
    <t>0470317/2021-BOTC-002039.2021.0001165</t>
  </si>
  <si>
    <t>0472553/2021-BO-000388.2021.0000115</t>
  </si>
  <si>
    <t>0464987/2021-BO-000472.2021.0002387</t>
  </si>
  <si>
    <t>0465524/2021-BOPM-002533.2021.0000417</t>
  </si>
  <si>
    <t>0457084/2021-BO-000434.2021.0000426</t>
  </si>
  <si>
    <t>0460084/2021-BO-000422.2021.0001004</t>
  </si>
  <si>
    <t>0591255/2021-BO-000620.2021.0004114</t>
  </si>
  <si>
    <t>0474108/2021-BO-000245.2021.0000903</t>
  </si>
  <si>
    <t>0649607/2021-BO-000251.2021.0000572</t>
  </si>
  <si>
    <t>0466948/2021-BO-000606.2021.0005178</t>
  </si>
  <si>
    <t>0451043/2021-BO-000125.2021.0002950</t>
  </si>
  <si>
    <t>0443091/2021-BOPM-002011.2021.0002022</t>
  </si>
  <si>
    <t>0443616/2021-BO-000025.2021.0001081</t>
  </si>
  <si>
    <t>0440708/2021-BO-000086.2021.0000333</t>
  </si>
  <si>
    <t>0453858/2021-BO-000320.2021.0000350</t>
  </si>
  <si>
    <t>0435938/2021-BOTC-002073.2021.0001216</t>
  </si>
  <si>
    <t>0431017/2021-BO-000420.2021.0001675</t>
  </si>
  <si>
    <t>0431819/2021-BOCOP-003005.2021.0000604</t>
  </si>
  <si>
    <t>0433401/2021-BO-000613.2021.0009088</t>
  </si>
  <si>
    <t>0429851/2021-BO-000420.2021.0001669</t>
  </si>
  <si>
    <t>0429978/2021-BO-000481.2021.0005649</t>
  </si>
  <si>
    <t>Posse ou porte de arma de fogo com sinal identificador suprimido ou adulterado</t>
  </si>
  <si>
    <t>0430287/2021-BOPM-002073.2021.0001200</t>
  </si>
  <si>
    <t>0438467/2021-BO-000435.2021.0001292</t>
  </si>
  <si>
    <t>0428273/2021-BOCOP-002016.2021.0004120</t>
  </si>
  <si>
    <t>0434341/2021-BO-000314.2021.0000411</t>
  </si>
  <si>
    <t>0425799/2021-BOPM-002522.2021.0000313</t>
  </si>
  <si>
    <t>0422353/2021-BOCOP-002031.2021.0001111</t>
  </si>
  <si>
    <t>0422452/2021-BO-000137.2021.0002811</t>
  </si>
  <si>
    <t>0420738/2021-BO-000125.2021.0002754</t>
  </si>
  <si>
    <t>0728313/2021-BOCOP-002011.2021.0003380</t>
  </si>
  <si>
    <t>0197230/2022-BO-000597.2022.0005544</t>
  </si>
  <si>
    <t>0416631/2021-BO-000576.2021.0000618</t>
  </si>
  <si>
    <t>0416340/2021-BO-000270.2021.0000930</t>
  </si>
  <si>
    <t>0410944/2021-BOTC-002028.2021.0001452</t>
  </si>
  <si>
    <t>0408101/2021-BOCOP-002031.2021.0001074</t>
  </si>
  <si>
    <t>0405987/2021-BO-000049.2021.0000570</t>
  </si>
  <si>
    <t>0406021/2021-BO-000597.2021.0013526</t>
  </si>
  <si>
    <t>0408157/2021-BO-000015.2021.0000691</t>
  </si>
  <si>
    <t>0402108/2021-BO-000023.2021.0000968</t>
  </si>
  <si>
    <t>0397640/2021-BO-000356.2021.0000150</t>
  </si>
  <si>
    <t>LAURENTINO</t>
  </si>
  <si>
    <t>0398997/2021-BOCOP-002064.2021.0001990</t>
  </si>
  <si>
    <t>0484215/2021-BO-000624.2021.0000733</t>
  </si>
  <si>
    <t>0518957/2021-BO-000435.2021.0001500</t>
  </si>
  <si>
    <t>0409969/2021-BO-000554.2021.0001486</t>
  </si>
  <si>
    <t>0391540/2021-BOPM-002352.2021.0000274</t>
  </si>
  <si>
    <t>0393244/2021-BO-000554.2021.0001403</t>
  </si>
  <si>
    <t>0391363/2021-BO-000463.2021.0000200</t>
  </si>
  <si>
    <t>0408197/2021-BO-000606.2021.0004602</t>
  </si>
  <si>
    <t>0387224/2021-BOCOP-002034.2021.0001434</t>
  </si>
  <si>
    <t>0382989/2021-BOTC-002267.2021.0000082</t>
  </si>
  <si>
    <t>PAULO LOPES</t>
  </si>
  <si>
    <t>0388952/2021-BO-000005.2021.0002302</t>
  </si>
  <si>
    <t>0377118/2021-BO-000480.2021.0000886</t>
  </si>
  <si>
    <t>0380510/2021-BO-000576.2021.0000547</t>
  </si>
  <si>
    <t>0376126/2021-BOPM-002016.2021.0003633</t>
  </si>
  <si>
    <t>0375242/2021-BO-000472.2021.0001785</t>
  </si>
  <si>
    <t>0375311/2021-BOTC-002083.2021.0002110</t>
  </si>
  <si>
    <t>0376942/2021-BO-000610.2021.0021063</t>
  </si>
  <si>
    <t>0384871/2021-BO-000597.2021.0012838</t>
  </si>
  <si>
    <t>0373498/2021-BOCOP-002401.2021.0000529</t>
  </si>
  <si>
    <t>0373612/2021-BOTC-002029.2021.0001287</t>
  </si>
  <si>
    <t>0370698/2021-BOPM-002273.2021.0002099</t>
  </si>
  <si>
    <t>0367069/2021-BO-000125.2021.0002459</t>
  </si>
  <si>
    <t>0378044/2021-BO-000139.2021.0000187</t>
  </si>
  <si>
    <t>0361990/2021-BO-000088.2021.0001298</t>
  </si>
  <si>
    <t>0363068/2021-BO-000131.2021.0000497</t>
  </si>
  <si>
    <t>0445248/2021-BO-000597.2021.0014703</t>
  </si>
  <si>
    <t>0359703/2021-BOTC-002115.2021.0000266</t>
  </si>
  <si>
    <t>0356695/2021-BOCOP-002193.2021.0001636</t>
  </si>
  <si>
    <t>0356836/2021-BO-000597.2021.0011851</t>
  </si>
  <si>
    <t>0355072/2021-BO-000031.2021.0000868</t>
  </si>
  <si>
    <t>0355785/2021-BO-000606.2021.0004101</t>
  </si>
  <si>
    <t>0358516/2021-BO-000209.2021.0000376</t>
  </si>
  <si>
    <t>0353920/2021-BO-000473.2021.0001062</t>
  </si>
  <si>
    <t>0347156/2021-BO-000205.2021.0000300</t>
  </si>
  <si>
    <t>TREZE DE MAIO</t>
  </si>
  <si>
    <t>0340277/2021-BO-000526.2021.0001314</t>
  </si>
  <si>
    <t>0341458/2021-BOCOP-002133.2021.0000365</t>
  </si>
  <si>
    <t>0347863/2021-BO-000624.2021.0000559</t>
  </si>
  <si>
    <t>0339896/2021-BO-000526.2021.0001312</t>
  </si>
  <si>
    <t>0348189/2021-BO-000601.2021.0013036</t>
  </si>
  <si>
    <t>0537997/2021-BO-000206.2021.0000415</t>
  </si>
  <si>
    <t>0332567/2021-BOCOP-002133.2021.0000353</t>
  </si>
  <si>
    <t>0334341/2021-BOPM-002497.2021.0000137</t>
  </si>
  <si>
    <t>0329518/2021-BO-000605.2021.0005673</t>
  </si>
  <si>
    <t>0332771/2021-BO-000335.2021.0000716</t>
  </si>
  <si>
    <t>0327070/2021-BO-000472.2021.0001485</t>
  </si>
  <si>
    <t>0316596/2021-BO-000137.2021.0002045</t>
  </si>
  <si>
    <t>1013581/2021-BO-000127.2021.0001570</t>
  </si>
  <si>
    <t>0315344/2021-BOTC-002529.2021.0000247</t>
  </si>
  <si>
    <t>0311713/2021-BO-000597.2021.0010359</t>
  </si>
  <si>
    <t>0312758/2021-BO-000381.2021.0001115</t>
  </si>
  <si>
    <t>0307671/2021-BOCOP-002329.2021.0000280</t>
  </si>
  <si>
    <t>0309262/2021-BO-000597.2021.0010278</t>
  </si>
  <si>
    <t>0307703/2021-BO-000613.2021.0006296</t>
  </si>
  <si>
    <t>0303938/2021-BOCOP-002159.2021.0000195</t>
  </si>
  <si>
    <t>0304263/2021-BOPA-002016.2021.0002922</t>
  </si>
  <si>
    <t>0304449/2021-BO-000262.2021.0000296</t>
  </si>
  <si>
    <t>0311792/2021-BOPM-002083.2021.0001769</t>
  </si>
  <si>
    <t>0320197/2021-BO-000040.2021.0000405</t>
  </si>
  <si>
    <t>0293668/2021-BOPM-002017.2021.0003186</t>
  </si>
  <si>
    <t>0294334/2021-BOPM-002020.2021.0001704</t>
  </si>
  <si>
    <t>0294360/2021-BOPM-002363.2021.0000051</t>
  </si>
  <si>
    <t>IRINEÓPOLIS</t>
  </si>
  <si>
    <t>0294600/2021-BOCOP-002133.2021.0000316</t>
  </si>
  <si>
    <t>0303125/2021-BOTC-002515.2021.0000391</t>
  </si>
  <si>
    <t>0289753/2021-BO-000013.2021.0000791</t>
  </si>
  <si>
    <t>0291530/2021-BOPM-002011.2021.0001283</t>
  </si>
  <si>
    <t>0285128/2021-BOPM-002060.2021.0001003</t>
  </si>
  <si>
    <t>0286217/2021-BO-000060.2021.0001121</t>
  </si>
  <si>
    <t>0290744/2021-BO-000598.2021.0006839</t>
  </si>
  <si>
    <t>0287036/2021-BO-000040.2021.0000361</t>
  </si>
  <si>
    <t>0289470/2021-BO-000434.2021.0000266</t>
  </si>
  <si>
    <t>0295300/2021-BO-000597.2021.0009821</t>
  </si>
  <si>
    <t>0279906/2021-BO-000125.2021.0001813</t>
  </si>
  <si>
    <t>0280782/2021-BOPM-002038.2021.0000626</t>
  </si>
  <si>
    <t>0280984/2021-BO-000466.2021.0001628</t>
  </si>
  <si>
    <t>0278110/2021-BO-000473.2021.0000785</t>
  </si>
  <si>
    <t>0278494/2021-BO-000480.2021.0000607</t>
  </si>
  <si>
    <t>0279437/2021-BOTC-002474.2021.0000811</t>
  </si>
  <si>
    <t>0797101/2024-BO-000451.2024.0000158</t>
  </si>
  <si>
    <t>0269748/2021-BOPM-002511.2021.0000416</t>
  </si>
  <si>
    <t>0273389/2021-BO-000614.2021.0016782</t>
  </si>
  <si>
    <t>0287879/2021-BO-000601.2021.0010932</t>
  </si>
  <si>
    <t>0265780/2021-BO-000593.2021.0000002</t>
  </si>
  <si>
    <t>0269959/2021-BO-000601.2021.0010280</t>
  </si>
  <si>
    <t>0266999/2021-BO-000088.2021.0000996</t>
  </si>
  <si>
    <t>0264202/2021-BO-000074.2021.0000490</t>
  </si>
  <si>
    <t>0268637/2021-BO-000104.2021.0001161</t>
  </si>
  <si>
    <t>0275864/2021-BO-000005.2021.0001610</t>
  </si>
  <si>
    <t>0256486/2021-BOCOP-002042.2021.0000749</t>
  </si>
  <si>
    <t>0257038/2021-BOPM-002043.2021.0000571</t>
  </si>
  <si>
    <t>0249573/2021-BO-000137.2021.0001607</t>
  </si>
  <si>
    <t>0249622/2021-BO-000331.2021.0000437</t>
  </si>
  <si>
    <t>0244923/2021-BO-000472.2021.0000957</t>
  </si>
  <si>
    <t>0245179/2021-BOCOP-002028.2021.0000953</t>
  </si>
  <si>
    <t>0335799/2021-BO-000615.2021.0004528</t>
  </si>
  <si>
    <t>0242250/2021-BO-000420.2021.0000890</t>
  </si>
  <si>
    <t>0243066/2021-BOPM-002022.2021.0000334</t>
  </si>
  <si>
    <t>0239534/2021-BOCOP-002034.2021.0000877</t>
  </si>
  <si>
    <t>0242124/2021-BO-000584.2021.0000093</t>
  </si>
  <si>
    <t>0242269/2021-BOCOP-002031.2021.0000647</t>
  </si>
  <si>
    <t>0243628/2021-BO-000614.2021.0015111</t>
  </si>
  <si>
    <t>0238625/2021-BO-000301.2021.0000206</t>
  </si>
  <si>
    <t>0232120/2021-BOTC-002035.2021.0001339</t>
  </si>
  <si>
    <t>0232244/2021-BO-000127.2021.0000315</t>
  </si>
  <si>
    <t>0228440/2021-BOTC-002016.2021.0002128</t>
  </si>
  <si>
    <t>0226592/2021-BO-000554.2021.0000797</t>
  </si>
  <si>
    <t>0228636/2021-BO-000137.2021.0001513</t>
  </si>
  <si>
    <t>0224336/2021-BO-000083.2021.0001599</t>
  </si>
  <si>
    <t>0217680/2021-BOCOP-002073.2021.0000569</t>
  </si>
  <si>
    <t>0234720/2021-BO-000314.2021.0000208</t>
  </si>
  <si>
    <t>0214095/2021-BOCOP-002095.2021.0001133</t>
  </si>
  <si>
    <t>0214940/2021-BOPM-002016.2021.0001979</t>
  </si>
  <si>
    <t>0215476/2021-BO-000610.2021.0012176</t>
  </si>
  <si>
    <t>0216998/2021-BO-000085.2021.0000072</t>
  </si>
  <si>
    <t>0218184/2021-BO-000005.2021.0001346</t>
  </si>
  <si>
    <t>0223299/2021-BONIPA-002522.2021.0000159</t>
  </si>
  <si>
    <t>0213269/2021-BO-000609.2021.0003119</t>
  </si>
  <si>
    <t>0314170/2021-BO-000612.2021.0005421</t>
  </si>
  <si>
    <t>0380230/2021-BO-000612.2021.0006496</t>
  </si>
  <si>
    <t>0416688/2021-BO-000066.2021.0000456</t>
  </si>
  <si>
    <t>0202990/2021-BOCOP-002029.2021.0000664</t>
  </si>
  <si>
    <t>0203283/2021-BOPM-002420.2021.0001576</t>
  </si>
  <si>
    <t>0226385/2021-BOPM-002012.2021.0000402</t>
  </si>
  <si>
    <t>0199660/2021-BOTC-002095.2021.0001057</t>
  </si>
  <si>
    <t>0201361/2021-BO-000023.2021.0000510</t>
  </si>
  <si>
    <t>0215385/2021-BO-000246.2021.0000410</t>
  </si>
  <si>
    <t>0198211/2021-BO-000609.2021.0002870</t>
  </si>
  <si>
    <t>0221038/2021-BO-000215.2021.0000246</t>
  </si>
  <si>
    <t>0195660/2021-BOCOP-002027.2021.0000219</t>
  </si>
  <si>
    <t>0221197/2021-BO-000368.2021.0000046</t>
  </si>
  <si>
    <t>RIO DO CAMPO</t>
  </si>
  <si>
    <t>0185335/2021-BOTC-002000.2021.0001302</t>
  </si>
  <si>
    <t>0425916/2021-BO-000608.2021.0015789</t>
  </si>
  <si>
    <t>0184454/2021-BO-000621.2021.0001118</t>
  </si>
  <si>
    <t>0193476/2021-BO-000554.2021.0000701</t>
  </si>
  <si>
    <t>0200336/2022-BO-000597.2022.0005618</t>
  </si>
  <si>
    <t>0176819/2021-BO-000002.2021.0000144</t>
  </si>
  <si>
    <t>0177308/2021-BO-000206.2021.0000133</t>
  </si>
  <si>
    <t>0177734/2021-BOCOP-002083.2021.0000974</t>
  </si>
  <si>
    <t>0174992/2021-BO-000023.2021.0000428</t>
  </si>
  <si>
    <t>0175037/2021-BO-000126.2021.0000700</t>
  </si>
  <si>
    <t>0175261/2021-BO-000125.2021.0001192</t>
  </si>
  <si>
    <t>0169582/2021-BO-000480.2021.0000349</t>
  </si>
  <si>
    <t>0171510/2021-BOTC-002029.2021.0000583</t>
  </si>
  <si>
    <t>Provocar abusivamente emissão de fumaça, vapor ou gás</t>
  </si>
  <si>
    <t>0249647/2021-BOPM-002338.2021.0000077</t>
  </si>
  <si>
    <t>0201974/2021-BO-000526.2021.0000806</t>
  </si>
  <si>
    <t>0163033/2021-BOCOP-002016.2021.0001483</t>
  </si>
  <si>
    <t>0160584/2021-BOCOP-002043.2021.0000311</t>
  </si>
  <si>
    <t>0159147/2021-BO-000467.2021.0000393</t>
  </si>
  <si>
    <t>0160261/2021-BO-000530.2021.0000083</t>
  </si>
  <si>
    <t>0153451/2021-BO-000005.2021.0000951</t>
  </si>
  <si>
    <t>0155792/2021-BO-000598.2021.0003865</t>
  </si>
  <si>
    <t>0159989/2021-BO-000467.2021.0000346</t>
  </si>
  <si>
    <t>0151680/2021-BO-000126.2021.0000574</t>
  </si>
  <si>
    <t>0154937/2021-BO-000604.2021.0003519</t>
  </si>
  <si>
    <t>0145922/2021-BO-000005.2021.0000911</t>
  </si>
  <si>
    <t>0146504/2021-BOTC-002452.2021.0000034</t>
  </si>
  <si>
    <t>0151485/2021-BO-000023.2021.0000374</t>
  </si>
  <si>
    <t>0622270/2021-BO-000040.2021.0000759</t>
  </si>
  <si>
    <t>0141167/2021-BOPM-002043.2021.0000276</t>
  </si>
  <si>
    <t>0141244/2021-BOPM-002064.2021.0000954</t>
  </si>
  <si>
    <t>0141717/2021-BO-000003.2021.0000229</t>
  </si>
  <si>
    <t>0134905/2021-BO-000544.2021.0000027</t>
  </si>
  <si>
    <t>0135653/2021-BO-000125.2021.0000942</t>
  </si>
  <si>
    <t>0137416/2021-BOCOP-002138.2021.0000051</t>
  </si>
  <si>
    <t>0130120/2021-BOPA-002011.2021.0000516</t>
  </si>
  <si>
    <t>0131245/2021-BO-000124.2021.0000193</t>
  </si>
  <si>
    <t>0139024/2021-BO-000013.2021.0000347</t>
  </si>
  <si>
    <t>0231472/2021-BO-000597.2021.0007668</t>
  </si>
  <si>
    <t>0127340/2021-BOCOP-002317.2021.0000932</t>
  </si>
  <si>
    <t>0128325/2021-BO-000472.2021.0000414</t>
  </si>
  <si>
    <t>0136245/2021-BO-000070.2021.0000106</t>
  </si>
  <si>
    <t>JARDINÓPOLIS</t>
  </si>
  <si>
    <t>0127075/2021-BO-000126.2021.0000470</t>
  </si>
  <si>
    <t>0131860/2021-BO-000601.2021.0005035</t>
  </si>
  <si>
    <t>0118045/2021-BOCOP-002323.2021.0000166</t>
  </si>
  <si>
    <t>0120159/2021-BO-000458.2021.0000135</t>
  </si>
  <si>
    <t>Instalar ou utilizar de telecomunicações, sem observância dos preceitos legais ou regulamentares</t>
  </si>
  <si>
    <t>0120602/2021-BOPM-002060.2021.0000455</t>
  </si>
  <si>
    <t>0120957/2021-BO-000043.2021.0000293</t>
  </si>
  <si>
    <t>0115685/2021-BOPM-002064.2021.0000762</t>
  </si>
  <si>
    <t>0109987/2021-BOPM-002000.2021.0000823</t>
  </si>
  <si>
    <t>0119030/2021-BO-000131.2021.0000168</t>
  </si>
  <si>
    <t>0106045/2021-BOPM-002275.2021.0000323</t>
  </si>
  <si>
    <t>0106080/2021-BOTC-002000.2021.0000788</t>
  </si>
  <si>
    <t>0107168/2021-BO-000600.2021.0005023</t>
  </si>
  <si>
    <t>0107200/2021-BO-000077.2021.0000071</t>
  </si>
  <si>
    <t>0107697/2021-BO-000554.2021.0000373</t>
  </si>
  <si>
    <t>0103847/2021-BOPM-002044.2021.0000339</t>
  </si>
  <si>
    <t>0103985/2021-BOCOP-002424.2021.0000005</t>
  </si>
  <si>
    <t>0105218/2021-BO-000411.2021.0000006</t>
  </si>
  <si>
    <t>0328481/2021-BO-000598.2021.0007668</t>
  </si>
  <si>
    <t>0097793/2021-BOPM-002083.2021.0000524</t>
  </si>
  <si>
    <t>0099001/2021-BOPM-002318.2021.0000319</t>
  </si>
  <si>
    <t>0107295/2021-BO-000549.2021.0000458</t>
  </si>
  <si>
    <t>0094838/2021-BOTC-002038.2021.0000244</t>
  </si>
  <si>
    <t>0096813/2021-BO-000215.2021.0000119</t>
  </si>
  <si>
    <t>0092925/2021-BOCOP-002064.2021.0000631</t>
  </si>
  <si>
    <t>0092993/2021-BO-000003.2021.0000151</t>
  </si>
  <si>
    <t>0119541/2021-BOPM-002361.2021.0000075</t>
  </si>
  <si>
    <t>0340694/2021-BO-000623.2021.0001670</t>
  </si>
  <si>
    <t>0101617/2021-BO-000029.2021.0000416</t>
  </si>
  <si>
    <t>0113056/2021-BOCOP-002324.2021.0000335</t>
  </si>
  <si>
    <t>0082824/2021-BO-000481.2021.0001172</t>
  </si>
  <si>
    <t>0083735/2021-BOCOP-002159.2021.0000059</t>
  </si>
  <si>
    <t>0084041/2021-BO-000598.2021.0002082</t>
  </si>
  <si>
    <t>0089019/2021-BO-000391.2021.0000327</t>
  </si>
  <si>
    <t>0094514/2021-BOPA-002017.2021.0000927</t>
  </si>
  <si>
    <t>0075649/2021-BO-000526.2021.0000274</t>
  </si>
  <si>
    <t>0075764/2021-BO-000597.2021.0002487</t>
  </si>
  <si>
    <t>0076294/2021-BOTC-002420.2021.0000618</t>
  </si>
  <si>
    <t>0071667/2021-BO-000110.2021.0000170</t>
  </si>
  <si>
    <t>0067544/2021-BO-000050.2021.0000277</t>
  </si>
  <si>
    <t>SCHROEDER</t>
  </si>
  <si>
    <t>0069382/2021-BOPM-002064.2021.0000467</t>
  </si>
  <si>
    <t>0164098/2021-BO-000290.2021.0000668</t>
  </si>
  <si>
    <t>0079329/2021-BO-000606.2021.0001161</t>
  </si>
  <si>
    <t>0063830/2021-BOCOP-002043.2021.0000105</t>
  </si>
  <si>
    <t>0065619/2021-BO-000617.2021.0000354</t>
  </si>
  <si>
    <t>0079428/2021-BO-000549.2021.0000331</t>
  </si>
  <si>
    <t>0054406/2021-BO-000352.2021.0000045</t>
  </si>
  <si>
    <t>0052501/2021-BO-000480.2021.0000107</t>
  </si>
  <si>
    <t>0144288/2021-BOPM-002317.2021.0001059</t>
  </si>
  <si>
    <t>0050508/2021-BO-000125.2021.0000324</t>
  </si>
  <si>
    <t>0050596/2021-BOCOP-002318.2021.0000157</t>
  </si>
  <si>
    <t>0051553/2021-BO-000215.2021.0000067</t>
  </si>
  <si>
    <t>0046293/2021-BOCOP-002002.2021.0000106</t>
  </si>
  <si>
    <t>0048849/2021-BO-000270.2021.0000111</t>
  </si>
  <si>
    <t>0049196/2021-BO-000110.2021.0000110</t>
  </si>
  <si>
    <t>0049447/2021-BO-000610.2021.0002912</t>
  </si>
  <si>
    <t>0050620/2021-BO-000597.2021.0001682</t>
  </si>
  <si>
    <t>0055288/2021-BO-000610.2021.0003282</t>
  </si>
  <si>
    <t>0040879/2021-BOPM-002029.2021.0000124</t>
  </si>
  <si>
    <t>0041760/2021-BO-000023.2021.0000097</t>
  </si>
  <si>
    <t>0043459/2021-BOCOP-002022.2021.0000065</t>
  </si>
  <si>
    <t>0047355/2021-BO-000040.2021.0000048</t>
  </si>
  <si>
    <t>0052955/2021-BO-000212.2021.0000083</t>
  </si>
  <si>
    <t>0675926/2022-BO-000433.2022.0000613</t>
  </si>
  <si>
    <t>0039641/2021-BO-000125.2021.0000264</t>
  </si>
  <si>
    <t>0034185/2021-BOCOP-002073.2021.0000087</t>
  </si>
  <si>
    <t>0029510/2021-BO-000480.2021.0000063</t>
  </si>
  <si>
    <t>0020214/2021-BOCOP-002420.2021.0000159</t>
  </si>
  <si>
    <t>0555321/2021-BO-000614.2021.0031939</t>
  </si>
  <si>
    <t>0018022/2021-BO-000023.2021.0000040</t>
  </si>
  <si>
    <t>0018162/2021-BOPM-002275.2021.0000053</t>
  </si>
  <si>
    <t>0018933/2021-BOCOP-002083.2021.0000097</t>
  </si>
  <si>
    <t>0053230/2021-BO-000379.2021.0000053</t>
  </si>
  <si>
    <t>0997758/2021-BO-000036.2021.0001448</t>
  </si>
  <si>
    <t>0012975/2021-BOCOP-002133.2021.0000029</t>
  </si>
  <si>
    <t>0006916/2021-BO-000337.2021.0000003</t>
  </si>
  <si>
    <t>0012630/2021-BO-000604.2021.0000243</t>
  </si>
  <si>
    <t>0033132/2021-BO-000088.2021.0000104</t>
  </si>
  <si>
    <t>0002663/2021-BO-000613.2021.0000037</t>
  </si>
  <si>
    <t>0008593/2021-BOPA-002095.2021.0000074</t>
  </si>
  <si>
    <t>0196060/2021-BO-000029.2021.0000910</t>
  </si>
  <si>
    <t>0008524/2021-BOPM-002373.2021.0000002</t>
  </si>
  <si>
    <t>CAPÃO ALTO</t>
  </si>
  <si>
    <t>0091629/2021-BO-000481.2021.0001282</t>
  </si>
  <si>
    <t>0888050/2020-BOTC-002193.2020.0004765</t>
  </si>
  <si>
    <t>0887274/2020-BO-000520.2020.0000752</t>
  </si>
  <si>
    <t>0887477/2020-BOTC-002512.2020.0000152</t>
  </si>
  <si>
    <t>0885129/2020-BOCOP-002317.2020.0005221</t>
  </si>
  <si>
    <t>0879306/2020-BO-000549.2020.0005107</t>
  </si>
  <si>
    <t>0881646/2020-BO-000125.2020.0006355</t>
  </si>
  <si>
    <t>0878186/2020-BO-000390.2020.0000418</t>
  </si>
  <si>
    <t>0877506/2020-BO-000472.2020.0004301</t>
  </si>
  <si>
    <t>0877610/2020-BO-000480.2020.0002750</t>
  </si>
  <si>
    <t>0874211/2020-BOTC-002042.2020.0002837</t>
  </si>
  <si>
    <t>0874235/2020-BO-000300.2021.0000037</t>
  </si>
  <si>
    <t>0010762/2021-BO-000034.2021.0000025</t>
  </si>
  <si>
    <t>0868822/2020-BOPM-002381.2020.0000295</t>
  </si>
  <si>
    <t>0868837/2020-BO-000580.2020.0000694</t>
  </si>
  <si>
    <t>0869581/2020-BOPM-002017.2020.0010545</t>
  </si>
  <si>
    <t>0869864/2020-BOPM-002149.2020.0000243</t>
  </si>
  <si>
    <t>0871468/2020-BO-000125.2020.0006302</t>
  </si>
  <si>
    <t>0871672/2020-BO-000600.2020.0033128</t>
  </si>
  <si>
    <t>0866426/2020-BOTC-002008.2020.0001105</t>
  </si>
  <si>
    <t>0870537/2020-BO-000621.2020.0005463</t>
  </si>
  <si>
    <t>1111702/2023-BO-000277.2023.0000516</t>
  </si>
  <si>
    <t>0871146/2020-BO-000464.2020.0002332</t>
  </si>
  <si>
    <t>0861294/2020-BOCOP-002416.2020.0000073</t>
  </si>
  <si>
    <t>ZORTÉA</t>
  </si>
  <si>
    <t>0861908/2020-BOCOP-002083.2020.0006001</t>
  </si>
  <si>
    <t>0854587/2020-BOCOP-002038.2020.0001609</t>
  </si>
  <si>
    <t>0856465/2020-BOCOP-002045.2020.0002202</t>
  </si>
  <si>
    <t>0857074/2020-BO-000077.2020.0000589</t>
  </si>
  <si>
    <t>0857500/2020-BO-000077.2020.0000588</t>
  </si>
  <si>
    <t>0852779/2020-BO-000621.2020.0005352</t>
  </si>
  <si>
    <t>0848668/2020-BOPM-002501.2020.0000335</t>
  </si>
  <si>
    <t>CAMPO ERÊ</t>
  </si>
  <si>
    <t>0849671/2020-BOTC-002027.2020.0000891</t>
  </si>
  <si>
    <t>0464477/2021-BO-000598.2021.0010610</t>
  </si>
  <si>
    <t>0843895/2020-BOTC-002038.2020.0001597</t>
  </si>
  <si>
    <t>0852652/2020-BO-000598.2020.0016728</t>
  </si>
  <si>
    <t>0844853/2020-BO-000110.2020.0002073</t>
  </si>
  <si>
    <t>0837671/2020-BOTC-002274.2020.0001898</t>
  </si>
  <si>
    <t>0835575/2020-BO-000598.2020.0016290</t>
  </si>
  <si>
    <t>0831269/2020-BOPA-002420.2020.0008443</t>
  </si>
  <si>
    <t>0821879/2020-BO-000614.2020.0045661</t>
  </si>
  <si>
    <t>0816607/2020-BOCOP-002193.2020.0004388</t>
  </si>
  <si>
    <t>0811995/2020-BO-000593.2020.0000008</t>
  </si>
  <si>
    <t>0812114/2020-BO-000469.2020.0003254</t>
  </si>
  <si>
    <t>0813808/2020-BO-000554.2020.0002998</t>
  </si>
  <si>
    <t>0810660/2020-BOPM-002379.2020.0000221</t>
  </si>
  <si>
    <t>0865449/2020-BO-000274.2020.0000214</t>
  </si>
  <si>
    <t>Divulgação de informação sigilosa da Administração Pública</t>
  </si>
  <si>
    <t>0805667/2020-BO-000341.2021.0000312</t>
  </si>
  <si>
    <t>0806934/2020-BOTC-002095.2020.0004421</t>
  </si>
  <si>
    <t>0804229/2020-BOPM-002073.2020.0002776</t>
  </si>
  <si>
    <t>0805407/2020-BOCOP-002023.2020.0001720</t>
  </si>
  <si>
    <t>0801412/2020-BO-000125.2020.0005916</t>
  </si>
  <si>
    <t>0790721/2020-BO-000526.2020.0003003</t>
  </si>
  <si>
    <t>0791667/2020-BO-000597.2020.0023954</t>
  </si>
  <si>
    <t>0792096/2020-BO-000391.2020.0002157</t>
  </si>
  <si>
    <t>0787577/2020-BOPM-002035.2020.0005742</t>
  </si>
  <si>
    <t>0788121/2020-BOTC-002039.2020.0001860</t>
  </si>
  <si>
    <t>0787848/2020-BO-000598.2020.0015138</t>
  </si>
  <si>
    <t>0297717/2021-BOPM-002012.2021.0000519</t>
  </si>
  <si>
    <t>0782559/2020-BO-000070.2020.0000713</t>
  </si>
  <si>
    <t>0783906/2020-BO-000637.2020.0000005</t>
  </si>
  <si>
    <t>0781740/2020-BOPM-002382.2020.0000111</t>
  </si>
  <si>
    <t>0778778/2020-BOPM-002381.2020.0000257</t>
  </si>
  <si>
    <t>0775603/2020-BO-000481.2020.0011846</t>
  </si>
  <si>
    <t>0771070/2020-BO-000299.2020.0002812</t>
  </si>
  <si>
    <t>0771382/2020-BOPM-002083.2020.0005524</t>
  </si>
  <si>
    <t>0772091/2020-BO-000406.2020.0000099</t>
  </si>
  <si>
    <t>0774525/2020-BO-000397.2020.0000172</t>
  </si>
  <si>
    <t>0766705/2020-BOCOP-002061.2020.0002187</t>
  </si>
  <si>
    <t>0770632/2020-BO-000039.2020.0001174</t>
  </si>
  <si>
    <t>0771148/2020-BO-000619.2020.0004132</t>
  </si>
  <si>
    <t>0774399/2020-BO-000066.2020.0000916</t>
  </si>
  <si>
    <t>CAIBI</t>
  </si>
  <si>
    <t>0807910/2020-BO-000612.2020.0012146</t>
  </si>
  <si>
    <t>0765124/2020-BOPM-002381.2020.0000248</t>
  </si>
  <si>
    <t>0765291/2020-BOCOP-002016.2020.0009025</t>
  </si>
  <si>
    <t>0763058/2020-BOPM-002083.2020.0005476</t>
  </si>
  <si>
    <t>0763340/2020-BOTC-002061.2020.0002172</t>
  </si>
  <si>
    <t>0764480/2020-BO-000472.2020.0003950</t>
  </si>
  <si>
    <t>0759854/2020-BOCOP-002043.2020.0001438</t>
  </si>
  <si>
    <t>0762922/2020-BO-000449.2020.0000488</t>
  </si>
  <si>
    <t>0866104/2020-BO-000280.2020.0002168</t>
  </si>
  <si>
    <t>0757994/2020-BO-000125.2020.0005693</t>
  </si>
  <si>
    <t>0758436/2020-BO-000531.2020.0000167</t>
  </si>
  <si>
    <t>0763045/2020-BO-000492.2020.0002877</t>
  </si>
  <si>
    <t>0801978/2020-BOPM-002382.2020.0000113</t>
  </si>
  <si>
    <t>0751848/2020-BO-000612.2020.0011126</t>
  </si>
  <si>
    <t>0746953/2020-BOPM-002274.2020.0001742</t>
  </si>
  <si>
    <t>0748531/2020-BO-000420.2020.0004031</t>
  </si>
  <si>
    <t>0745963/2020-BOCOP-002017.2020.0009342</t>
  </si>
  <si>
    <t>0780530/2020-BO-000451.2020.0000177</t>
  </si>
  <si>
    <t>0742529/2020-BO-000070.2020.0000660</t>
  </si>
  <si>
    <t>0744628/2020-BOCOP-002273.2020.0004943</t>
  </si>
  <si>
    <t>0745209/2020-BO-000126.2020.0002835</t>
  </si>
  <si>
    <t>0745249/2020-BOPM-002011.2020.0003563</t>
  </si>
  <si>
    <t>0830834/2020-BO-000611.2020.0002279</t>
  </si>
  <si>
    <t>0740271/2020-BO-000125.2020.0005569</t>
  </si>
  <si>
    <t>0743084/2020-BO-000597.2020.0022244</t>
  </si>
  <si>
    <t>0749382/2020-BOPM-002446.2020.0000633</t>
  </si>
  <si>
    <t>PASSOS MAIA</t>
  </si>
  <si>
    <t>0730869/2020-BOCOP-002064.2020.0003248</t>
  </si>
  <si>
    <t>0731821/2020-BOTC-002330.2020.0000606</t>
  </si>
  <si>
    <t>0732238/2020-BO-000004.2020.0003172</t>
  </si>
  <si>
    <t>0738524/2020-BO-000125.2020.0005555</t>
  </si>
  <si>
    <t>0729764/2020-BOCOP-002193.2020.0004061</t>
  </si>
  <si>
    <t>0730244/2020-BOTC-002016.2020.0008610</t>
  </si>
  <si>
    <t>0730446/2020-BO-000549.2020.0004674</t>
  </si>
  <si>
    <t>0730564/2020-BOPM-002133.2020.0000878</t>
  </si>
  <si>
    <t>0728731/2020-BO-000471.2020.0003603</t>
  </si>
  <si>
    <t>0728763/2020-BO-000597.2020.0021725</t>
  </si>
  <si>
    <t>0734879/2020-BO-000597.2020.0021928</t>
  </si>
  <si>
    <t>0725086/2020-BOPM-002270.2020.0001329</t>
  </si>
  <si>
    <t>0725634/2020-BOTC-002193.2020.0004037</t>
  </si>
  <si>
    <t>0724942/2020-BOCOP-002193.2020.0004030</t>
  </si>
  <si>
    <t>0722235/2020-BO-000625.2020.0001698</t>
  </si>
  <si>
    <t>0862718/2020-BO-000060.2020.0002693</t>
  </si>
  <si>
    <t>Falsificação de documento público</t>
  </si>
  <si>
    <t>0715461/2020-BOCOP-002062.2020.0001365</t>
  </si>
  <si>
    <t>0711952/2020-BOTC-002497.2020.0000323</t>
  </si>
  <si>
    <t>0712253/2020-BOPA-002060.2020.0002769</t>
  </si>
  <si>
    <t>Abandono de função</t>
  </si>
  <si>
    <t>0709133/2020-BO-000029.2020.0003812</t>
  </si>
  <si>
    <t>0069294/2021-BOCOP-002034.2021.0000218</t>
  </si>
  <si>
    <t>0703337/2020-BOPM-002270.2020.0001295</t>
  </si>
  <si>
    <t>0704478/2020-BO-000144.2020.0001490</t>
  </si>
  <si>
    <t>0705169/2020-BOPA-002399.2020.0000279</t>
  </si>
  <si>
    <t>0705385/2020-BOCOP-002016.2020.0008324</t>
  </si>
  <si>
    <t>0705451/2020-BO-000085.2020.0000329</t>
  </si>
  <si>
    <t>0706405/2020-BO-000526.2020.0002689</t>
  </si>
  <si>
    <t>0700095/2020-BO-000331.2020.0001756</t>
  </si>
  <si>
    <t>0698966/2020-BOTC-002083.2020.0005076</t>
  </si>
  <si>
    <t>0691520/2020-BOTC-002042.2020.0002344</t>
  </si>
  <si>
    <t>0691571/2020-BO-000031.2020.0001575</t>
  </si>
  <si>
    <t>0708178/2020-BO-000467.2020.0002152</t>
  </si>
  <si>
    <t>0701437/2020-BO-000201.2020.0000400</t>
  </si>
  <si>
    <t>0687548/2020-BOCOP-002009.2020.0001450</t>
  </si>
  <si>
    <t>0685670/2020-BO-000074.2020.0001933</t>
  </si>
  <si>
    <t>0686678/2020-BOCOP-002008.2020.0000897</t>
  </si>
  <si>
    <t>Estabelecimento comercial funcionando em desacordo com a lei, licença ou alvará</t>
  </si>
  <si>
    <t>0686982/2020-BOPM-002389.2020.0000182</t>
  </si>
  <si>
    <t>0680713/2020-BOPM-002017.2020.0008687</t>
  </si>
  <si>
    <t>0682937/2020-BOPM-002017.2020.0008702</t>
  </si>
  <si>
    <t>0683323/2020-BO-000143.2020.0002274</t>
  </si>
  <si>
    <t>0678718/2020-BOCOP-002000.2020.0005610</t>
  </si>
  <si>
    <t>0793962/2020-BO-000610.2020.0041534</t>
  </si>
  <si>
    <t>0675057/2020-BO-000003.2020.0001450</t>
  </si>
  <si>
    <t>0672227/2020-BOCOP-002005.2020.0000849</t>
  </si>
  <si>
    <t>0667862/2020-BO-000070.2020.0000580</t>
  </si>
  <si>
    <t>0668205/2020-BO-000381.2020.0002380</t>
  </si>
  <si>
    <t>0669239/2020-BOCOP-002028.2020.0002594</t>
  </si>
  <si>
    <t>0660867/2020-BOCOP-002030.2020.0004287</t>
  </si>
  <si>
    <t>0662286/2020-BOCOP-002273.2020.0004434</t>
  </si>
  <si>
    <t>0657855/2020-BOPM-002043.2020.0001256</t>
  </si>
  <si>
    <t>0658619/2020-BOPM-002073.2020.0002376</t>
  </si>
  <si>
    <t>0660064/2020-BO-000031.2020.0001534</t>
  </si>
  <si>
    <t>0654066/2020-BO-000576.2020.0001399</t>
  </si>
  <si>
    <t>0654309/2020-BOCOP-002008.2020.0000852</t>
  </si>
  <si>
    <t>0654537/2020-BOCOP-002168.2020.0000259</t>
  </si>
  <si>
    <t>SÃO JOÃO DO OESTE</t>
  </si>
  <si>
    <t>0655507/2020-BO-000299.2020.0002364</t>
  </si>
  <si>
    <t>0652291/2020-BO-000598.2020.0012080</t>
  </si>
  <si>
    <t>0650088/2020-BO-000031.2020.0001524</t>
  </si>
  <si>
    <t>0650230/2020-BO-000460.2020.0000363</t>
  </si>
  <si>
    <t>0641751/2020-BOCOP-002475.2020.0000244</t>
  </si>
  <si>
    <t>0648193/2020-BO-000612.2020.0009065</t>
  </si>
  <si>
    <t>0635157/2020-BOPA-002007.2020.0001382</t>
  </si>
  <si>
    <t>0635640/2020-BOPA-002511.2020.0000937</t>
  </si>
  <si>
    <t>0635715/2020-BO-000003.2020.0001343</t>
  </si>
  <si>
    <t>0633322/2020-BO-000462.2020.0001215</t>
  </si>
  <si>
    <t>0634966/2020-BO-000576.2020.0001370</t>
  </si>
  <si>
    <t>Difamar alguém, na propaganda eleitoral, ou visando a fins de propaganda, imputando-lhe fato ofensivo à sua reputação</t>
  </si>
  <si>
    <t>0630522/2020-BOPM-002387.2020.0000119</t>
  </si>
  <si>
    <t>0631660/2020-BO-000244.2020.0000747</t>
  </si>
  <si>
    <t>0624828/2020-BOCOP-002016.2020.0007489</t>
  </si>
  <si>
    <t>0621509/2020-BOTC-002095.2020.0003525</t>
  </si>
  <si>
    <t>0621526/2020-BO-000039.2020.0001030</t>
  </si>
  <si>
    <t>Invasão de dispositivo informático</t>
  </si>
  <si>
    <t>0623411/2020-BO-000144.2020.0001329</t>
  </si>
  <si>
    <t>0623268/2020-BO-000279.2020.0000310</t>
  </si>
  <si>
    <t>0625834/2020-BO-000448.2020.0000107</t>
  </si>
  <si>
    <t>PRINCESA</t>
  </si>
  <si>
    <t>0640727/2020-BO-000135.2020.0000498</t>
  </si>
  <si>
    <t>0618340/2020-BOCOP-002028.2020.0002466</t>
  </si>
  <si>
    <t>0615268/2020-BOPM-002000.2020.0005116</t>
  </si>
  <si>
    <t>0609715/2020-BO-000003.2020.0001295</t>
  </si>
  <si>
    <t>0604244/2020-BOPM-002324.2020.0002071</t>
  </si>
  <si>
    <t>0607223/2020-BOCOP-002193.2020.0003461</t>
  </si>
  <si>
    <t>0602811/2020-BOPM-002000.2020.0005029</t>
  </si>
  <si>
    <t>0603435/2020-BOCOP-002062.2020.0001172</t>
  </si>
  <si>
    <t>0603777/2020-BOTC-002193.2020.0003453</t>
  </si>
  <si>
    <t>0607264/2020-BO-000619.2020.0003087</t>
  </si>
  <si>
    <t>0600613/2020-BOCOP-002168.2020.0000244</t>
  </si>
  <si>
    <t>0596593/2020-BOCOP-002045.2020.0001639</t>
  </si>
  <si>
    <t>0597559/2020-BOPM-002437.2020.0001709</t>
  </si>
  <si>
    <t>0593439/2020-BOCOP-002083.2020.0004332</t>
  </si>
  <si>
    <t>0594733/2020-BO-000146.2020.0002552</t>
  </si>
  <si>
    <t>0591866/2020-BO-000228.2020.0000127</t>
  </si>
  <si>
    <t>0586908/2020-BOCOP-002193.2020.0003336</t>
  </si>
  <si>
    <t>0587772/2020-BOCOP-002193.2020.0003346</t>
  </si>
  <si>
    <t>0586745/2020-BOTC-002000.2020.0004901</t>
  </si>
  <si>
    <t>0585138/2020-BOPM-002017.2020.0007571</t>
  </si>
  <si>
    <t>0123935/2021-BO-000462.2021.0000367</t>
  </si>
  <si>
    <t>0571779/2020-BOPM-002043.2020.0001106</t>
  </si>
  <si>
    <t>0570222/2020-BO-000584.2020.0000276</t>
  </si>
  <si>
    <t>0598207/2020-BO-000481.2020.0009186</t>
  </si>
  <si>
    <t>0569621/2020-BOTC-002042.2020.0001923</t>
  </si>
  <si>
    <t>0569951/2020-BO-000617.2020.0002647</t>
  </si>
  <si>
    <t>0564449/2020-BO-000125.2020.0004391</t>
  </si>
  <si>
    <t>0565764/2020-BO-000341.2020.0000625</t>
  </si>
  <si>
    <t>0566875/2020-BOTC-002011.2020.0002576</t>
  </si>
  <si>
    <t>0562455/2020-BO-000600.2020.0019404</t>
  </si>
  <si>
    <t>0562994/2020-BO-000472.2020.0003309</t>
  </si>
  <si>
    <t>0563156/2020-BOTC-002317.2020.0003746</t>
  </si>
  <si>
    <t>0557117/2020-BOPM-002497.2020.0000258</t>
  </si>
  <si>
    <t>0557704/2020-BO-000033.2020.0001486</t>
  </si>
  <si>
    <t>0555253/2020-BO-000125.2020.0004287</t>
  </si>
  <si>
    <t>0558592/2020-BO-000619.2020.0002759</t>
  </si>
  <si>
    <t>0553437/2020-BOCOP-002083.2020.0004047</t>
  </si>
  <si>
    <t>0548873/2020-BOTC-002511.2020.0000826</t>
  </si>
  <si>
    <t>0549299/2020-BO-000619.2020.0002688</t>
  </si>
  <si>
    <t>0575466/2020-BO-000391.2020.0001598</t>
  </si>
  <si>
    <t>Destruir, danificar floresta de preservação permanente ou usá-la com infringência das normas de proteção</t>
  </si>
  <si>
    <t>0541868/2020-BOTC-002042.2020.0001837</t>
  </si>
  <si>
    <t>0537526/2020-BOPM-002083.2020.0003912</t>
  </si>
  <si>
    <t>0537944/2020-BO-000087.2020.0001345</t>
  </si>
  <si>
    <t>Latrocínio</t>
  </si>
  <si>
    <t>0584754/2020-BO-000598.2020.0010659</t>
  </si>
  <si>
    <t>ANGELINA</t>
  </si>
  <si>
    <t>0534562/2020-BOCOP-002045.2020.0001493</t>
  </si>
  <si>
    <t>0536122/2020-BOPM-002193.2020.0003038</t>
  </si>
  <si>
    <t>Apoio a defesa civil</t>
  </si>
  <si>
    <t>0532278/2020-BOCOP-002012.2020.0000915</t>
  </si>
  <si>
    <t>0531024/2020-BOTC-002317.2020.0003573</t>
  </si>
  <si>
    <t>0614919/2020-BO-000229.2020.0000133</t>
  </si>
  <si>
    <t>0525539/2020-BOPM-002288.2020.0000099</t>
  </si>
  <si>
    <t>0521603/2020-BOCOP-002007.2020.0001199</t>
  </si>
  <si>
    <t>0521057/2020-BO-000005.2020.0003652</t>
  </si>
  <si>
    <t>0519791/2020-BOCOP-002083.2020.0003792</t>
  </si>
  <si>
    <t>0525195/2020-BO-000125.2020.0004061</t>
  </si>
  <si>
    <t>0513008/2020-BOCOP-002377.2020.0000321</t>
  </si>
  <si>
    <t>0513395/2020-BO-000266.2020.0000133</t>
  </si>
  <si>
    <t>0508705/2020-BOPM-002379.2020.0000144</t>
  </si>
  <si>
    <t>0509221/2020-BO-000003.2020.0001082</t>
  </si>
  <si>
    <t>0509418/2020-BOTC-002193.2020.0002924</t>
  </si>
  <si>
    <t>0505159/2020-BOCOP-002073.2020.0001852</t>
  </si>
  <si>
    <t>0504891/2020-BOCOP-002002.2020.0000785</t>
  </si>
  <si>
    <t>0506757/2020-BO-000247.2020.0000118</t>
  </si>
  <si>
    <t>IBICARÉ</t>
  </si>
  <si>
    <t>0760135/2020-BO-000604.2020.0016019</t>
  </si>
  <si>
    <t>0503019/2020-BOCOP-002470.2020.0000020</t>
  </si>
  <si>
    <t>0500574/2020-BO-000043.2020.0001798</t>
  </si>
  <si>
    <t>0502195/2020-BO-000598.2020.0008686</t>
  </si>
  <si>
    <t>0484879/2020-BOCOP-002016.2020.0005959</t>
  </si>
  <si>
    <t>0485050/2020-BO-000612.2020.0005724</t>
  </si>
  <si>
    <t>0482289/2020-BOCOP-002134.2020.0000319</t>
  </si>
  <si>
    <t>0478431/2020-BO-000481.2020.0007522</t>
  </si>
  <si>
    <t>0480487/2020-BOTC-002161.2020.0000181</t>
  </si>
  <si>
    <t>0480587/2020-BO-000299.2020.0001802</t>
  </si>
  <si>
    <t>0483105/2020-BOTC-002161.2020.0000183</t>
  </si>
  <si>
    <t>0473022/2020-BOPM-002350.2020.0000138</t>
  </si>
  <si>
    <t>0473284/2020-BOPM-002000.2020.0004035</t>
  </si>
  <si>
    <t>0470586/2020-BOPM-002515.2020.0000531</t>
  </si>
  <si>
    <t>0080966/2021-BO-000243.2021.0000027</t>
  </si>
  <si>
    <t>0466204/2020-BO-000079.2020.0000952</t>
  </si>
  <si>
    <t>0466557/2020-BO-000133.2020.0000782</t>
  </si>
  <si>
    <t>0467078/2020-BOPM-002350.2020.0000135</t>
  </si>
  <si>
    <t>0468279/2020-BO-000469.2020.0002134</t>
  </si>
  <si>
    <t>0469524/2020-BO-000480.2020.0001803</t>
  </si>
  <si>
    <t>0461946/2020-BO-000034.2020.0002475</t>
  </si>
  <si>
    <t>0463770/2020-BO-000472.2020.0003025</t>
  </si>
  <si>
    <t>0458779/2020-BOPM-002083.2020.0003382</t>
  </si>
  <si>
    <t>0460611/2020-BO-000108.2020.0001077</t>
  </si>
  <si>
    <t>0461099/2020-BO-000549.2020.0003880</t>
  </si>
  <si>
    <t>0460040/2020-BO-000196.2020.0000145</t>
  </si>
  <si>
    <t>0461448/2020-BO-000615.2020.0004013</t>
  </si>
  <si>
    <t>0457165/2020-BO-000612.2020.0005090</t>
  </si>
  <si>
    <t>0450511/2020-BO-000125.2020.0003558</t>
  </si>
  <si>
    <t>0705793/2022-BO-000472.2022.0005957</t>
  </si>
  <si>
    <t>0446536/2020-BO-000492.2020.0001724</t>
  </si>
  <si>
    <t>0448033/2020-BO-000597.2020.0011760</t>
  </si>
  <si>
    <t>0442647/2020-BOCOP-002468.2020.0000229</t>
  </si>
  <si>
    <t>0479140/2020-BO-000125.2020.0003752</t>
  </si>
  <si>
    <t>0444251/2020-BO-000254.2020.0000078</t>
  </si>
  <si>
    <t>0444860/2020-BOCOP-002334.2020.0000640</t>
  </si>
  <si>
    <t>0437104/2020-BOPM-002007.2020.0000995</t>
  </si>
  <si>
    <t>0437258/2020-BOCOP-002083.2020.0003224</t>
  </si>
  <si>
    <t>0447683/2020-BOCOP-002008.2020.0000594</t>
  </si>
  <si>
    <t>0431249/2020-BOPM-002083.2020.0003199</t>
  </si>
  <si>
    <t>0431889/2020-BOCOP-002016.2020.0005323</t>
  </si>
  <si>
    <t>0429175/2020-BOPM-002038.2020.0000895</t>
  </si>
  <si>
    <t>0426022/2020-BOCOP-002319.2020.0000350</t>
  </si>
  <si>
    <t>0426871/2020-BOPM-002141.2020.0000167</t>
  </si>
  <si>
    <t>0424013/2020-BO-000050.2020.0003056</t>
  </si>
  <si>
    <t>0421717/2020-BOCOP-002095.2020.0002437</t>
  </si>
  <si>
    <t>0425166/2020-BO-000610.2020.0019782</t>
  </si>
  <si>
    <t>0418234/2020-BO-000363.2020.0000612</t>
  </si>
  <si>
    <t>0419721/2020-BO-000466.2020.0002971</t>
  </si>
  <si>
    <t>0416606/2020-BOPM-002146.2020.0000300</t>
  </si>
  <si>
    <t>0417899/2020-BOCOP-002273.2020.0002889</t>
  </si>
  <si>
    <t>0414634/2020-BO-000433.2020.0000644</t>
  </si>
  <si>
    <t>0411838/2020-BO-000009.2020.0001368</t>
  </si>
  <si>
    <t>0432558/2020-BO-000054.2020.0002319</t>
  </si>
  <si>
    <t>0408207/2020-BO-000215.2020.0000357</t>
  </si>
  <si>
    <t>0781411/2020-BO-000280.2020.0001992</t>
  </si>
  <si>
    <t>0402357/2020-BOPM-002350.2020.0000118</t>
  </si>
  <si>
    <t>0408019/2020-BO-000215.2020.0000356</t>
  </si>
  <si>
    <t>0400589/2020-BO-000205.2020.0000792</t>
  </si>
  <si>
    <t>0395400/2020-BO-000005.2020.0003026</t>
  </si>
  <si>
    <t>0393927/2020-BOCOP-002095.2020.0002279</t>
  </si>
  <si>
    <t>0394199/2020-BOCOP-002016.2020.0004908</t>
  </si>
  <si>
    <t>0397484/2020-BO-000394.2020.0000097</t>
  </si>
  <si>
    <t>0399112/2020-BO-000621.2020.0001794</t>
  </si>
  <si>
    <t>0388678/2020-BOCOP-002362.2020.0000171</t>
  </si>
  <si>
    <t>0384718/2020-BO-000554.2020.0001800</t>
  </si>
  <si>
    <t>0386933/2020-BO-000616.2020.0000864</t>
  </si>
  <si>
    <t>0382387/2020-BO-000598.2020.0005886</t>
  </si>
  <si>
    <t>0369031/2020-BOTC-002011.2020.0001701</t>
  </si>
  <si>
    <t>0369803/2020-BO-000031.2020.0001084</t>
  </si>
  <si>
    <t>0365947/2020-BO-000045.2020.0000726</t>
  </si>
  <si>
    <t>0364241/2020-BOTC-002391.2020.0000046</t>
  </si>
  <si>
    <t>0364599/2020-BOPM-002016.2020.0004460</t>
  </si>
  <si>
    <t>0361129/2020-BOCOP-002043.2020.0000781</t>
  </si>
  <si>
    <t>0362188/2020-BO-000526.2020.0001537</t>
  </si>
  <si>
    <t>0362690/2020-BO-000577.2020.0000285</t>
  </si>
  <si>
    <t>0363364/2020-BOPM-002502.2020.0000101</t>
  </si>
  <si>
    <t>0358299/2020-BO-000577.2020.0000281</t>
  </si>
  <si>
    <t>0358444/2020-BO-000022.2020.0000677</t>
  </si>
  <si>
    <t>0358475/2020-BOTC-002451.2020.0000408</t>
  </si>
  <si>
    <t>0360545/2020-BO-000625.2020.0000590</t>
  </si>
  <si>
    <t>0421422/2020-BO-000031.2020.0001195</t>
  </si>
  <si>
    <t>0350392/2020-BOCOP-002062.2020.0000748</t>
  </si>
  <si>
    <t>0350966/2020-BOPM-002313.2020.0000030</t>
  </si>
  <si>
    <t>0346843/2020-BO-000597.2020.0007975</t>
  </si>
  <si>
    <t>0341446/2020-BOPM-002431.2020.0000048</t>
  </si>
  <si>
    <t>0341572/2020-BO-000471.2020.0002329</t>
  </si>
  <si>
    <t>0339307/2020-BOPM-002064.2020.0001673</t>
  </si>
  <si>
    <t>0335772/2020-BO-000087.2020.0000874</t>
  </si>
  <si>
    <t>0338333/2020-BOPM-002379.2020.0000107</t>
  </si>
  <si>
    <t>0333708/2020-BOTC-002008.2020.0000476</t>
  </si>
  <si>
    <t>0336987/2020-BO-000031.2020.0001023</t>
  </si>
  <si>
    <t>Abandono material</t>
  </si>
  <si>
    <t>0337015/2020-BO-000251.2020.0000456</t>
  </si>
  <si>
    <t>0330992/2020-BOPA-002407.2020.0000069</t>
  </si>
  <si>
    <t>0321370/2020-BOPM-002132.2020.0000086</t>
  </si>
  <si>
    <t>0322479/2020-BO-000467.2020.0001069</t>
  </si>
  <si>
    <t>0325311/2020-BO-000029.2020.0002505</t>
  </si>
  <si>
    <t>0321477/2020-BO-000526.2020.0001455</t>
  </si>
  <si>
    <t>0329201/2020-BO-000125.2020.0002811</t>
  </si>
  <si>
    <t>0327404/2020-BOCOP-002324.2020.0001138</t>
  </si>
  <si>
    <t>0328079/2020-BO-000132.2020.0000662</t>
  </si>
  <si>
    <t>0310405/2020-BO-000612.2020.0002377</t>
  </si>
  <si>
    <t>0311278/2020-BOCOP-002016.2020.0003751</t>
  </si>
  <si>
    <t>0312269/2020-BONIPA-002515.2020.0000321</t>
  </si>
  <si>
    <t>0325491/2020-BO-000074.2020.0001126</t>
  </si>
  <si>
    <t>0305629/2020-BO-000480.2020.0001258</t>
  </si>
  <si>
    <t>0304722/2020-BO-000049.2020.0000721</t>
  </si>
  <si>
    <t>0306587/2020-BOCOP-002028.2020.0001368</t>
  </si>
  <si>
    <t>0302896/2020-BO-000503.2020.0000072</t>
  </si>
  <si>
    <t>0304007/2020-BO-000471.2020.0002195</t>
  </si>
  <si>
    <t>0304093/2020-BOCOP-002020.2020.0002119</t>
  </si>
  <si>
    <t>0302405/2020-BOPM-002440.2020.0000334</t>
  </si>
  <si>
    <t>0307949/2020-BO-000526.2020.0001434</t>
  </si>
  <si>
    <t>0300219/2020-BO-000472.2020.0002460</t>
  </si>
  <si>
    <t>0296994/2020-BO-000032.2020.0000885</t>
  </si>
  <si>
    <t>0294242/2020-BOCOP-002016.2020.0003513</t>
  </si>
  <si>
    <t>0295940/2020-BO-000125.2020.0002657</t>
  </si>
  <si>
    <t>0296046/2020-BOTC-002007.2020.0000749</t>
  </si>
  <si>
    <t>0302166/2020-BO-000352.2020.0000230</t>
  </si>
  <si>
    <t>0290884/2020-BOCOP-002016.2020.0003447</t>
  </si>
  <si>
    <t>0294775/2020-BO-000481.2020.0004754</t>
  </si>
  <si>
    <t>0287630/2020-BO-000529.2020.0000146</t>
  </si>
  <si>
    <t>0283662/2020-BOCOP-002273.2020.0001884</t>
  </si>
  <si>
    <t>0295444/2020-BO-000597.2020.0006094</t>
  </si>
  <si>
    <t>0287562/2020-BO-000598.2020.0003676</t>
  </si>
  <si>
    <t>0279855/2020-BOPM-002095.2020.0001659</t>
  </si>
  <si>
    <t>0280193/2020-BOCOP-002044.2020.0000751</t>
  </si>
  <si>
    <t>0280529/2020-BO-000604.2020.0003550</t>
  </si>
  <si>
    <t>0285890/2020-BO-000628.2020.0000248</t>
  </si>
  <si>
    <t>0278915/2020-BOPM-002273.2020.0001832</t>
  </si>
  <si>
    <t>0277767/2020-BOTC-002460.2020.0001066</t>
  </si>
  <si>
    <t>0275768/2020-BOCOP-002016.2020.0003253</t>
  </si>
  <si>
    <t>0275974/2020-BOCOP-002083.2020.0002040</t>
  </si>
  <si>
    <t>0272354/2020-BOCOP-002008.2020.0000402</t>
  </si>
  <si>
    <t>0273313/2020-BO-000576.2020.0000916</t>
  </si>
  <si>
    <t>0271992/2020-BO-000612.2020.0001682</t>
  </si>
  <si>
    <t>0279186/2020-BO-000598.2020.0003433</t>
  </si>
  <si>
    <t>0265865/2020-BO-000224.2020.0000242</t>
  </si>
  <si>
    <t>Incêndio (Crime) - Culposo</t>
  </si>
  <si>
    <t>0266145/2020-BOPM-002017.2020.0003489</t>
  </si>
  <si>
    <t>0264590/2020-BO-000600.2020.0006413</t>
  </si>
  <si>
    <t>0261998/2020-BOCOP-002000.2020.0002346</t>
  </si>
  <si>
    <t>0258341/2020-BOPM-002440.2020.0000276</t>
  </si>
  <si>
    <t>0255289/2020-BO-000381.2020.0001422</t>
  </si>
  <si>
    <t>0255347/2020-BO-000481.2020.0004543</t>
  </si>
  <si>
    <t>0252535/2020-BO-000598.2020.0002790</t>
  </si>
  <si>
    <t>0252965/2020-BO-000031.2020.0000874</t>
  </si>
  <si>
    <t>0250541/2020-BO-000613.2020.0002836</t>
  </si>
  <si>
    <t>0247061/2020-BO-000032.2020.0000835</t>
  </si>
  <si>
    <t>0246203/2020-BOCOP-002193.2020.0001594</t>
  </si>
  <si>
    <t>0245343/2020-BO-000586.2020.0000269</t>
  </si>
  <si>
    <t>0245802/2020-BOCOP-002278.2020.0000216</t>
  </si>
  <si>
    <t>0245503/2020-BO-000586.2020.0000270</t>
  </si>
  <si>
    <t>0271886/2020-BOPM-002527.2020.0000193</t>
  </si>
  <si>
    <t>0240441/2020-BOPM-002373.2020.0000047</t>
  </si>
  <si>
    <t>0239073/2020-BOPA-002338.2020.0000061</t>
  </si>
  <si>
    <t>0239081/2020-BO-000481.2020.0004445</t>
  </si>
  <si>
    <t>0239638/2020-BO-000125.2020.0002459</t>
  </si>
  <si>
    <t>0240349/2020-BO-000198.2020.0000273</t>
  </si>
  <si>
    <t>0237568/2020-BOCOP-002403.2020.0000032</t>
  </si>
  <si>
    <t>0235519/2020-BOPM-002302.2020.0000025</t>
  </si>
  <si>
    <t>0236070/2020-BO-000005.2020.0002431</t>
  </si>
  <si>
    <t>0236521/2020-BOPM-002020.2020.0001554</t>
  </si>
  <si>
    <t>0232996/2020-BO-000036.2020.0000842</t>
  </si>
  <si>
    <t>0232024/2020-BOPM-002017.2020.0002823</t>
  </si>
  <si>
    <t>0225918/2020-BOCOP-002060.2020.0001137</t>
  </si>
  <si>
    <t>0225924/2020-BO-000143.2020.0001056</t>
  </si>
  <si>
    <t>0224492/2020-BOCOP-002083.2020.0001514</t>
  </si>
  <si>
    <t>0225489/2020-BOCOP-002318.2020.0000839</t>
  </si>
  <si>
    <t>0225595/2020-BOCOP-002083.2020.0001526</t>
  </si>
  <si>
    <t>0224051/2020-BO-000481.2020.0004342</t>
  </si>
  <si>
    <t>0224339/2020-BO-000224.2020.0000224</t>
  </si>
  <si>
    <t>0222513/2020-BOPA-002011.2020.0001014</t>
  </si>
  <si>
    <t>0216256/2020-BOPM-002000.2020.0001821</t>
  </si>
  <si>
    <t>0218498/2020-BO-000526.2020.0001263</t>
  </si>
  <si>
    <t>0220532/2020-BO-000458.2020.0000678</t>
  </si>
  <si>
    <t>0232364/2020-BO-000610.2020.0007861</t>
  </si>
  <si>
    <t>0215815/2020-BO-000040.2020.0000292</t>
  </si>
  <si>
    <t>0218470/2020-BO-000008.2020.0001301</t>
  </si>
  <si>
    <t>0208477/2020-BO-000124.2020.0001233</t>
  </si>
  <si>
    <t>0209388/2020-BOPM-002317.2020.0001512</t>
  </si>
  <si>
    <t>0212180/2020-BO-000554.2020.0001248</t>
  </si>
  <si>
    <t>0216589/2020-BOPM-002431.2020.0000018</t>
  </si>
  <si>
    <t>0218377/2020-BO-000320.2020.0000300</t>
  </si>
  <si>
    <t>0206677/2020-BO-000492.2020.0000961</t>
  </si>
  <si>
    <t>0208212/2020-BO-000455.2020.0000319</t>
  </si>
  <si>
    <t>0209196/2020-BO-000467.2020.0000637</t>
  </si>
  <si>
    <t>0203212/2020-BOCOP-002083.2020.0001394</t>
  </si>
  <si>
    <t>0205944/2020-BO-000526.2020.0001187</t>
  </si>
  <si>
    <t>0200940/2020-BOTC-002017.2020.0002384</t>
  </si>
  <si>
    <t>0200630/2020-BOCOP-002011.2020.0000901</t>
  </si>
  <si>
    <t>0196975/2020-BOCOP-002103.2020.0000262</t>
  </si>
  <si>
    <t>0197571/2020-BO-000467.2020.0000593</t>
  </si>
  <si>
    <t>0190586/2020-BO-000481.2020.0003702</t>
  </si>
  <si>
    <t>0191333/2020-BOPM-002269.2020.0000120</t>
  </si>
  <si>
    <t>0193524/2020-BO-000481.2020.0003770</t>
  </si>
  <si>
    <t>0189809/2020-BO-000135.2020.0000197</t>
  </si>
  <si>
    <t>0191901/2020-BO-000004.2020.0002066</t>
  </si>
  <si>
    <t>0179701/2020-BOPM-002039.2020.0000468</t>
  </si>
  <si>
    <t>0180885/2020-BOPA-002500.2020.0000166</t>
  </si>
  <si>
    <t>0250529/2020-BO-000613.2020.0002834</t>
  </si>
  <si>
    <t>0176907/2020-BOTC-002073.2020.0000580</t>
  </si>
  <si>
    <t>0178689/2020-BOTC-002138.2020.0000080</t>
  </si>
  <si>
    <t>0173987/2020-BOPM-002319.2020.0000118</t>
  </si>
  <si>
    <t>0175435/2020-BOPM-002425.2020.0000016</t>
  </si>
  <si>
    <t>NOVA ITABERABA</t>
  </si>
  <si>
    <t>0175656/2020-BOCOP-002420.2020.0001694</t>
  </si>
  <si>
    <t>0171347/2020-BO-000576.2020.0000626</t>
  </si>
  <si>
    <t>0171777/2020-BO-000610.2020.0005670</t>
  </si>
  <si>
    <t>0177593/2020-BO-000576.2020.0000640</t>
  </si>
  <si>
    <t>0166983/2020-BO-000462.2020.0000744</t>
  </si>
  <si>
    <t>0167083/2020-BO-000212.2020.0000490</t>
  </si>
  <si>
    <t>0167806/2020-BO-000480.2020.0000677</t>
  </si>
  <si>
    <t>0163778/2020-BO-000381.2020.0001038</t>
  </si>
  <si>
    <t>0164915/2020-BO-000526.2020.0000979</t>
  </si>
  <si>
    <t>0163155/2020-BOTC-002346.2020.0000208</t>
  </si>
  <si>
    <t>0164086/2020-BO-000601.2020.0003467</t>
  </si>
  <si>
    <t>0164323/2020-BO-000005.2020.0001779</t>
  </si>
  <si>
    <t>0171026/2020-BO-000086.2020.0000532</t>
  </si>
  <si>
    <t>0161102/2020-BOCOP-002334.2020.0000256</t>
  </si>
  <si>
    <t>0164953/2020-BO-000017.2020.0000174</t>
  </si>
  <si>
    <t>0153991/2020-BO-000480.2020.0000625</t>
  </si>
  <si>
    <t>0155736/2020-BONIPA-002529.2020.0000106</t>
  </si>
  <si>
    <t>0152442/2020-BO-000526.2020.0000925</t>
  </si>
  <si>
    <t>0158444/2020-BO-000220.2020.0000036</t>
  </si>
  <si>
    <t>0211315/2020-BO-000046.2020.0000604</t>
  </si>
  <si>
    <t>0145324/2020-BOPM-002276.2020.0000071</t>
  </si>
  <si>
    <t>0146188/2020-BO-000480.2020.0000572</t>
  </si>
  <si>
    <t>0146878/2020-BO-000526.2020.0000880</t>
  </si>
  <si>
    <t>0148650/2020-BO-000315.2020.0000158</t>
  </si>
  <si>
    <t>0475797/2020-BONIPA-002522.2020.0000375</t>
  </si>
  <si>
    <t>Causar poluição que resultem danos à saúde humana, ou a mortandade de animais ou destruição da flora - Doloso</t>
  </si>
  <si>
    <t>0140575/2020-BO-000526.2020.0000844</t>
  </si>
  <si>
    <t>0061337/2021-BO-000576.2021.0000086</t>
  </si>
  <si>
    <t>0137004/2020-BOCOP-002016.2020.0001410</t>
  </si>
  <si>
    <t>0221865/2020-BO-000554.2020.0001288</t>
  </si>
  <si>
    <t>0131279/2020-BO-000469.2020.0001023</t>
  </si>
  <si>
    <t>0132070/2020-BO-000314.2020.0000238</t>
  </si>
  <si>
    <t>0139834/2020-BOPA-002320.2020.0000025</t>
  </si>
  <si>
    <t>0191975/2020-BO-000316.2020.0000115</t>
  </si>
  <si>
    <t>0146264/2020-BO-000601.2020.0003127</t>
  </si>
  <si>
    <t>0122398/2021-BO-000554.2021.0000425</t>
  </si>
  <si>
    <t>0123128/2020-BOCOP-002317.2020.0000943</t>
  </si>
  <si>
    <t>0125605/2020-BO-000219.2020.0000069</t>
  </si>
  <si>
    <t>0126279/2020-BOCOP-002159.2020.0000076</t>
  </si>
  <si>
    <t>0122345/2020-BOPM-002017.2020.0001350</t>
  </si>
  <si>
    <t>0124420/2020-BO-000014.2020.0000444</t>
  </si>
  <si>
    <t>0122165/2020-BO-000137.2020.0001477</t>
  </si>
  <si>
    <t>0116513/2020-BOCOP-002304.2020.0000008</t>
  </si>
  <si>
    <t>TROMBUDO CENTRAL</t>
  </si>
  <si>
    <t>0118633/2020-BO-000137.2020.0001424</t>
  </si>
  <si>
    <t>0112271/2020-BO-000481.2020.0002188</t>
  </si>
  <si>
    <t>Falsa identidade</t>
  </si>
  <si>
    <t>0112501/2020-BOCOP-002061.2020.0000393</t>
  </si>
  <si>
    <t>0121317/2020-BO-000481.2020.0002382</t>
  </si>
  <si>
    <t>0111643/2020-BOCOP-002436.2020.0000036</t>
  </si>
  <si>
    <t>SÃO CARLOS</t>
  </si>
  <si>
    <t>0106830/2020-BO-000300.2020.0000137</t>
  </si>
  <si>
    <t>0099514/2020-BO-000031.2020.0000361</t>
  </si>
  <si>
    <t>0101571/2020-BOCOP-002016.2020.0001042</t>
  </si>
  <si>
    <t>0097122/2020-BOPM-002035.2020.0000602</t>
  </si>
  <si>
    <t>0097243/2020-BOCOP-002095.2020.0000623</t>
  </si>
  <si>
    <t>0097499/2020-BO-000008.2020.0000597</t>
  </si>
  <si>
    <t>0094340/2020-BO-000246.2020.0000240</t>
  </si>
  <si>
    <t>0095053/2020-BOPM-002083.2020.0000679</t>
  </si>
  <si>
    <t>0095750/2020-BOCOP-002083.2020.0000690</t>
  </si>
  <si>
    <t>0103559/2020-BO-000352.2020.0000083</t>
  </si>
  <si>
    <t>0143012/2020-BO-000300.2020.0000156</t>
  </si>
  <si>
    <t>0183230/2020-BOPM-002039.2020.0000483</t>
  </si>
  <si>
    <t>0093952/2020-BO-000067.2020.0000317</t>
  </si>
  <si>
    <t>0090518/2020-BOTC-002515.2020.0000106</t>
  </si>
  <si>
    <t>0091493/2020-BO-000481.2020.0001798</t>
  </si>
  <si>
    <t>0091863/2020-BO-000450.2020.0000022</t>
  </si>
  <si>
    <t>0093546/2020-BO-000088.2020.0000421</t>
  </si>
  <si>
    <t>0087237/2020-BOCOP-002083.2020.0000624</t>
  </si>
  <si>
    <t>0081796/2020-BO-000435.2020.0000251</t>
  </si>
  <si>
    <t>0085061/2020-BO-000480.2020.0000359</t>
  </si>
  <si>
    <t>0096490/2021-BO-000600.2021.0004593</t>
  </si>
  <si>
    <t>0114197/2020-BO-000447.2020.0000085</t>
  </si>
  <si>
    <t>0078333/2020-BO-000202.2020.0000050</t>
  </si>
  <si>
    <t>0080077/2020-BOCOP-002138.2020.0000041</t>
  </si>
  <si>
    <t>0080657/2020-BO-000085.2020.0000031</t>
  </si>
  <si>
    <t>0081948/2020-BO-000526.2020.0000420</t>
  </si>
  <si>
    <t>0075735/2020-BOPM-002425.2020.0000004</t>
  </si>
  <si>
    <t>0075901/2020-BOCOP-002095.2020.0000500</t>
  </si>
  <si>
    <t>0076583/2020-BO-000391.2020.0000342</t>
  </si>
  <si>
    <t>0076664/2020-BOPM-002133.2020.0000085</t>
  </si>
  <si>
    <t>0073704/2020-BOCOP-002060.2020.0000338</t>
  </si>
  <si>
    <t>0083435/2020-BO-000467.2020.0000268</t>
  </si>
  <si>
    <t>0112279/2020-BO-000146.2020.0000916</t>
  </si>
  <si>
    <t>0067868/2020-BO-000526.2020.0000308</t>
  </si>
  <si>
    <t>0147324/2020-BO-000366.2020.0000338</t>
  </si>
  <si>
    <t>0060349/2020-BOPM-002035.2020.0000369</t>
  </si>
  <si>
    <t>0060645/2020-BOPM-002035.2020.0000370</t>
  </si>
  <si>
    <t>0062801/2020-BO-000028.2020.0000072</t>
  </si>
  <si>
    <t>0107616/2020-BO-000207.2020.0000280</t>
  </si>
  <si>
    <t>0054492/2020-BO-000381.2020.0000351</t>
  </si>
  <si>
    <t>0062314/2020-BO-000366.2020.0000142</t>
  </si>
  <si>
    <t>0064817/2020-BO-000494.2020.0000589</t>
  </si>
  <si>
    <t>0082751/2020-BOCOP-002029.2020.0000226</t>
  </si>
  <si>
    <t>0170979/2020-BO-000614.2020.0007411</t>
  </si>
  <si>
    <t>0049741/2020-BOPM-002035.2020.0000290</t>
  </si>
  <si>
    <t>0049969/2020-BOPM-002035.2020.0000292</t>
  </si>
  <si>
    <t>0050750/2020-BOCOP-002138.2020.0000020</t>
  </si>
  <si>
    <t>0052110/2020-BO-000391.2020.0000234</t>
  </si>
  <si>
    <t>0052301/2020-BOPM-002114.2020.0000039</t>
  </si>
  <si>
    <t>0052422/2020-BOCOP-002273.2020.0000284</t>
  </si>
  <si>
    <t>0046744/2020-BO-000472.2020.0000498</t>
  </si>
  <si>
    <t>0047588/2020-BOCOP-002138.2020.0000019</t>
  </si>
  <si>
    <t>0058462/2020-BOPM-002005.2020.0000078</t>
  </si>
  <si>
    <t>0047498/2020-BO-000033.2020.0000164</t>
  </si>
  <si>
    <t>0052004/2020-BO-000216.2020.0000019</t>
  </si>
  <si>
    <t>0183262/2020-BO-000224.2020.0000176</t>
  </si>
  <si>
    <t>0202499/2020-BO-000473.2020.0001188</t>
  </si>
  <si>
    <t>0035124/2020-BOPM-002073.2020.0000108</t>
  </si>
  <si>
    <t>0036007/2020-BO-000494.2020.0000330</t>
  </si>
  <si>
    <t>0039397/2020-BO-000598.2020.0000391</t>
  </si>
  <si>
    <t>0034373/2020-BOCOP-002029.2020.0000090</t>
  </si>
  <si>
    <t>0034379/2020-BOCOP-002064.2020.0000226</t>
  </si>
  <si>
    <t>0034405/2020-BO-000527.2020.0000029</t>
  </si>
  <si>
    <t>0032458/2020-BO-000125.2020.0000311</t>
  </si>
  <si>
    <t>0037452/2020-BO-000231.2020.0000012</t>
  </si>
  <si>
    <t>0081939/2020-BO-000381.2020.0000528</t>
  </si>
  <si>
    <t>0025494/2020-BOCOP-002138.2020.0000010</t>
  </si>
  <si>
    <t>0027101/2020-BOCOP-002511.2020.0000057</t>
  </si>
  <si>
    <t>0021460/2021-BO-000352.2021.0000013</t>
  </si>
  <si>
    <t>0022314/2020-BO-000041.2020.0000061</t>
  </si>
  <si>
    <t>Supressão de documento</t>
  </si>
  <si>
    <t>0010608/2020-BO-000466.2020.0000117</t>
  </si>
  <si>
    <t>0010765/2020-BO-000480.2020.0000110</t>
  </si>
  <si>
    <t>0011473/2020-BOTC-002061.2020.0000051</t>
  </si>
  <si>
    <t>0009931/2020-BOTC-002038.2020.0000035</t>
  </si>
  <si>
    <t>0008027/2020-BO-000051.2020.0000012</t>
  </si>
  <si>
    <t>0001940/2020-BO-000526.2020.0000002</t>
  </si>
  <si>
    <t>0002054/2020-BOPM-003005.2020.0000013</t>
  </si>
  <si>
    <t>0004268/2020-BO-000033.2020.0000016</t>
  </si>
  <si>
    <t>0004379/2020-BO-000244.2020.0000006</t>
  </si>
  <si>
    <t>0005033/2020-BOTC-002369.2020.0000002</t>
  </si>
  <si>
    <t>0000878/2020-BO-000004.2020.0000003</t>
  </si>
  <si>
    <t>0001264/2020-BO-000283.2020.0000067</t>
  </si>
  <si>
    <t>0000223/2020-BO-000262.2020.0000001</t>
  </si>
  <si>
    <t>0002867/2020-BO-000205.2020.0000001</t>
  </si>
  <si>
    <t>0004573/2020-BO-000103.2020.0000011</t>
  </si>
  <si>
    <t>MORRO DA FUMAÇA</t>
  </si>
  <si>
    <t>0012791/2020-BO-000125.2020.0000083</t>
  </si>
  <si>
    <t>0879170/2019-BOTC-002270.2019.0001732</t>
  </si>
  <si>
    <t>0880269/2019-BO-000580.2019.0001228</t>
  </si>
  <si>
    <t>0065380/2020-BO-000041.2020.0000170</t>
  </si>
  <si>
    <t>0876814/2019-BO-000464.2019.0004327</t>
  </si>
  <si>
    <t>0877945/2019-BO-000031.2020.0000260</t>
  </si>
  <si>
    <t>0042343/2020-BO-000526.2020.0000177</t>
  </si>
  <si>
    <t>0872622/2019-BO-000613.2019.0011262</t>
  </si>
  <si>
    <t>0873262/2019-BOCOP-002329.2019.0000853</t>
  </si>
  <si>
    <t>0873308/2019-BOPM-002346.2019.0001101</t>
  </si>
  <si>
    <t>0873702/2019-BO-000620.2019.0002193</t>
  </si>
  <si>
    <t>0870744/2019-BO-000597.2019.0016833</t>
  </si>
  <si>
    <t>0871967/2019-BOPA-002064.2019.0004176</t>
  </si>
  <si>
    <t>0869600/2019-BO-000601.2019.0018639</t>
  </si>
  <si>
    <t>0200085/2020-BO-000614.2020.0008668</t>
  </si>
  <si>
    <t>0200759/2020-BO-000614.2020.0008685</t>
  </si>
  <si>
    <t>0865487/2019-BOCOP-002289.2019.0000334</t>
  </si>
  <si>
    <t>0865611/2019-BOCOP-002034.2019.0004894</t>
  </si>
  <si>
    <t>0867543/2019-BO-000126.2019.0006847</t>
  </si>
  <si>
    <t>0862720/2019-BO-000610.2019.0033817</t>
  </si>
  <si>
    <t>0862826/2019-BOCOP-002420.2019.0009491</t>
  </si>
  <si>
    <t>0054010/2020-BO-000621.2020.0000108</t>
  </si>
  <si>
    <t>0859682/2019-BO-000576.2020.0000079</t>
  </si>
  <si>
    <t>0859690/2019-BOCOP-002269.2019.0000662</t>
  </si>
  <si>
    <t>0860419/2019-BOCOP-002352.2019.0000550</t>
  </si>
  <si>
    <t>0858177/2019-BO-000490.2019.0002906</t>
  </si>
  <si>
    <t>0859110/2019-BO-000608.2019.0019275</t>
  </si>
  <si>
    <t>0858005/2019-BO-000600.2019.0018364</t>
  </si>
  <si>
    <t>0853399/2019-BO-000291.2019.0005959</t>
  </si>
  <si>
    <t>0859645/2019-BOPM-002521.2019.0000118</t>
  </si>
  <si>
    <t>0872770/2019-BOTC-002522.2019.0000138</t>
  </si>
  <si>
    <t>0002658/2020-BO-000032.2020.0000014</t>
  </si>
  <si>
    <t>0845174/2019-BOPM-002437.2019.0003257</t>
  </si>
  <si>
    <t>0845729/2019-BOPM-002034.2019.0004794</t>
  </si>
  <si>
    <t>0849443/2019-BO-000610.2019.0033416</t>
  </si>
  <si>
    <t>0841449/2019-BOCOP-002083.2019.0006678</t>
  </si>
  <si>
    <t>0844775/2019-BO-000023.2019.0003142</t>
  </si>
  <si>
    <t>0845728/2019-BOCOP-002000.2019.0009647</t>
  </si>
  <si>
    <t>0847779/2019-BO-000036.2019.0003184</t>
  </si>
  <si>
    <t>0855280/2019-BO-000008.2019.0006649</t>
  </si>
  <si>
    <t>0859240/2019-BO-000004.2019.0008131</t>
  </si>
  <si>
    <t>0841306/2019-BOCOP-002023.2019.0002188</t>
  </si>
  <si>
    <t>0838135/2019-BO-000608.2019.0018843</t>
  </si>
  <si>
    <t>0833836/2019-BO-000614.2019.0035410</t>
  </si>
  <si>
    <t>0836071/2019-BO-000307.2019.0004069</t>
  </si>
  <si>
    <t>0823972/2019-BO-000050.2019.0010394</t>
  </si>
  <si>
    <t>0846674/2019-BO-000614.2019.0035915</t>
  </si>
  <si>
    <t>0822896/2019-BO-000291.2019.0005799</t>
  </si>
  <si>
    <t>0823521/2019-BO-000614.2019.0034974</t>
  </si>
  <si>
    <t>0823690/2019-BOTC-002193.2019.0007246</t>
  </si>
  <si>
    <t>0828623/2019-BO-000083.2019.0010082</t>
  </si>
  <si>
    <t>0818904/2019-BOCOP-002317.2019.0007364</t>
  </si>
  <si>
    <t>0818957/2019-BOCOP-002030.2019.0006759</t>
  </si>
  <si>
    <t>0820113/2019-BO-000610.2019.0032428</t>
  </si>
  <si>
    <t>0816783/2019-BO-000471.2019.0009945</t>
  </si>
  <si>
    <t>0817479/2019-BOCOP-002007.2019.0002492</t>
  </si>
  <si>
    <t>0818046/2019-BO-000549.2019.0012008</t>
  </si>
  <si>
    <t>0813296/2019-BOTC-002163.2019.0000173</t>
  </si>
  <si>
    <t>0815716/2019-BO-000595.2019.0001030</t>
  </si>
  <si>
    <t>0816232/2019-BOPM-002029.2019.0002945</t>
  </si>
  <si>
    <t>0854638/2019-BO-000613.2019.0011041</t>
  </si>
  <si>
    <t>0810826/2019-BOPM-002420.2019.0008968</t>
  </si>
  <si>
    <t>0813188/2019-BO-000481.2019.0018389</t>
  </si>
  <si>
    <t>0805180/2019-BO-000601.2019.0017388</t>
  </si>
  <si>
    <t>0025541/2020-BO-000307.2020.0000082</t>
  </si>
  <si>
    <t>0799840/2019-BO-000081.2019.0001842</t>
  </si>
  <si>
    <t>0803169/2019-BOCOP-002023.2019.0002111</t>
  </si>
  <si>
    <t>0804716/2019-BO-000443.2019.0001100</t>
  </si>
  <si>
    <t>0216789/2020-BO-000088.2020.0000958</t>
  </si>
  <si>
    <t>0802293/2019-BO-000096.2019.0001253</t>
  </si>
  <si>
    <t>ITAIÓPOLIS</t>
  </si>
  <si>
    <t>0829258/2019-BO-000549.2019.0012126</t>
  </si>
  <si>
    <t>0791870/2019-BO-000620.2019.0002020</t>
  </si>
  <si>
    <t>0795423/2019-BO-000005.2019.0009832</t>
  </si>
  <si>
    <t>0786238/2019-BOPM-002133.2019.0001134</t>
  </si>
  <si>
    <t>0789408/2019-BOPA-002134.2019.0000652</t>
  </si>
  <si>
    <t>0811829/2019-BO-000131.2019.0001882</t>
  </si>
  <si>
    <t>0784198/2019-BOPM-002033.2019.0002697</t>
  </si>
  <si>
    <t>0785365/2019-BO-000438.2019.0000062</t>
  </si>
  <si>
    <t>SÃO MIGUEL DA BOA VISTA</t>
  </si>
  <si>
    <t>0785970/2019-BOPM-002017.2019.0011250</t>
  </si>
  <si>
    <t>0782108/2019-BO-000076.2019.0004002</t>
  </si>
  <si>
    <t>0791964/2019-BOCOP-002016.2019.0010609</t>
  </si>
  <si>
    <t>0821805/2019-BO-000610.2019.0032463</t>
  </si>
  <si>
    <t>0777879/2019-BO-000299.2019.0004935</t>
  </si>
  <si>
    <t>0772664/2019-BOTC-002035.2019.0004436</t>
  </si>
  <si>
    <t>0773410/2019-BOPM-002399.2019.0000182</t>
  </si>
  <si>
    <t>0785949/2019-BO-000125.2019.0010644</t>
  </si>
  <si>
    <t>0769803/2019-BOPA-002011.2019.0004340</t>
  </si>
  <si>
    <t>0769908/2019-BO-000611.2019.0000601</t>
  </si>
  <si>
    <t>0769953/2019-BO-000425.2019.0001506</t>
  </si>
  <si>
    <t>0771857/2019-BO-000041.2019.0001939</t>
  </si>
  <si>
    <t>0795168/2019-BO-000037.2019.0002676</t>
  </si>
  <si>
    <t>0770973/2019-BO-000614.2019.0032917</t>
  </si>
  <si>
    <t>0763421/2019-BO-000009.2019.0005130</t>
  </si>
  <si>
    <t>0763654/2019-BO-000133.2019.0002186</t>
  </si>
  <si>
    <t>0768265/2019-BO-000064.2019.0002018</t>
  </si>
  <si>
    <t>0770067/2019-BOCOP-002005.2019.0001471</t>
  </si>
  <si>
    <t>0761779/2019-BO-000614.2019.0032572</t>
  </si>
  <si>
    <t>0757182/2019-BO-000466.2019.0008682</t>
  </si>
  <si>
    <t>0768524/2019-BO-000600.2019.0016588</t>
  </si>
  <si>
    <t>0753905/2019-BOCOP-002317.2019.0006844</t>
  </si>
  <si>
    <t>0750049/2019-BO-000455.2019.0001713</t>
  </si>
  <si>
    <t>0753168/2019-BOCOP-002273.2019.0005527</t>
  </si>
  <si>
    <t>0747374/2019-BO-000012.2019.0003941</t>
  </si>
  <si>
    <t>0751141/2019-BO-000017.2019.0001220</t>
  </si>
  <si>
    <t>0761289/2019-BO-000608.2019.0017284</t>
  </si>
  <si>
    <t>0746252/2019-BOCOP-002317.2019.0006783</t>
  </si>
  <si>
    <t>0785207/2019-BO-000613.2019.0010170</t>
  </si>
  <si>
    <t>0742014/2019-BOCOP-002017.2019.0010684</t>
  </si>
  <si>
    <t>0742994/2019-BOCOP-002324.2019.0003487</t>
  </si>
  <si>
    <t>0748754/2019-BO-000084.2019.0003398</t>
  </si>
  <si>
    <t>0201485/2021-BO-000481.2021.0002685</t>
  </si>
  <si>
    <t>0738614/2019-BO-000481.2019.0017272</t>
  </si>
  <si>
    <t>0736597/2019-BO-000110.2019.0005886</t>
  </si>
  <si>
    <t>0736747/2019-BO-000124.2019.0005101</t>
  </si>
  <si>
    <t>0737610/2019-BOCOP-002016.2019.0009944</t>
  </si>
  <si>
    <t>0734378/2019-BOCOP-002016.2019.0009887</t>
  </si>
  <si>
    <t>0734957/2019-BOPA-002095.2019.0005231</t>
  </si>
  <si>
    <t>0735461/2019-BOTC-002008.2019.0001469</t>
  </si>
  <si>
    <t>0853040/2019-BO-000314.2019.0002096</t>
  </si>
  <si>
    <t>0732029/2019-BOPM-002167.2019.0000069</t>
  </si>
  <si>
    <t>0735967/2019-BO-000610.2019.0029517</t>
  </si>
  <si>
    <t>0052294/2020-BOTC-002527.2020.0000029</t>
  </si>
  <si>
    <t>0726936/2019-BO-000384.2019.0000696</t>
  </si>
  <si>
    <t>IMBUIA</t>
  </si>
  <si>
    <t>0732450/2019-BO-000110.2019.0005868</t>
  </si>
  <si>
    <t>0724605/2019-BO-000621.2019.0001592</t>
  </si>
  <si>
    <t>0723035/2019-BO-000480.2019.0004460</t>
  </si>
  <si>
    <t>0724108/2019-BO-000034.2019.0007796</t>
  </si>
  <si>
    <t>0716190/2019-BOCOP-002017.2019.0010345</t>
  </si>
  <si>
    <t>0713120/2019-BO-000018.2019.0000724</t>
  </si>
  <si>
    <t>0709797/2019-BO-000270.2019.0003981</t>
  </si>
  <si>
    <t>0711682/2019-BO-000108.2019.0003196</t>
  </si>
  <si>
    <t>0706405/2019-BOPM-002017.2019.0010239</t>
  </si>
  <si>
    <t>0708466/2019-BO-000015.2019.0005056</t>
  </si>
  <si>
    <t>0709482/2019-BO-000608.2019.0016212</t>
  </si>
  <si>
    <t>0705111/2019-BO-000481.2019.0016465</t>
  </si>
  <si>
    <t>0727330/2019-BO-000033.2019.0003653</t>
  </si>
  <si>
    <t>0700105/2019-BO-000088.2019.0004570</t>
  </si>
  <si>
    <t>0703344/2019-BOPM-002324.2019.0003339</t>
  </si>
  <si>
    <t>0703579/2019-BO-000597.2019.0013743</t>
  </si>
  <si>
    <t>0692558/2019-BO-000280.2019.0003956</t>
  </si>
  <si>
    <t>0693791/2019-BO-000280.2019.0003963</t>
  </si>
  <si>
    <t>0689611/2019-BO-000246.2019.0001878</t>
  </si>
  <si>
    <t>0694722/2019-BO-000207.2019.0002876</t>
  </si>
  <si>
    <t>0684194/2019-BO-000471.2019.0008732</t>
  </si>
  <si>
    <t>0691472/2019-BO-000609.2019.0004600</t>
  </si>
  <si>
    <t>0719524/2019-BO-000615.2019.0003098</t>
  </si>
  <si>
    <t>0773629/2019-BO-000215.2019.0001284</t>
  </si>
  <si>
    <t>0679411/2019-BOPM-002447.2019.0001063</t>
  </si>
  <si>
    <t>0690182/2019-BO-000613.2019.0009126</t>
  </si>
  <si>
    <t>0678325/2019-BO-000472.2019.0008793</t>
  </si>
  <si>
    <t>0686399/2019-BO-000039.2019.0002244</t>
  </si>
  <si>
    <t>0676378/2019-BOCOP-002034.2019.0004041</t>
  </si>
  <si>
    <t>0686912/2019-BO-000620.2019.0001765</t>
  </si>
  <si>
    <t>0672128/2019-BOCOP-002039.2019.0001982</t>
  </si>
  <si>
    <t>0675931/2019-BO-000139.2019.0001341</t>
  </si>
  <si>
    <t>0685802/2019-BO-000290.2019.0005010</t>
  </si>
  <si>
    <t>0688576/2019-BO-000455.2019.0001610</t>
  </si>
  <si>
    <t>0668541/2019-BO-000601.2019.0014701</t>
  </si>
  <si>
    <t>0668793/2019-BO-000024.2019.0001097</t>
  </si>
  <si>
    <t>0664847/2019-BO-000104.2019.0014328</t>
  </si>
  <si>
    <t>0667862/2019-BO-000008.2019.0005487</t>
  </si>
  <si>
    <t>0685852/2019-BO-000597.2019.0013432</t>
  </si>
  <si>
    <t>0728542/2019-BO-000301.2019.0001873</t>
  </si>
  <si>
    <t>0740516/2019-BO-000348.2019.0000661</t>
  </si>
  <si>
    <t>0763385/2019-BO-000453.2019.0001779</t>
  </si>
  <si>
    <t>0660934/2019-BO-000597.2019.0013007</t>
  </si>
  <si>
    <t>0694636/2019-BO-000620.2019.0001780</t>
  </si>
  <si>
    <t>0657907/2019-BOTC-002064.2019.0003242</t>
  </si>
  <si>
    <t>0656329/2019-BOCOP-002114.2019.0000352</t>
  </si>
  <si>
    <t>0662593/2019-BO-000420.2019.0007857</t>
  </si>
  <si>
    <t>0651654/2019-BO-000449.2019.0000788</t>
  </si>
  <si>
    <t>0655265/2019-BO-000223.2019.0000272</t>
  </si>
  <si>
    <t>TIMBÉ DO SUL</t>
  </si>
  <si>
    <t>0704781/2019-BO-000469.2019.0005351</t>
  </si>
  <si>
    <t>0648936/2019-BO-000035.2019.0004920</t>
  </si>
  <si>
    <t>0644023/2019-BO-000494.2019.0006131</t>
  </si>
  <si>
    <t>0638764/2019-BOCOP-002095.2019.0004708</t>
  </si>
  <si>
    <t>0641994/2019-BO-000526.2019.0007625</t>
  </si>
  <si>
    <t>0636543/2019-BOCOP-002193.2019.0005894</t>
  </si>
  <si>
    <t>0308366/2020-BO-000108.2020.0000759</t>
  </si>
  <si>
    <t>0626782/2019-BO-000125.2019.0009181</t>
  </si>
  <si>
    <t>0628321/2019-BO-000457.2019.0001050</t>
  </si>
  <si>
    <t>0625335/2019-BO-000448.2019.0000113</t>
  </si>
  <si>
    <t>0628155/2019-BO-000622.2019.0000388</t>
  </si>
  <si>
    <t>0616884/2019-BOTC-002016.2019.0008473</t>
  </si>
  <si>
    <t>0617872/2019-BOTC-002000.2019.0007598</t>
  </si>
  <si>
    <t>0614214/2019-BO-000610.2019.0025305</t>
  </si>
  <si>
    <t>0608134/2019-BO-000220.2019.0000231</t>
  </si>
  <si>
    <t>0600798/2019-BO-000456.2019.0001863</t>
  </si>
  <si>
    <t>0615998/2019-BO-000005.2019.0008109</t>
  </si>
  <si>
    <t>0595338/2019-BO-000114.2019.0000273</t>
  </si>
  <si>
    <t>0591814/2019-BO-000137.2019.0009593</t>
  </si>
  <si>
    <t>0593904/2019-BOCOP-002083.2019.0004875</t>
  </si>
  <si>
    <t>0590916/2019-BO-000270.2019.0003477</t>
  </si>
  <si>
    <t>0592780/2019-BO-000358.2019.0000121</t>
  </si>
  <si>
    <t>PRESIDENTE NEREU</t>
  </si>
  <si>
    <t>0585121/2019-BOCOP-002020.2019.0004791</t>
  </si>
  <si>
    <t>0585144/2019-BO-000601.2019.0013102</t>
  </si>
  <si>
    <t>0583527/2019-BO-000012.2019.0003161</t>
  </si>
  <si>
    <t>0589801/2019-BO-000267.2019.0001277</t>
  </si>
  <si>
    <t>0059384/2020-BO-000433.2020.0000102</t>
  </si>
  <si>
    <t>0582548/2019-BO-000046.2019.0001856</t>
  </si>
  <si>
    <t>0595653/2019-BO-000039.2019.0002013</t>
  </si>
  <si>
    <t>0770927/2019-BO-000084.2019.0003476</t>
  </si>
  <si>
    <t>0576067/2019-BO-000069.2019.0000703</t>
  </si>
  <si>
    <t>0577028/2019-BO-000621.2019.0001279</t>
  </si>
  <si>
    <t>0589222/2019-BO-000143.2019.0004046</t>
  </si>
  <si>
    <t>0216486/2020-BO-000108.2020.0000653</t>
  </si>
  <si>
    <t>0574122/2019-BO-000601.2019.0012913</t>
  </si>
  <si>
    <t>0574616/2019-BO-000391.2019.0003517</t>
  </si>
  <si>
    <t>0576458/2019-BO-000108.2019.0002730</t>
  </si>
  <si>
    <t>0648524/2019-BO-000275.2019.0000486</t>
  </si>
  <si>
    <t>OURO</t>
  </si>
  <si>
    <t>0562776/2019-BOPM-002487.2019.0001045</t>
  </si>
  <si>
    <t>0559590/2019-BO-000580.2019.0000886</t>
  </si>
  <si>
    <t>0558704/2019-BOCOP-002330.2019.0000640</t>
  </si>
  <si>
    <t>0554369/2019-BO-000610.2019.0023729</t>
  </si>
  <si>
    <t>0555059/2019-BO-000617.2019.0001084</t>
  </si>
  <si>
    <t>0563312/2019-BO-000614.2019.0025199</t>
  </si>
  <si>
    <t>0550156/2019-BO-000104.2019.0012258</t>
  </si>
  <si>
    <t>0553390/2019-BO-000351.2019.0000178</t>
  </si>
  <si>
    <t>MATOS COSTA</t>
  </si>
  <si>
    <t>0546962/2019-BO-000458.2019.0002597</t>
  </si>
  <si>
    <t>0555294/2019-BO-000613.2019.0007616</t>
  </si>
  <si>
    <t>0565113/2019-BO-000614.2019.0025275</t>
  </si>
  <si>
    <t>0588706/2019-BO-000005.2019.0007833</t>
  </si>
  <si>
    <t>0534475/2019-BO-000125.2019.0007927</t>
  </si>
  <si>
    <t>0530992/2019-BO-000039.2019.0001854</t>
  </si>
  <si>
    <t>0531466/2019-BO-000008.2019.0004556</t>
  </si>
  <si>
    <t>0523202/2019-BOCOP-002020.2019.0004367</t>
  </si>
  <si>
    <t>0523377/2019-BOCOP-002193.2019.0005065</t>
  </si>
  <si>
    <t>0530881/2019-BO-000608.2019.0012002</t>
  </si>
  <si>
    <t>0525955/2019-BO-000577.2019.0000649</t>
  </si>
  <si>
    <t>0519024/2019-BO-000481.2019.0012931</t>
  </si>
  <si>
    <t>0519329/2019-BOCOP-002061.2019.0001916</t>
  </si>
  <si>
    <t>0516824/2019-BO-000605.2019.0004634</t>
  </si>
  <si>
    <t>0535314/2019-BO-000614.2019.0024196</t>
  </si>
  <si>
    <t>0512716/2019-BO-000081.2019.0001286</t>
  </si>
  <si>
    <t>0508626/2019-BOPM-002193.2019.0004923</t>
  </si>
  <si>
    <t>0631947/2019-BO-000012.2019.0003394</t>
  </si>
  <si>
    <t>0503850/2019-BOPM-002193.2019.0004898</t>
  </si>
  <si>
    <t>0509218/2019-BO-000143.2019.0003634</t>
  </si>
  <si>
    <t>0587031/2019-BO-000614.2019.0025955</t>
  </si>
  <si>
    <t>0501100/2019-BO-000549.2019.0008849</t>
  </si>
  <si>
    <t>0501955/2019-BO-000299.2019.0003403</t>
  </si>
  <si>
    <t>0655413/2019-BO-000609.2019.0004370</t>
  </si>
  <si>
    <t>0498172/2019-BO-000540.2019.0000198</t>
  </si>
  <si>
    <t>0508278/2019-BO-000080.2019.0001401</t>
  </si>
  <si>
    <t>0508556/2019-BO-000256.2019.0000394</t>
  </si>
  <si>
    <t>0270208/2020-BO-000601.2020.0006804</t>
  </si>
  <si>
    <t>0492799/2019-BO-000601.2019.0011427</t>
  </si>
  <si>
    <t>0504757/2019-BO-000598.2019.0006149</t>
  </si>
  <si>
    <t>0488718/2019-BO-000610.2019.0020860</t>
  </si>
  <si>
    <t>0485454/2019-BO-000290.2019.0003814</t>
  </si>
  <si>
    <t>0482678/2019-BOCOP-002030.2019.0004437</t>
  </si>
  <si>
    <t>0478563/2019-BOTC-002273.2019.0003755</t>
  </si>
  <si>
    <t>0484489/2019-BO-000607.2019.0003188</t>
  </si>
  <si>
    <t>0644785/2019-BO-000457.2019.0001071</t>
  </si>
  <si>
    <t>0467918/2019-BO-000492.2019.0004062</t>
  </si>
  <si>
    <t>0463682/2019-BOCOP-002490.2019.0000068</t>
  </si>
  <si>
    <t>0462899/2019-BOCOP-002005.2019.0000924</t>
  </si>
  <si>
    <t>0466408/2019-BO-000202.2019.0000738</t>
  </si>
  <si>
    <t>0461405/2019-BOCOP-002038.2019.0001250</t>
  </si>
  <si>
    <t>0461793/2019-BO-000597.2019.0009552</t>
  </si>
  <si>
    <t>0461881/2019-BO-000420.2019.0005909</t>
  </si>
  <si>
    <t>0545228/2019-BOCOP-002131.2019.0000468</t>
  </si>
  <si>
    <t>0457942/2019-BO-000363.2019.0000946</t>
  </si>
  <si>
    <t>0459979/2019-BO-000206.2019.0000704</t>
  </si>
  <si>
    <t>0454301/2019-BO-000357.2019.0000690</t>
  </si>
  <si>
    <t>0450577/2019-BO-000068.2019.0000771</t>
  </si>
  <si>
    <t>0447505/2019-BOPM-002462.2019.0000055</t>
  </si>
  <si>
    <t>PRESIDENTE CASTELLO BRANCO</t>
  </si>
  <si>
    <t>0560910/2019-BO-000005.2019.0007542</t>
  </si>
  <si>
    <t>0446686/2019-BO-000610.2019.0019397</t>
  </si>
  <si>
    <t>0437989/2019-BOPM-002159.2019.0000262</t>
  </si>
  <si>
    <t>0432253/2019-BO-000026.2019.0000825</t>
  </si>
  <si>
    <t>0446790/2019-BO-000004.2019.0004674</t>
  </si>
  <si>
    <t>0359938/2020-BO-000311.2020.0001445</t>
  </si>
  <si>
    <t>0428173/2019-BO-000605.2019.0003946</t>
  </si>
  <si>
    <t>0432527/2019-BO-000348.2019.0000453</t>
  </si>
  <si>
    <t>0444158/2019-BO-000614.2019.0020965</t>
  </si>
  <si>
    <t>0426293/2019-BO-000471.2019.0006249</t>
  </si>
  <si>
    <t>0427143/2019-BO-000104.2019.0009860</t>
  </si>
  <si>
    <t>0429481/2019-BOTC-002382.2019.0000079</t>
  </si>
  <si>
    <t>Abuso de Autoridade</t>
  </si>
  <si>
    <t>0430325/2019-BO-000471.2019.0006279</t>
  </si>
  <si>
    <t>0430342/2019-BO-000110.2019.0003745</t>
  </si>
  <si>
    <t>0422777/2019-BO-000421.2019.0000964</t>
  </si>
  <si>
    <t>0445636/2019-BO-000601.2019.0010558</t>
  </si>
  <si>
    <t>0543867/2019-BO-000132.2019.0001801</t>
  </si>
  <si>
    <t>0415256/2019-BO-000087.2019.0001414</t>
  </si>
  <si>
    <t>0415633/2019-BO-000329.2019.0000263</t>
  </si>
  <si>
    <t>0499384/2019-BO-000348.2019.0000508</t>
  </si>
  <si>
    <t>0408463/2019-BO-000494.2019.0004826</t>
  </si>
  <si>
    <t>0409118/2019-BO-000600.2019.0010173</t>
  </si>
  <si>
    <t>0402774/2019-BOPM-002468.2019.0000352</t>
  </si>
  <si>
    <t>0405324/2019-BO-000480.2019.0002891</t>
  </si>
  <si>
    <t>0409014/2019-BO-000034.2019.0005083</t>
  </si>
  <si>
    <t>0411479/2019-BO-000086.2019.0002249</t>
  </si>
  <si>
    <t>0213344/2020-BO-000070.2020.0000291</t>
  </si>
  <si>
    <t>0389751/2019-BO-000035.2019.0003393</t>
  </si>
  <si>
    <t>0405395/2019-BO-000607.2019.0002787</t>
  </si>
  <si>
    <t>0387942/2019-BO-000237.2019.0002712</t>
  </si>
  <si>
    <t>0389138/2019-BO-000615.2019.0001860</t>
  </si>
  <si>
    <t>0411284/2019-BO-000012.2019.0002378</t>
  </si>
  <si>
    <t>0386204/2019-BOCOP-002275.2019.0001168</t>
  </si>
  <si>
    <t>0387196/2019-BOCOP-002020.2019.0003366</t>
  </si>
  <si>
    <t>0468424/2019-BO-000049.2019.0001890</t>
  </si>
  <si>
    <t>0385119/2019-BO-000449.2019.0000527</t>
  </si>
  <si>
    <t>0381284/2019-BOCOP-002060.2019.0002942</t>
  </si>
  <si>
    <t>0382655/2019-BOPA-002083.2019.0003128</t>
  </si>
  <si>
    <t>0384432/2019-BO-000598.2019.0005098</t>
  </si>
  <si>
    <t>0401061/2019-BO-000041.2019.0001249</t>
  </si>
  <si>
    <t>0377729/2019-BO-000271.2019.0000030</t>
  </si>
  <si>
    <t>0379947/2019-BO-000613.2019.0005411</t>
  </si>
  <si>
    <t>0379604/2019-BO-000143.2019.0002934</t>
  </si>
  <si>
    <t>0372357/2019-BO-000037.2019.0001503</t>
  </si>
  <si>
    <t>0428927/2019-BO-000079.2019.0000965</t>
  </si>
  <si>
    <t>0446588/2019-BO-000314.2019.0001295</t>
  </si>
  <si>
    <t>0393004/2019-BO-000605.2019.0003652</t>
  </si>
  <si>
    <t>0361261/2019-BO-000122.2019.0001092</t>
  </si>
  <si>
    <t>0358740/2019-BO-000614.2019.0018066</t>
  </si>
  <si>
    <t>0360812/2019-BOCOP-002064.2019.0002163</t>
  </si>
  <si>
    <t>0357587/2019-BOPM-002012.2019.0000720</t>
  </si>
  <si>
    <t>0349452/2019-BOPM-002016.2019.0005143</t>
  </si>
  <si>
    <t>0352980/2019-BO-000386.2019.0000333</t>
  </si>
  <si>
    <t>PETROLÂNDIA</t>
  </si>
  <si>
    <t>0428324/2019-BO-000396.2019.0000187</t>
  </si>
  <si>
    <t>0344620/2019-BO-000003.2019.0001312</t>
  </si>
  <si>
    <t>0342675/2019-BO-000076.2019.0002152</t>
  </si>
  <si>
    <t>0384546/2019-BO-000361.2019.0000186</t>
  </si>
  <si>
    <t>DONA EMMA</t>
  </si>
  <si>
    <t>0339313/2019-BO-000420.2019.0004640</t>
  </si>
  <si>
    <t>0332129/2019-BO-000526.2019.0004556</t>
  </si>
  <si>
    <t>0334862/2019-BO-000136.2019.0000393</t>
  </si>
  <si>
    <t>0339767/2019-BO-000329.2019.0000229</t>
  </si>
  <si>
    <t>0351367/2019-BO-000610.2019.0016160</t>
  </si>
  <si>
    <t>0330179/2019-BO-000480.2019.0002512</t>
  </si>
  <si>
    <t>0586471/2019-BO-000054.2019.0006987</t>
  </si>
  <si>
    <t>0324273/2019-BO-000554.2019.0002779</t>
  </si>
  <si>
    <t>0321640/2019-BO-000471.2019.0005110</t>
  </si>
  <si>
    <t>0984235/2023-BO-000243.2023.0000351</t>
  </si>
  <si>
    <t>0317668/2019-BOCOP-002020.2019.0002830</t>
  </si>
  <si>
    <t>0319703/2019-BO-000473.2019.0002374</t>
  </si>
  <si>
    <t>0318775/2019-BO-000414.2019.0000040</t>
  </si>
  <si>
    <t>0325969/2019-BO-000526.2019.0004524</t>
  </si>
  <si>
    <t>0318263/2019-BO-000315.2019.0000726</t>
  </si>
  <si>
    <t>0367944/2020-BO-000434.2020.0000282</t>
  </si>
  <si>
    <t>0311772/2019-BO-000003.2019.0001220</t>
  </si>
  <si>
    <t>0310207/2019-BOPM-002292.2019.0000326</t>
  </si>
  <si>
    <t>0350300/2019-BO-000030.2019.0001593</t>
  </si>
  <si>
    <t>0300254/2019-BO-000075.2019.0000928</t>
  </si>
  <si>
    <t>0298852/2019-BO-000601.2019.0007826</t>
  </si>
  <si>
    <t>0291969/2019-BO-000088.2019.0002438</t>
  </si>
  <si>
    <t>0292024/2019-BOPM-002009.2019.0001009</t>
  </si>
  <si>
    <t>0292577/2019-BOPM-002133.2019.0000520</t>
  </si>
  <si>
    <t>0294637/2019-BO-000597.2019.0006852</t>
  </si>
  <si>
    <t>0288596/2019-BOCOP-002358.2019.0000261</t>
  </si>
  <si>
    <t>0298871/2019-BOPM-002034.2019.0002116</t>
  </si>
  <si>
    <t>0285680/2019-BO-000237.2019.0002227</t>
  </si>
  <si>
    <t>0282001/2019-BO-000022.2019.0001182</t>
  </si>
  <si>
    <t>0275323/2019-BOCOP-002000.2019.0004206</t>
  </si>
  <si>
    <t>0278720/2019-BO-000605.2019.0002750</t>
  </si>
  <si>
    <t>0280988/2019-BO-000237.2019.0002208</t>
  </si>
  <si>
    <t>0283186/2019-BO-000610.2019.0013832</t>
  </si>
  <si>
    <t>0274261/2019-BOTC-002064.2019.0001867</t>
  </si>
  <si>
    <t>0274315/2019-BOCOP-002011.2019.0001917</t>
  </si>
  <si>
    <t>0276370/2019-BO-000125.2019.0004732</t>
  </si>
  <si>
    <t>0274080/2019-BO-000472.2019.0004516</t>
  </si>
  <si>
    <t>BOCAINA DO SUL</t>
  </si>
  <si>
    <t>0276331/2019-BOCOP-002000.2019.0004214</t>
  </si>
  <si>
    <t>0270581/2019-BO-000143.2019.0002302</t>
  </si>
  <si>
    <t>0260548/2019-BOPM-002359.2019.0000227</t>
  </si>
  <si>
    <t>0260752/2019-BO-000549.2019.0006135</t>
  </si>
  <si>
    <t>0261286/2019-BO-000300.2019.0000566</t>
  </si>
  <si>
    <t>0263850/2019-BO-000233.2019.0000178</t>
  </si>
  <si>
    <t>0266930/2019-BO-000612.2019.0001501</t>
  </si>
  <si>
    <t>0255745/2019-BO-000554.2019.0002338</t>
  </si>
  <si>
    <t>0256364/2019-BO-000110.2019.0002658</t>
  </si>
  <si>
    <t>0253347/2019-BOPM-002017.2019.0004341</t>
  </si>
  <si>
    <t>0308224/2019-BO-000597.2019.0007050</t>
  </si>
  <si>
    <t>0334957/2019-BO-000219.2019.0000340</t>
  </si>
  <si>
    <t>0251677/2019-BO-000144.2019.0001760</t>
  </si>
  <si>
    <t>0252010/2019-BO-000295.2019.0001520</t>
  </si>
  <si>
    <t>0369836/2019-BO-000481.2019.0010049</t>
  </si>
  <si>
    <t>0246399/2019-BO-000526.2019.0003747</t>
  </si>
  <si>
    <t>0246746/2019-BOPM-002030.2019.0002832</t>
  </si>
  <si>
    <t>0247745/2019-BO-000143.2019.0002139</t>
  </si>
  <si>
    <t>0258692/2019-BO-000013.2019.0001459</t>
  </si>
  <si>
    <t>0265754/2019-BO-000604.2019.0003496</t>
  </si>
  <si>
    <t>0243364/2019-BO-000455.2019.0000736</t>
  </si>
  <si>
    <t>0240422/2019-BO-000609.2019.0002043</t>
  </si>
  <si>
    <t>0251030/2019-BO-000610.2019.0012725</t>
  </si>
  <si>
    <t>0235148/2019-BOTC-002035.2019.0001634</t>
  </si>
  <si>
    <t>0235681/2019-BOTC-002270.2019.0000717</t>
  </si>
  <si>
    <t>0236275/2019-BOPM-002160.2019.0000072</t>
  </si>
  <si>
    <t>0233820/2019-BOCOP-002401.2019.0000668</t>
  </si>
  <si>
    <t>0234097/2019-BOPM-002273.2019.0002202</t>
  </si>
  <si>
    <t>0237417/2019-BO-000517.2019.0000916</t>
  </si>
  <si>
    <t>0235627/2019-BOPM-002347.2019.0000082</t>
  </si>
  <si>
    <t>0340225/2019-BO-000104.2019.0008437</t>
  </si>
  <si>
    <t>0376966/2019-BO-000005.2019.0005703</t>
  </si>
  <si>
    <t>0225108/2019-BO-000511.2019.0000850</t>
  </si>
  <si>
    <t>0247748/2019-BO-000549.2019.0005983</t>
  </si>
  <si>
    <t>0223439/2019-BO-000036.2019.0001418</t>
  </si>
  <si>
    <t>0217560/2019-BOCOP-002326.2019.0000067</t>
  </si>
  <si>
    <t>0218736/2019-BO-000225.2019.0000104</t>
  </si>
  <si>
    <t>0215685/2019-BO-000234.2019.0001159</t>
  </si>
  <si>
    <t>0614135/2019-BO-000324.2019.0000087</t>
  </si>
  <si>
    <t>0214455/2019-BOPM-002017.2019.0003825</t>
  </si>
  <si>
    <t>0225265/2019-BO-000292.2019.0000355</t>
  </si>
  <si>
    <t>0211044/2019-BO-000601.2019.0006277</t>
  </si>
  <si>
    <t>0208151/2019-BO-000494.2019.0003019</t>
  </si>
  <si>
    <t>0209161/2019-BO-000050.2019.0003511</t>
  </si>
  <si>
    <t>0222311/2019-BO-000034.2019.0003276</t>
  </si>
  <si>
    <t>0203495/2019-BOPM-002274.2019.0000971</t>
  </si>
  <si>
    <t>0203730/2019-BO-000481.2019.0007064</t>
  </si>
  <si>
    <t>0205292/2019-BOCOP-002034.2019.0001588</t>
  </si>
  <si>
    <t>0216834/2019-BO-000614.2019.0013266</t>
  </si>
  <si>
    <t>0212654/2019-BO-000464.2019.0001766</t>
  </si>
  <si>
    <t>0197156/2019-BOCOP-002083.2019.0001923</t>
  </si>
  <si>
    <t>0196769/2019-BOPM-002427.2019.0000043</t>
  </si>
  <si>
    <t>0195601/2019-BO-000350.2021.0000533</t>
  </si>
  <si>
    <t>0200294/2019-BO-000076.2019.0001493</t>
  </si>
  <si>
    <t>0194349/2019-BO-000494.2019.0002924</t>
  </si>
  <si>
    <t>0227562/2019-BO-000040.2019.0000397</t>
  </si>
  <si>
    <t>0184693/2019-BO-000472.2019.0003605</t>
  </si>
  <si>
    <t>0185030/2019-BO-000083.2019.0003611</t>
  </si>
  <si>
    <t>0179505/2019-BO-000088.2019.0001852</t>
  </si>
  <si>
    <t>0177161/2019-BO-000012.2019.0001217</t>
  </si>
  <si>
    <t>0174483/2019-BO-000012.2019.0001208</t>
  </si>
  <si>
    <t>0172698/2019-BO-000008.2019.0002312</t>
  </si>
  <si>
    <t>0172771/2019-BOPM-002465.2019.0000078</t>
  </si>
  <si>
    <t>0174257/2019-BO-000613.2019.0003067</t>
  </si>
  <si>
    <t>0170380/2019-BO-000225.2019.0000087</t>
  </si>
  <si>
    <t>0166005/2019-BO-000339.2019.0000045</t>
  </si>
  <si>
    <t>0167293/2019-BOPM-002017.2019.0003193</t>
  </si>
  <si>
    <t>0163481/2019-BO-000544.2019.0000027</t>
  </si>
  <si>
    <t>0166526/2019-BO-000463.2019.0000303</t>
  </si>
  <si>
    <t>0167651/2019-BO-000014.2019.0001271</t>
  </si>
  <si>
    <t>0296980/2019-BO-000108.2019.0001716</t>
  </si>
  <si>
    <t>0768409/2019-BO-000610.2019.0030661</t>
  </si>
  <si>
    <t>0158152/2019-BO-000034.2019.0002745</t>
  </si>
  <si>
    <t>0159024/2019-BOCOP-002083.2019.0001706</t>
  </si>
  <si>
    <t>0162966/2019-BO-000517.2019.0000764</t>
  </si>
  <si>
    <t>0151075/2019-BOCOP-002016.2019.0002736</t>
  </si>
  <si>
    <t>0153679/2019-BO-000117.2019.0000953</t>
  </si>
  <si>
    <t>0154940/2019-BO-000055.2019.0002275</t>
  </si>
  <si>
    <t>0139556/2019-BOPM-002036.2019.0000602</t>
  </si>
  <si>
    <t>0142736/2019-BO-000110.2019.0001850</t>
  </si>
  <si>
    <t>0137760/2019-BO-000549.2019.0004630</t>
  </si>
  <si>
    <t>0138549/2019-BO-000290.2019.0001842</t>
  </si>
  <si>
    <t>0140071/2019-BO-000614.2019.0010575</t>
  </si>
  <si>
    <t>0140327/2019-BO-000212.2019.0001199</t>
  </si>
  <si>
    <t>0155365/2019-BO-000469.2019.0002214</t>
  </si>
  <si>
    <t>0140063/2019-BO-000614.2019.0010569</t>
  </si>
  <si>
    <t>0144360/2019-BO-000047.2019.0000485</t>
  </si>
  <si>
    <t>Efetuar loteamento ou desmembramento do solo sem autorização ou em desacordo com as disposições legais</t>
  </si>
  <si>
    <t>0150747/2019-BO-000604.2019.0002434</t>
  </si>
  <si>
    <t>0128391/2019-BOCOP-002365.2019.0000193</t>
  </si>
  <si>
    <t>0130174/2019-BO-000601.2019.0004884</t>
  </si>
  <si>
    <t>0123890/2019-BO-000620.2019.0000495</t>
  </si>
  <si>
    <t>0129961/2019-BO-000030.2019.0000975</t>
  </si>
  <si>
    <t>0134215/2019-BO-000608.2019.0004704</t>
  </si>
  <si>
    <t>0651503/2019-BO-000334.2019.0000262</t>
  </si>
  <si>
    <t>0124958/2019-BO-000117.2019.0000870</t>
  </si>
  <si>
    <t>0123365/2019-BO-000481.2019.0005510</t>
  </si>
  <si>
    <t>0111343/2019-BO-000601.2019.0004542</t>
  </si>
  <si>
    <t>0116046/2019-BO-000614.2019.0009653</t>
  </si>
  <si>
    <t>0110285/2019-BOTC-002318.2019.0000910</t>
  </si>
  <si>
    <t>0779653/2019-BO-000471.2019.0009616</t>
  </si>
  <si>
    <t>0126329/2019-BO-000597.2019.0003996</t>
  </si>
  <si>
    <t>0099005/2019-BO-000616.2019.0000197</t>
  </si>
  <si>
    <t>0095724/2019-BO-000608.2019.0003707</t>
  </si>
  <si>
    <t>0093370/2019-BO-000030.2019.0000952</t>
  </si>
  <si>
    <t>0110473/2019-BO-000054.2019.0002056</t>
  </si>
  <si>
    <t>0070156/2022-BO-000146.2022.0000250</t>
  </si>
  <si>
    <t>0090764/2019-BO-000615.2019.0000680</t>
  </si>
  <si>
    <t>0075078/2022-BO-000146.2022.0000282</t>
  </si>
  <si>
    <t>0088647/2019-BO-000610.2019.0006358</t>
  </si>
  <si>
    <t>0088762/2019-BO-000614.2019.0007852</t>
  </si>
  <si>
    <t>0085647/2019-BO-000420.2022.0002204</t>
  </si>
  <si>
    <t>0087249/2019-BO-000601.2019.0003676</t>
  </si>
  <si>
    <t>0092922/2019-BO-000601.2019.0003938</t>
  </si>
  <si>
    <t>0261633/2019-BO-000245.2019.0001330</t>
  </si>
  <si>
    <t>0079763/2019-BO-000608.2019.0003140</t>
  </si>
  <si>
    <t>0078998/2019-BO-000614.2019.0006956</t>
  </si>
  <si>
    <t>0089643/2019-BO-000624.2019.0000090</t>
  </si>
  <si>
    <t>0101045/2019-BO-000601.2019.0004214</t>
  </si>
  <si>
    <t>0070143/2019-BO-000613.2019.0001565</t>
  </si>
  <si>
    <t>0280046/2019-BO-000287.2019.0000514</t>
  </si>
  <si>
    <t>0069384/2019-BO-000610.2019.0005197</t>
  </si>
  <si>
    <t>0177838/2019-BO-000008.2019.0002338</t>
  </si>
  <si>
    <t>0062130/2019-BO-000628.2019.0000060</t>
  </si>
  <si>
    <t>0055117/2019-BO-000608.2019.0002284</t>
  </si>
  <si>
    <t>0058329/2019-BO-000600.2019.0003205</t>
  </si>
  <si>
    <t>0059217/2019-BO-000609.2019.0000734</t>
  </si>
  <si>
    <t>0049633/2019-BO-000608.2019.0002062</t>
  </si>
  <si>
    <t>0271014/2019-BO-000205.2019.0001340</t>
  </si>
  <si>
    <t>0046803/2019-BO-000467.2020.0002164</t>
  </si>
  <si>
    <t>0045655/2019-BO-000620.2019.0000210</t>
  </si>
  <si>
    <t>0043179/2019-BO-000420.2019.0003617</t>
  </si>
  <si>
    <t>0057010/2019-BO-000614.2019.0005217</t>
  </si>
  <si>
    <t>0309138/2020-BO-000601.2020.0008530</t>
  </si>
  <si>
    <t>0645839/2019-BOCOP-002141.2019.0000387</t>
  </si>
  <si>
    <t>0033816/2019-BO-000604.2019.0000768</t>
  </si>
  <si>
    <t>0032608/2019-BO-000610.2019.0002815</t>
  </si>
  <si>
    <t>0033163/2019-BO-000612.2019.0000344</t>
  </si>
  <si>
    <t>0025917/2019-BO-000604.2019.0000636</t>
  </si>
  <si>
    <t>0022611/2019-BO-000610.2019.0002225</t>
  </si>
  <si>
    <t>0016470/2019-BO-000614.2019.0002298</t>
  </si>
  <si>
    <t>0027338/2020-BO-000237.2020.0000122</t>
  </si>
  <si>
    <t>0307934/2019-BO-000606.2019.0002215</t>
  </si>
  <si>
    <t>0020838/2020-BO-000074.2020.0000080</t>
  </si>
  <si>
    <t>0004104/2019-BO-000601.2019.0000417</t>
  </si>
  <si>
    <t>0014236/2019-BO-000614.2019.0002198</t>
  </si>
  <si>
    <t>0000325/2019-BO-000601.2019.000002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dd\/mm\/yyyy"/>
    <numFmt numFmtId="165" formatCode="###0"/>
  </numFmts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164" fontId="0" fillId="0" borderId="0" xfId="0" applyNumberFormat="1"/>
    <xf numFmtId="165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5697"/>
  <sheetViews>
    <sheetView tabSelected="1" workbookViewId="0">
      <selection activeCell="B1" sqref="B1:B1048576"/>
    </sheetView>
  </sheetViews>
  <sheetFormatPr defaultRowHeight="15" x14ac:dyDescent="0.25"/>
  <cols>
    <col min="1" max="1" width="15.7109375" style="1" customWidth="1"/>
    <col min="2" max="2" width="44.5703125" customWidth="1"/>
    <col min="3" max="3" width="76" customWidth="1"/>
    <col min="4" max="4" width="27.5703125" customWidth="1"/>
    <col min="5" max="5" width="15.7109375" customWidth="1"/>
    <col min="6" max="6" width="15.7109375" style="2" customWidth="1"/>
    <col min="7" max="8" width="15.7109375" customWidth="1"/>
  </cols>
  <sheetData>
    <row r="1" spans="1:8" x14ac:dyDescent="0.25">
      <c r="A1" s="1" t="s">
        <v>0</v>
      </c>
      <c r="B1" t="s">
        <v>1</v>
      </c>
      <c r="C1" t="s">
        <v>2</v>
      </c>
      <c r="D1" t="s">
        <v>3</v>
      </c>
      <c r="E1" t="s">
        <v>4</v>
      </c>
      <c r="F1" s="2" t="s">
        <v>5</v>
      </c>
      <c r="G1" t="s">
        <v>6</v>
      </c>
      <c r="H1" t="s">
        <v>7</v>
      </c>
    </row>
    <row r="2" spans="1:8" x14ac:dyDescent="0.25">
      <c r="A2" s="1">
        <v>45657</v>
      </c>
      <c r="B2" t="s">
        <v>8</v>
      </c>
      <c r="C2" t="s">
        <v>9</v>
      </c>
      <c r="D2" t="s">
        <v>10</v>
      </c>
      <c r="E2" t="s">
        <v>11</v>
      </c>
      <c r="F2" s="2">
        <v>1</v>
      </c>
      <c r="G2" t="s">
        <v>12</v>
      </c>
      <c r="H2" t="s">
        <v>13</v>
      </c>
    </row>
    <row r="3" spans="1:8" x14ac:dyDescent="0.25">
      <c r="A3" s="1">
        <v>45657</v>
      </c>
      <c r="B3" t="s">
        <v>8</v>
      </c>
      <c r="C3" t="s">
        <v>14</v>
      </c>
      <c r="D3" t="s">
        <v>10</v>
      </c>
      <c r="E3" t="s">
        <v>11</v>
      </c>
      <c r="F3" s="2">
        <v>1</v>
      </c>
      <c r="G3" t="s">
        <v>12</v>
      </c>
      <c r="H3" t="s">
        <v>13</v>
      </c>
    </row>
    <row r="4" spans="1:8" x14ac:dyDescent="0.25">
      <c r="A4" s="1">
        <v>45654</v>
      </c>
      <c r="B4" t="s">
        <v>15</v>
      </c>
      <c r="C4" t="s">
        <v>16</v>
      </c>
      <c r="D4" t="s">
        <v>10</v>
      </c>
      <c r="E4" t="s">
        <v>11</v>
      </c>
      <c r="F4" s="2">
        <v>1</v>
      </c>
      <c r="G4" t="s">
        <v>17</v>
      </c>
      <c r="H4" t="s">
        <v>13</v>
      </c>
    </row>
    <row r="5" spans="1:8" x14ac:dyDescent="0.25">
      <c r="A5" s="1">
        <v>45653</v>
      </c>
      <c r="B5" t="s">
        <v>18</v>
      </c>
      <c r="C5" t="s">
        <v>19</v>
      </c>
      <c r="D5" t="s">
        <v>10</v>
      </c>
      <c r="E5" t="s">
        <v>11</v>
      </c>
      <c r="F5" s="2">
        <v>1</v>
      </c>
      <c r="G5" t="s">
        <v>20</v>
      </c>
      <c r="H5" t="s">
        <v>13</v>
      </c>
    </row>
    <row r="6" spans="1:8" x14ac:dyDescent="0.25">
      <c r="A6" s="1">
        <v>45653</v>
      </c>
      <c r="B6" t="s">
        <v>21</v>
      </c>
      <c r="C6" t="s">
        <v>16</v>
      </c>
      <c r="D6" t="s">
        <v>10</v>
      </c>
      <c r="E6" t="s">
        <v>11</v>
      </c>
      <c r="F6" s="2">
        <v>1</v>
      </c>
      <c r="G6" t="s">
        <v>22</v>
      </c>
      <c r="H6" t="s">
        <v>13</v>
      </c>
    </row>
    <row r="7" spans="1:8" x14ac:dyDescent="0.25">
      <c r="A7" s="1">
        <v>45652</v>
      </c>
      <c r="B7" t="s">
        <v>23</v>
      </c>
      <c r="C7" t="s">
        <v>9</v>
      </c>
      <c r="D7" t="s">
        <v>10</v>
      </c>
      <c r="E7" t="s">
        <v>11</v>
      </c>
      <c r="F7" s="2">
        <v>1</v>
      </c>
      <c r="G7" t="s">
        <v>24</v>
      </c>
      <c r="H7" t="s">
        <v>13</v>
      </c>
    </row>
    <row r="8" spans="1:8" x14ac:dyDescent="0.25">
      <c r="A8" s="1">
        <v>45652</v>
      </c>
      <c r="B8" t="s">
        <v>25</v>
      </c>
      <c r="C8" t="s">
        <v>9</v>
      </c>
      <c r="D8" t="s">
        <v>26</v>
      </c>
      <c r="E8" t="s">
        <v>11</v>
      </c>
      <c r="F8" s="2">
        <v>1</v>
      </c>
      <c r="G8" t="s">
        <v>27</v>
      </c>
      <c r="H8" t="s">
        <v>13</v>
      </c>
    </row>
    <row r="9" spans="1:8" x14ac:dyDescent="0.25">
      <c r="A9" s="1">
        <v>45652</v>
      </c>
      <c r="B9" t="s">
        <v>25</v>
      </c>
      <c r="C9" t="s">
        <v>28</v>
      </c>
      <c r="D9" t="s">
        <v>26</v>
      </c>
      <c r="E9" t="s">
        <v>11</v>
      </c>
      <c r="F9" s="2">
        <v>1</v>
      </c>
      <c r="G9" t="s">
        <v>27</v>
      </c>
      <c r="H9" t="s">
        <v>13</v>
      </c>
    </row>
    <row r="10" spans="1:8" x14ac:dyDescent="0.25">
      <c r="A10" s="1">
        <v>45652</v>
      </c>
      <c r="B10" t="s">
        <v>25</v>
      </c>
      <c r="C10" t="s">
        <v>29</v>
      </c>
      <c r="D10" t="s">
        <v>26</v>
      </c>
      <c r="E10" t="s">
        <v>11</v>
      </c>
      <c r="F10" s="2">
        <v>1</v>
      </c>
      <c r="G10" t="s">
        <v>27</v>
      </c>
      <c r="H10" t="s">
        <v>13</v>
      </c>
    </row>
    <row r="11" spans="1:8" x14ac:dyDescent="0.25">
      <c r="A11" s="1">
        <v>45651</v>
      </c>
      <c r="B11" t="s">
        <v>30</v>
      </c>
      <c r="C11" t="s">
        <v>9</v>
      </c>
      <c r="D11" t="s">
        <v>10</v>
      </c>
      <c r="E11" t="s">
        <v>11</v>
      </c>
      <c r="F11" s="2">
        <v>1</v>
      </c>
      <c r="G11" t="s">
        <v>31</v>
      </c>
      <c r="H11" t="s">
        <v>13</v>
      </c>
    </row>
    <row r="12" spans="1:8" x14ac:dyDescent="0.25">
      <c r="A12" s="1">
        <v>45651</v>
      </c>
      <c r="B12" t="s">
        <v>30</v>
      </c>
      <c r="C12" t="s">
        <v>32</v>
      </c>
      <c r="D12" t="s">
        <v>10</v>
      </c>
      <c r="E12" t="s">
        <v>11</v>
      </c>
      <c r="F12" s="2">
        <v>1</v>
      </c>
      <c r="G12" t="s">
        <v>31</v>
      </c>
      <c r="H12" t="s">
        <v>13</v>
      </c>
    </row>
    <row r="13" spans="1:8" x14ac:dyDescent="0.25">
      <c r="A13" s="1">
        <v>45651</v>
      </c>
      <c r="B13" t="s">
        <v>33</v>
      </c>
      <c r="C13" t="s">
        <v>34</v>
      </c>
      <c r="D13" t="s">
        <v>26</v>
      </c>
      <c r="E13" t="s">
        <v>11</v>
      </c>
      <c r="F13" s="2">
        <v>1</v>
      </c>
      <c r="G13" t="s">
        <v>20</v>
      </c>
      <c r="H13" t="s">
        <v>13</v>
      </c>
    </row>
    <row r="14" spans="1:8" x14ac:dyDescent="0.25">
      <c r="A14" s="1">
        <v>45651</v>
      </c>
      <c r="B14" t="s">
        <v>33</v>
      </c>
      <c r="C14" t="s">
        <v>9</v>
      </c>
      <c r="D14" t="s">
        <v>26</v>
      </c>
      <c r="E14" t="s">
        <v>11</v>
      </c>
      <c r="F14" s="2">
        <v>1</v>
      </c>
      <c r="G14" t="s">
        <v>20</v>
      </c>
      <c r="H14" t="s">
        <v>13</v>
      </c>
    </row>
    <row r="15" spans="1:8" x14ac:dyDescent="0.25">
      <c r="A15" s="1">
        <v>45651</v>
      </c>
      <c r="B15" t="s">
        <v>33</v>
      </c>
      <c r="C15" t="s">
        <v>35</v>
      </c>
      <c r="D15" t="s">
        <v>26</v>
      </c>
      <c r="E15" t="s">
        <v>11</v>
      </c>
      <c r="F15" s="2">
        <v>1</v>
      </c>
      <c r="G15" t="s">
        <v>20</v>
      </c>
      <c r="H15" t="s">
        <v>13</v>
      </c>
    </row>
    <row r="16" spans="1:8" x14ac:dyDescent="0.25">
      <c r="A16" s="1">
        <v>45651</v>
      </c>
      <c r="B16" t="s">
        <v>33</v>
      </c>
      <c r="C16" t="s">
        <v>32</v>
      </c>
      <c r="D16" t="s">
        <v>26</v>
      </c>
      <c r="E16" t="s">
        <v>11</v>
      </c>
      <c r="F16" s="2">
        <v>1</v>
      </c>
      <c r="G16" t="s">
        <v>20</v>
      </c>
      <c r="H16" t="s">
        <v>13</v>
      </c>
    </row>
    <row r="17" spans="1:8" x14ac:dyDescent="0.25">
      <c r="A17" s="1">
        <v>45649</v>
      </c>
      <c r="B17" t="s">
        <v>36</v>
      </c>
      <c r="C17" t="s">
        <v>9</v>
      </c>
      <c r="D17" t="s">
        <v>10</v>
      </c>
      <c r="E17" t="s">
        <v>11</v>
      </c>
      <c r="F17" s="2">
        <v>1</v>
      </c>
      <c r="G17" t="s">
        <v>37</v>
      </c>
      <c r="H17" t="s">
        <v>13</v>
      </c>
    </row>
    <row r="18" spans="1:8" x14ac:dyDescent="0.25">
      <c r="A18" s="1">
        <v>45649</v>
      </c>
      <c r="B18" t="s">
        <v>38</v>
      </c>
      <c r="C18" t="s">
        <v>28</v>
      </c>
      <c r="D18" t="s">
        <v>26</v>
      </c>
      <c r="E18" t="s">
        <v>11</v>
      </c>
      <c r="F18" s="2">
        <v>1</v>
      </c>
      <c r="G18" t="s">
        <v>20</v>
      </c>
      <c r="H18" t="s">
        <v>13</v>
      </c>
    </row>
    <row r="19" spans="1:8" x14ac:dyDescent="0.25">
      <c r="A19" s="1">
        <v>45649</v>
      </c>
      <c r="B19" t="s">
        <v>38</v>
      </c>
      <c r="C19" t="s">
        <v>29</v>
      </c>
      <c r="D19" t="s">
        <v>26</v>
      </c>
      <c r="E19" t="s">
        <v>11</v>
      </c>
      <c r="F19" s="2">
        <v>1</v>
      </c>
      <c r="G19" t="s">
        <v>20</v>
      </c>
      <c r="H19" t="s">
        <v>13</v>
      </c>
    </row>
    <row r="20" spans="1:8" x14ac:dyDescent="0.25">
      <c r="A20" s="1">
        <v>45648</v>
      </c>
      <c r="B20" t="s">
        <v>39</v>
      </c>
      <c r="C20" t="s">
        <v>9</v>
      </c>
      <c r="D20" t="s">
        <v>10</v>
      </c>
      <c r="E20" t="s">
        <v>11</v>
      </c>
      <c r="F20" s="2">
        <v>1</v>
      </c>
      <c r="G20" t="s">
        <v>40</v>
      </c>
      <c r="H20" t="s">
        <v>13</v>
      </c>
    </row>
    <row r="21" spans="1:8" x14ac:dyDescent="0.25">
      <c r="A21" s="1">
        <v>45648</v>
      </c>
      <c r="B21" t="s">
        <v>39</v>
      </c>
      <c r="C21" t="s">
        <v>41</v>
      </c>
      <c r="D21" t="s">
        <v>10</v>
      </c>
      <c r="E21" t="s">
        <v>11</v>
      </c>
      <c r="F21" s="2">
        <v>1</v>
      </c>
      <c r="G21" t="s">
        <v>40</v>
      </c>
      <c r="H21" t="s">
        <v>13</v>
      </c>
    </row>
    <row r="22" spans="1:8" x14ac:dyDescent="0.25">
      <c r="A22" s="1">
        <v>45648</v>
      </c>
      <c r="B22" t="s">
        <v>39</v>
      </c>
      <c r="C22" t="s">
        <v>42</v>
      </c>
      <c r="D22" t="s">
        <v>10</v>
      </c>
      <c r="E22" t="s">
        <v>11</v>
      </c>
      <c r="F22" s="2">
        <v>1</v>
      </c>
      <c r="G22" t="s">
        <v>40</v>
      </c>
      <c r="H22" t="s">
        <v>13</v>
      </c>
    </row>
    <row r="23" spans="1:8" x14ac:dyDescent="0.25">
      <c r="A23" s="1">
        <v>45648</v>
      </c>
      <c r="B23" t="s">
        <v>43</v>
      </c>
      <c r="C23" t="s">
        <v>19</v>
      </c>
      <c r="D23" t="s">
        <v>10</v>
      </c>
      <c r="E23" t="s">
        <v>11</v>
      </c>
      <c r="F23" s="2">
        <v>1</v>
      </c>
      <c r="G23" t="s">
        <v>44</v>
      </c>
      <c r="H23" t="s">
        <v>13</v>
      </c>
    </row>
    <row r="24" spans="1:8" x14ac:dyDescent="0.25">
      <c r="A24" s="1">
        <v>45647</v>
      </c>
      <c r="B24" t="s">
        <v>45</v>
      </c>
      <c r="C24" t="s">
        <v>9</v>
      </c>
      <c r="D24" t="s">
        <v>10</v>
      </c>
      <c r="E24" t="s">
        <v>11</v>
      </c>
      <c r="F24" s="2">
        <v>1</v>
      </c>
      <c r="G24" t="s">
        <v>46</v>
      </c>
      <c r="H24" t="s">
        <v>13</v>
      </c>
    </row>
    <row r="25" spans="1:8" x14ac:dyDescent="0.25">
      <c r="A25" s="1">
        <v>45647</v>
      </c>
      <c r="B25" t="s">
        <v>45</v>
      </c>
      <c r="C25" t="s">
        <v>9</v>
      </c>
      <c r="D25" t="s">
        <v>10</v>
      </c>
      <c r="E25" t="s">
        <v>11</v>
      </c>
      <c r="F25" s="2">
        <v>1</v>
      </c>
      <c r="G25" t="s">
        <v>46</v>
      </c>
      <c r="H25" t="s">
        <v>13</v>
      </c>
    </row>
    <row r="26" spans="1:8" x14ac:dyDescent="0.25">
      <c r="A26" s="1">
        <v>45647</v>
      </c>
      <c r="B26" t="s">
        <v>45</v>
      </c>
      <c r="C26" t="s">
        <v>47</v>
      </c>
      <c r="D26" t="s">
        <v>10</v>
      </c>
      <c r="E26" t="s">
        <v>11</v>
      </c>
      <c r="F26" s="2">
        <v>1</v>
      </c>
      <c r="G26" t="s">
        <v>46</v>
      </c>
      <c r="H26" t="s">
        <v>13</v>
      </c>
    </row>
    <row r="27" spans="1:8" x14ac:dyDescent="0.25">
      <c r="A27" s="1">
        <v>45647</v>
      </c>
      <c r="B27" t="s">
        <v>45</v>
      </c>
      <c r="C27" t="s">
        <v>47</v>
      </c>
      <c r="D27" t="s">
        <v>10</v>
      </c>
      <c r="E27" t="s">
        <v>11</v>
      </c>
      <c r="F27" s="2">
        <v>1</v>
      </c>
      <c r="G27" t="s">
        <v>46</v>
      </c>
      <c r="H27" t="s">
        <v>13</v>
      </c>
    </row>
    <row r="28" spans="1:8" x14ac:dyDescent="0.25">
      <c r="A28" s="1">
        <v>45647</v>
      </c>
      <c r="B28" t="s">
        <v>48</v>
      </c>
      <c r="C28" t="s">
        <v>9</v>
      </c>
      <c r="D28" t="s">
        <v>10</v>
      </c>
      <c r="E28" t="s">
        <v>11</v>
      </c>
      <c r="F28" s="2">
        <v>1</v>
      </c>
      <c r="G28" t="s">
        <v>49</v>
      </c>
      <c r="H28" t="s">
        <v>13</v>
      </c>
    </row>
    <row r="29" spans="1:8" x14ac:dyDescent="0.25">
      <c r="A29" s="1">
        <v>45647</v>
      </c>
      <c r="B29" t="s">
        <v>48</v>
      </c>
      <c r="C29" t="s">
        <v>50</v>
      </c>
      <c r="D29" t="s">
        <v>10</v>
      </c>
      <c r="E29" t="s">
        <v>11</v>
      </c>
      <c r="F29" s="2">
        <v>1</v>
      </c>
      <c r="G29" t="s">
        <v>49</v>
      </c>
      <c r="H29" t="s">
        <v>13</v>
      </c>
    </row>
    <row r="30" spans="1:8" x14ac:dyDescent="0.25">
      <c r="A30" s="1">
        <v>45646</v>
      </c>
      <c r="B30" t="s">
        <v>51</v>
      </c>
      <c r="C30" t="s">
        <v>52</v>
      </c>
      <c r="D30" t="s">
        <v>10</v>
      </c>
      <c r="E30" t="s">
        <v>11</v>
      </c>
      <c r="F30" s="2">
        <v>1</v>
      </c>
      <c r="G30" t="s">
        <v>53</v>
      </c>
      <c r="H30" t="s">
        <v>13</v>
      </c>
    </row>
    <row r="31" spans="1:8" x14ac:dyDescent="0.25">
      <c r="A31" s="1">
        <v>45646</v>
      </c>
      <c r="B31" t="s">
        <v>54</v>
      </c>
      <c r="C31" t="s">
        <v>35</v>
      </c>
      <c r="D31" t="s">
        <v>26</v>
      </c>
      <c r="E31" t="s">
        <v>11</v>
      </c>
      <c r="F31" s="2">
        <v>1</v>
      </c>
      <c r="G31" t="s">
        <v>20</v>
      </c>
      <c r="H31" t="s">
        <v>13</v>
      </c>
    </row>
    <row r="32" spans="1:8" x14ac:dyDescent="0.25">
      <c r="A32" s="1">
        <v>45646</v>
      </c>
      <c r="B32" t="s">
        <v>54</v>
      </c>
      <c r="C32" t="s">
        <v>47</v>
      </c>
      <c r="D32" t="s">
        <v>26</v>
      </c>
      <c r="E32" t="s">
        <v>11</v>
      </c>
      <c r="F32" s="2">
        <v>1</v>
      </c>
      <c r="G32" t="s">
        <v>20</v>
      </c>
      <c r="H32" t="s">
        <v>13</v>
      </c>
    </row>
    <row r="33" spans="1:8" x14ac:dyDescent="0.25">
      <c r="A33" s="1">
        <v>45646</v>
      </c>
      <c r="B33" t="s">
        <v>55</v>
      </c>
      <c r="C33" t="s">
        <v>35</v>
      </c>
      <c r="D33" t="s">
        <v>10</v>
      </c>
      <c r="E33" t="s">
        <v>11</v>
      </c>
      <c r="F33" s="2">
        <v>1</v>
      </c>
      <c r="G33" t="s">
        <v>44</v>
      </c>
      <c r="H33" t="s">
        <v>13</v>
      </c>
    </row>
    <row r="34" spans="1:8" x14ac:dyDescent="0.25">
      <c r="A34" s="1">
        <v>45646</v>
      </c>
      <c r="B34" t="s">
        <v>55</v>
      </c>
      <c r="C34" t="s">
        <v>56</v>
      </c>
      <c r="D34" t="s">
        <v>10</v>
      </c>
      <c r="E34" t="s">
        <v>11</v>
      </c>
      <c r="F34" s="2">
        <v>1</v>
      </c>
      <c r="G34" t="s">
        <v>44</v>
      </c>
      <c r="H34" t="s">
        <v>13</v>
      </c>
    </row>
    <row r="35" spans="1:8" x14ac:dyDescent="0.25">
      <c r="A35" s="1">
        <v>45645</v>
      </c>
      <c r="B35" t="s">
        <v>57</v>
      </c>
      <c r="C35" t="s">
        <v>58</v>
      </c>
      <c r="D35" t="s">
        <v>10</v>
      </c>
      <c r="E35" t="s">
        <v>11</v>
      </c>
      <c r="F35" s="2">
        <v>1</v>
      </c>
      <c r="G35" t="s">
        <v>53</v>
      </c>
      <c r="H35" t="s">
        <v>13</v>
      </c>
    </row>
    <row r="36" spans="1:8" x14ac:dyDescent="0.25">
      <c r="A36" s="1">
        <v>45644</v>
      </c>
      <c r="B36" t="s">
        <v>59</v>
      </c>
      <c r="C36" t="s">
        <v>60</v>
      </c>
      <c r="D36" t="s">
        <v>10</v>
      </c>
      <c r="E36" t="s">
        <v>11</v>
      </c>
      <c r="F36" s="2">
        <v>1</v>
      </c>
      <c r="G36" t="s">
        <v>61</v>
      </c>
      <c r="H36" t="s">
        <v>13</v>
      </c>
    </row>
    <row r="37" spans="1:8" x14ac:dyDescent="0.25">
      <c r="A37" s="1">
        <v>45644</v>
      </c>
      <c r="B37" t="s">
        <v>62</v>
      </c>
      <c r="C37" t="s">
        <v>9</v>
      </c>
      <c r="D37" t="s">
        <v>10</v>
      </c>
      <c r="E37" t="s">
        <v>11</v>
      </c>
      <c r="F37" s="2">
        <v>1</v>
      </c>
      <c r="G37" t="s">
        <v>63</v>
      </c>
      <c r="H37" t="s">
        <v>13</v>
      </c>
    </row>
    <row r="38" spans="1:8" x14ac:dyDescent="0.25">
      <c r="A38" s="1">
        <v>45644</v>
      </c>
      <c r="B38" t="s">
        <v>62</v>
      </c>
      <c r="C38" t="s">
        <v>64</v>
      </c>
      <c r="D38" t="s">
        <v>10</v>
      </c>
      <c r="E38" t="s">
        <v>11</v>
      </c>
      <c r="F38" s="2">
        <v>1</v>
      </c>
      <c r="G38" t="s">
        <v>63</v>
      </c>
      <c r="H38" t="s">
        <v>13</v>
      </c>
    </row>
    <row r="39" spans="1:8" x14ac:dyDescent="0.25">
      <c r="A39" s="1">
        <v>45644</v>
      </c>
      <c r="B39" t="s">
        <v>62</v>
      </c>
      <c r="C39" t="s">
        <v>65</v>
      </c>
      <c r="D39" t="s">
        <v>10</v>
      </c>
      <c r="E39" t="s">
        <v>11</v>
      </c>
      <c r="F39" s="2">
        <v>1</v>
      </c>
      <c r="G39" t="s">
        <v>63</v>
      </c>
      <c r="H39" t="s">
        <v>13</v>
      </c>
    </row>
    <row r="40" spans="1:8" x14ac:dyDescent="0.25">
      <c r="A40" s="1">
        <v>45643</v>
      </c>
      <c r="B40" t="s">
        <v>66</v>
      </c>
      <c r="C40" t="s">
        <v>52</v>
      </c>
      <c r="D40" t="s">
        <v>10</v>
      </c>
      <c r="E40" t="s">
        <v>11</v>
      </c>
      <c r="F40" s="2">
        <v>1</v>
      </c>
      <c r="G40" t="s">
        <v>67</v>
      </c>
      <c r="H40" t="s">
        <v>13</v>
      </c>
    </row>
    <row r="41" spans="1:8" x14ac:dyDescent="0.25">
      <c r="A41" s="1">
        <v>45643</v>
      </c>
      <c r="B41" t="s">
        <v>66</v>
      </c>
      <c r="C41" t="s">
        <v>32</v>
      </c>
      <c r="D41" t="s">
        <v>10</v>
      </c>
      <c r="E41" t="s">
        <v>11</v>
      </c>
      <c r="F41" s="2">
        <v>1</v>
      </c>
      <c r="G41" t="s">
        <v>67</v>
      </c>
      <c r="H41" t="s">
        <v>13</v>
      </c>
    </row>
    <row r="42" spans="1:8" x14ac:dyDescent="0.25">
      <c r="A42" s="1">
        <v>45641</v>
      </c>
      <c r="B42" t="s">
        <v>68</v>
      </c>
      <c r="C42" t="s">
        <v>47</v>
      </c>
      <c r="D42" t="s">
        <v>26</v>
      </c>
      <c r="E42" t="s">
        <v>11</v>
      </c>
      <c r="F42" s="2">
        <v>1</v>
      </c>
      <c r="G42" t="s">
        <v>53</v>
      </c>
      <c r="H42" t="s">
        <v>13</v>
      </c>
    </row>
    <row r="43" spans="1:8" x14ac:dyDescent="0.25">
      <c r="A43" s="1">
        <v>45640</v>
      </c>
      <c r="B43" t="s">
        <v>69</v>
      </c>
      <c r="C43" t="s">
        <v>58</v>
      </c>
      <c r="D43" t="s">
        <v>10</v>
      </c>
      <c r="E43" t="s">
        <v>11</v>
      </c>
      <c r="F43" s="2">
        <v>1</v>
      </c>
      <c r="G43" t="s">
        <v>70</v>
      </c>
      <c r="H43" t="s">
        <v>13</v>
      </c>
    </row>
    <row r="44" spans="1:8" x14ac:dyDescent="0.25">
      <c r="A44" s="1">
        <v>45640</v>
      </c>
      <c r="B44" t="s">
        <v>71</v>
      </c>
      <c r="C44" t="s">
        <v>19</v>
      </c>
      <c r="D44" t="s">
        <v>10</v>
      </c>
      <c r="E44" t="s">
        <v>11</v>
      </c>
      <c r="F44" s="2">
        <v>1</v>
      </c>
      <c r="G44" t="s">
        <v>72</v>
      </c>
      <c r="H44" t="s">
        <v>13</v>
      </c>
    </row>
    <row r="45" spans="1:8" x14ac:dyDescent="0.25">
      <c r="A45" s="1">
        <v>45639</v>
      </c>
      <c r="B45" t="s">
        <v>73</v>
      </c>
      <c r="C45" t="s">
        <v>74</v>
      </c>
      <c r="D45" t="s">
        <v>10</v>
      </c>
      <c r="E45" t="s">
        <v>11</v>
      </c>
      <c r="F45" s="2">
        <v>1</v>
      </c>
      <c r="G45" t="s">
        <v>22</v>
      </c>
      <c r="H45" t="s">
        <v>13</v>
      </c>
    </row>
    <row r="46" spans="1:8" x14ac:dyDescent="0.25">
      <c r="A46" s="1">
        <v>45639</v>
      </c>
      <c r="B46" t="s">
        <v>75</v>
      </c>
      <c r="C46" t="s">
        <v>76</v>
      </c>
      <c r="D46" t="s">
        <v>10</v>
      </c>
      <c r="E46" t="s">
        <v>11</v>
      </c>
      <c r="F46" s="2">
        <v>1</v>
      </c>
      <c r="G46" t="s">
        <v>77</v>
      </c>
      <c r="H46" t="s">
        <v>13</v>
      </c>
    </row>
    <row r="47" spans="1:8" x14ac:dyDescent="0.25">
      <c r="A47" s="1">
        <v>45639</v>
      </c>
      <c r="B47" t="s">
        <v>78</v>
      </c>
      <c r="C47" t="s">
        <v>79</v>
      </c>
      <c r="D47" t="s">
        <v>10</v>
      </c>
      <c r="E47" t="s">
        <v>11</v>
      </c>
      <c r="F47" s="2">
        <v>1</v>
      </c>
      <c r="G47" t="s">
        <v>53</v>
      </c>
      <c r="H47" t="s">
        <v>13</v>
      </c>
    </row>
    <row r="48" spans="1:8" x14ac:dyDescent="0.25">
      <c r="A48" s="1">
        <v>45639</v>
      </c>
      <c r="B48" t="s">
        <v>78</v>
      </c>
      <c r="C48" t="s">
        <v>80</v>
      </c>
      <c r="D48" t="s">
        <v>10</v>
      </c>
      <c r="E48" t="s">
        <v>11</v>
      </c>
      <c r="F48" s="2">
        <v>1</v>
      </c>
      <c r="G48" t="s">
        <v>53</v>
      </c>
      <c r="H48" t="s">
        <v>13</v>
      </c>
    </row>
    <row r="49" spans="1:8" x14ac:dyDescent="0.25">
      <c r="A49" s="1">
        <v>45638</v>
      </c>
      <c r="B49" t="s">
        <v>81</v>
      </c>
      <c r="C49" t="s">
        <v>79</v>
      </c>
      <c r="D49" t="s">
        <v>10</v>
      </c>
      <c r="E49" t="s">
        <v>11</v>
      </c>
      <c r="F49" s="2">
        <v>1</v>
      </c>
      <c r="G49" t="s">
        <v>37</v>
      </c>
      <c r="H49" t="s">
        <v>13</v>
      </c>
    </row>
    <row r="50" spans="1:8" x14ac:dyDescent="0.25">
      <c r="A50" s="1">
        <v>45638</v>
      </c>
      <c r="B50" t="s">
        <v>81</v>
      </c>
      <c r="C50" t="s">
        <v>47</v>
      </c>
      <c r="D50" t="s">
        <v>10</v>
      </c>
      <c r="E50" t="s">
        <v>11</v>
      </c>
      <c r="F50" s="2">
        <v>1</v>
      </c>
      <c r="G50" t="s">
        <v>37</v>
      </c>
      <c r="H50" t="s">
        <v>13</v>
      </c>
    </row>
    <row r="51" spans="1:8" x14ac:dyDescent="0.25">
      <c r="A51" s="1">
        <v>45638</v>
      </c>
      <c r="B51" t="s">
        <v>82</v>
      </c>
      <c r="C51" t="s">
        <v>47</v>
      </c>
      <c r="D51" t="s">
        <v>26</v>
      </c>
      <c r="E51" t="s">
        <v>11</v>
      </c>
      <c r="F51" s="2">
        <v>1</v>
      </c>
      <c r="G51" t="s">
        <v>83</v>
      </c>
      <c r="H51" t="s">
        <v>13</v>
      </c>
    </row>
    <row r="52" spans="1:8" x14ac:dyDescent="0.25">
      <c r="A52" s="1">
        <v>45638</v>
      </c>
      <c r="B52" t="s">
        <v>84</v>
      </c>
      <c r="C52" t="s">
        <v>58</v>
      </c>
      <c r="D52" t="s">
        <v>10</v>
      </c>
      <c r="E52" t="s">
        <v>11</v>
      </c>
      <c r="F52" s="2">
        <v>1</v>
      </c>
      <c r="G52" t="s">
        <v>22</v>
      </c>
      <c r="H52" t="s">
        <v>13</v>
      </c>
    </row>
    <row r="53" spans="1:8" x14ac:dyDescent="0.25">
      <c r="A53" s="1">
        <v>45637</v>
      </c>
      <c r="B53" t="s">
        <v>85</v>
      </c>
      <c r="C53" t="s">
        <v>86</v>
      </c>
      <c r="D53" t="s">
        <v>10</v>
      </c>
      <c r="E53" t="s">
        <v>11</v>
      </c>
      <c r="F53" s="2">
        <v>1</v>
      </c>
      <c r="G53" t="s">
        <v>70</v>
      </c>
      <c r="H53" t="s">
        <v>13</v>
      </c>
    </row>
    <row r="54" spans="1:8" x14ac:dyDescent="0.25">
      <c r="A54" s="1">
        <v>45635</v>
      </c>
      <c r="B54" t="s">
        <v>87</v>
      </c>
      <c r="C54" t="s">
        <v>88</v>
      </c>
      <c r="D54" t="s">
        <v>26</v>
      </c>
      <c r="E54" t="s">
        <v>11</v>
      </c>
      <c r="F54" s="2">
        <v>1</v>
      </c>
      <c r="G54" t="s">
        <v>40</v>
      </c>
      <c r="H54" t="s">
        <v>13</v>
      </c>
    </row>
    <row r="55" spans="1:8" x14ac:dyDescent="0.25">
      <c r="A55" s="1">
        <v>45634</v>
      </c>
      <c r="B55" t="s">
        <v>89</v>
      </c>
      <c r="C55" t="s">
        <v>47</v>
      </c>
      <c r="D55" t="s">
        <v>10</v>
      </c>
      <c r="E55" t="s">
        <v>11</v>
      </c>
      <c r="F55" s="2">
        <v>1</v>
      </c>
      <c r="G55" t="s">
        <v>90</v>
      </c>
      <c r="H55" t="s">
        <v>13</v>
      </c>
    </row>
    <row r="56" spans="1:8" x14ac:dyDescent="0.25">
      <c r="A56" s="1">
        <v>45633</v>
      </c>
      <c r="B56" t="s">
        <v>91</v>
      </c>
      <c r="C56" t="s">
        <v>92</v>
      </c>
      <c r="D56" t="s">
        <v>10</v>
      </c>
      <c r="E56" t="s">
        <v>11</v>
      </c>
      <c r="F56" s="2">
        <v>1</v>
      </c>
      <c r="G56" t="s">
        <v>93</v>
      </c>
      <c r="H56" t="s">
        <v>13</v>
      </c>
    </row>
    <row r="57" spans="1:8" x14ac:dyDescent="0.25">
      <c r="A57" s="1">
        <v>45632</v>
      </c>
      <c r="B57" t="s">
        <v>94</v>
      </c>
      <c r="C57" t="s">
        <v>9</v>
      </c>
      <c r="D57" t="s">
        <v>10</v>
      </c>
      <c r="E57" t="s">
        <v>11</v>
      </c>
      <c r="F57" s="2">
        <v>1</v>
      </c>
      <c r="G57" t="s">
        <v>95</v>
      </c>
      <c r="H57" t="s">
        <v>13</v>
      </c>
    </row>
    <row r="58" spans="1:8" x14ac:dyDescent="0.25">
      <c r="A58" s="1">
        <v>45632</v>
      </c>
      <c r="B58" t="s">
        <v>94</v>
      </c>
      <c r="C58" t="s">
        <v>35</v>
      </c>
      <c r="D58" t="s">
        <v>10</v>
      </c>
      <c r="E58" t="s">
        <v>11</v>
      </c>
      <c r="F58" s="2">
        <v>1</v>
      </c>
      <c r="G58" t="s">
        <v>95</v>
      </c>
      <c r="H58" t="s">
        <v>13</v>
      </c>
    </row>
    <row r="59" spans="1:8" x14ac:dyDescent="0.25">
      <c r="A59" s="1">
        <v>45632</v>
      </c>
      <c r="B59" t="s">
        <v>94</v>
      </c>
      <c r="C59" t="s">
        <v>96</v>
      </c>
      <c r="D59" t="s">
        <v>10</v>
      </c>
      <c r="E59" t="s">
        <v>11</v>
      </c>
      <c r="F59" s="2">
        <v>1</v>
      </c>
      <c r="G59" t="s">
        <v>95</v>
      </c>
      <c r="H59" t="s">
        <v>13</v>
      </c>
    </row>
    <row r="60" spans="1:8" x14ac:dyDescent="0.25">
      <c r="A60" s="1">
        <v>45632</v>
      </c>
      <c r="B60" t="s">
        <v>97</v>
      </c>
      <c r="C60" t="s">
        <v>79</v>
      </c>
      <c r="D60" t="s">
        <v>10</v>
      </c>
      <c r="E60" t="s">
        <v>11</v>
      </c>
      <c r="F60" s="2">
        <v>1</v>
      </c>
      <c r="G60" t="s">
        <v>98</v>
      </c>
      <c r="H60" t="s">
        <v>13</v>
      </c>
    </row>
    <row r="61" spans="1:8" x14ac:dyDescent="0.25">
      <c r="A61" s="1">
        <v>45632</v>
      </c>
      <c r="B61" t="s">
        <v>97</v>
      </c>
      <c r="C61" t="s">
        <v>80</v>
      </c>
      <c r="D61" t="s">
        <v>10</v>
      </c>
      <c r="E61" t="s">
        <v>11</v>
      </c>
      <c r="F61" s="2">
        <v>1</v>
      </c>
      <c r="G61" t="s">
        <v>98</v>
      </c>
      <c r="H61" t="s">
        <v>13</v>
      </c>
    </row>
    <row r="62" spans="1:8" x14ac:dyDescent="0.25">
      <c r="A62" s="1">
        <v>45631</v>
      </c>
      <c r="B62" t="s">
        <v>99</v>
      </c>
      <c r="C62" t="s">
        <v>79</v>
      </c>
      <c r="D62" t="s">
        <v>10</v>
      </c>
      <c r="E62" t="s">
        <v>11</v>
      </c>
      <c r="F62" s="2">
        <v>1</v>
      </c>
      <c r="G62" t="s">
        <v>100</v>
      </c>
      <c r="H62" t="s">
        <v>13</v>
      </c>
    </row>
    <row r="63" spans="1:8" x14ac:dyDescent="0.25">
      <c r="A63" s="1">
        <v>45631</v>
      </c>
      <c r="B63" t="s">
        <v>99</v>
      </c>
      <c r="C63" t="s">
        <v>80</v>
      </c>
      <c r="D63" t="s">
        <v>10</v>
      </c>
      <c r="E63" t="s">
        <v>11</v>
      </c>
      <c r="F63" s="2">
        <v>1</v>
      </c>
      <c r="G63" t="s">
        <v>100</v>
      </c>
      <c r="H63" t="s">
        <v>13</v>
      </c>
    </row>
    <row r="64" spans="1:8" x14ac:dyDescent="0.25">
      <c r="A64" s="1">
        <v>45631</v>
      </c>
      <c r="B64" t="s">
        <v>101</v>
      </c>
      <c r="C64" t="s">
        <v>79</v>
      </c>
      <c r="D64" t="s">
        <v>26</v>
      </c>
      <c r="E64" t="s">
        <v>11</v>
      </c>
      <c r="F64" s="2">
        <v>1</v>
      </c>
      <c r="G64" t="s">
        <v>102</v>
      </c>
      <c r="H64" t="s">
        <v>13</v>
      </c>
    </row>
    <row r="65" spans="1:8" x14ac:dyDescent="0.25">
      <c r="A65" s="1">
        <v>45631</v>
      </c>
      <c r="B65" t="s">
        <v>101</v>
      </c>
      <c r="C65" t="s">
        <v>103</v>
      </c>
      <c r="D65" t="s">
        <v>26</v>
      </c>
      <c r="E65" t="s">
        <v>11</v>
      </c>
      <c r="F65" s="2">
        <v>1</v>
      </c>
      <c r="G65" t="s">
        <v>102</v>
      </c>
      <c r="H65" t="s">
        <v>13</v>
      </c>
    </row>
    <row r="66" spans="1:8" x14ac:dyDescent="0.25">
      <c r="A66" s="1">
        <v>45631</v>
      </c>
      <c r="B66" t="s">
        <v>101</v>
      </c>
      <c r="C66" t="s">
        <v>80</v>
      </c>
      <c r="D66" t="s">
        <v>26</v>
      </c>
      <c r="E66" t="s">
        <v>11</v>
      </c>
      <c r="F66" s="2">
        <v>1</v>
      </c>
      <c r="G66" t="s">
        <v>102</v>
      </c>
      <c r="H66" t="s">
        <v>13</v>
      </c>
    </row>
    <row r="67" spans="1:8" x14ac:dyDescent="0.25">
      <c r="A67" s="1">
        <v>45630</v>
      </c>
      <c r="B67" t="s">
        <v>104</v>
      </c>
      <c r="C67" t="s">
        <v>58</v>
      </c>
      <c r="D67" t="s">
        <v>10</v>
      </c>
      <c r="E67" t="s">
        <v>11</v>
      </c>
      <c r="F67" s="2">
        <v>1</v>
      </c>
      <c r="G67" t="s">
        <v>53</v>
      </c>
      <c r="H67" t="s">
        <v>13</v>
      </c>
    </row>
    <row r="68" spans="1:8" x14ac:dyDescent="0.25">
      <c r="A68" s="1">
        <v>45629</v>
      </c>
      <c r="B68" t="s">
        <v>105</v>
      </c>
      <c r="C68" t="s">
        <v>9</v>
      </c>
      <c r="D68" t="s">
        <v>26</v>
      </c>
      <c r="E68" t="s">
        <v>11</v>
      </c>
      <c r="F68" s="2">
        <v>1</v>
      </c>
      <c r="G68" t="s">
        <v>20</v>
      </c>
      <c r="H68" t="s">
        <v>13</v>
      </c>
    </row>
    <row r="69" spans="1:8" x14ac:dyDescent="0.25">
      <c r="A69" s="1">
        <v>45628</v>
      </c>
      <c r="B69" t="s">
        <v>106</v>
      </c>
      <c r="C69" t="s">
        <v>9</v>
      </c>
      <c r="D69" t="s">
        <v>10</v>
      </c>
      <c r="E69" t="s">
        <v>11</v>
      </c>
      <c r="F69" s="2">
        <v>1</v>
      </c>
      <c r="G69" t="s">
        <v>70</v>
      </c>
      <c r="H69" t="s">
        <v>13</v>
      </c>
    </row>
    <row r="70" spans="1:8" x14ac:dyDescent="0.25">
      <c r="A70" s="1">
        <v>45628</v>
      </c>
      <c r="B70" t="s">
        <v>106</v>
      </c>
      <c r="C70" t="s">
        <v>47</v>
      </c>
      <c r="D70" t="s">
        <v>10</v>
      </c>
      <c r="E70" t="s">
        <v>11</v>
      </c>
      <c r="F70" s="2">
        <v>1</v>
      </c>
      <c r="G70" t="s">
        <v>70</v>
      </c>
      <c r="H70" t="s">
        <v>13</v>
      </c>
    </row>
    <row r="71" spans="1:8" x14ac:dyDescent="0.25">
      <c r="A71" s="1">
        <v>45627</v>
      </c>
      <c r="B71" t="s">
        <v>107</v>
      </c>
      <c r="C71" t="s">
        <v>79</v>
      </c>
      <c r="D71" t="s">
        <v>10</v>
      </c>
      <c r="E71" t="s">
        <v>11</v>
      </c>
      <c r="F71" s="2">
        <v>1</v>
      </c>
      <c r="G71" t="s">
        <v>37</v>
      </c>
      <c r="H71" t="s">
        <v>13</v>
      </c>
    </row>
    <row r="72" spans="1:8" x14ac:dyDescent="0.25">
      <c r="A72" s="1">
        <v>45627</v>
      </c>
      <c r="B72" t="s">
        <v>107</v>
      </c>
      <c r="C72" t="s">
        <v>80</v>
      </c>
      <c r="D72" t="s">
        <v>10</v>
      </c>
      <c r="E72" t="s">
        <v>11</v>
      </c>
      <c r="F72" s="2">
        <v>1</v>
      </c>
      <c r="G72" t="s">
        <v>37</v>
      </c>
      <c r="H72" t="s">
        <v>13</v>
      </c>
    </row>
    <row r="73" spans="1:8" x14ac:dyDescent="0.25">
      <c r="A73" s="1">
        <v>45627</v>
      </c>
      <c r="B73" t="s">
        <v>108</v>
      </c>
      <c r="C73" t="s">
        <v>79</v>
      </c>
      <c r="D73" t="s">
        <v>10</v>
      </c>
      <c r="E73" t="s">
        <v>11</v>
      </c>
      <c r="F73" s="2">
        <v>1</v>
      </c>
      <c r="G73" t="s">
        <v>109</v>
      </c>
      <c r="H73" t="s">
        <v>13</v>
      </c>
    </row>
    <row r="74" spans="1:8" x14ac:dyDescent="0.25">
      <c r="A74" s="1">
        <v>45627</v>
      </c>
      <c r="B74" t="s">
        <v>108</v>
      </c>
      <c r="C74" t="s">
        <v>103</v>
      </c>
      <c r="D74" t="s">
        <v>10</v>
      </c>
      <c r="E74" t="s">
        <v>11</v>
      </c>
      <c r="F74" s="2">
        <v>1</v>
      </c>
      <c r="G74" t="s">
        <v>109</v>
      </c>
      <c r="H74" t="s">
        <v>13</v>
      </c>
    </row>
    <row r="75" spans="1:8" x14ac:dyDescent="0.25">
      <c r="A75" s="1">
        <v>45627</v>
      </c>
      <c r="B75" t="s">
        <v>108</v>
      </c>
      <c r="C75" t="s">
        <v>80</v>
      </c>
      <c r="D75" t="s">
        <v>10</v>
      </c>
      <c r="E75" t="s">
        <v>11</v>
      </c>
      <c r="F75" s="2">
        <v>1</v>
      </c>
      <c r="G75" t="s">
        <v>109</v>
      </c>
      <c r="H75" t="s">
        <v>13</v>
      </c>
    </row>
    <row r="76" spans="1:8" x14ac:dyDescent="0.25">
      <c r="A76" s="1">
        <v>45627</v>
      </c>
      <c r="B76" t="s">
        <v>110</v>
      </c>
      <c r="C76" t="s">
        <v>14</v>
      </c>
      <c r="D76" t="s">
        <v>10</v>
      </c>
      <c r="E76" t="s">
        <v>11</v>
      </c>
      <c r="F76" s="2">
        <v>1</v>
      </c>
      <c r="G76" t="s">
        <v>111</v>
      </c>
      <c r="H76" t="s">
        <v>13</v>
      </c>
    </row>
    <row r="77" spans="1:8" x14ac:dyDescent="0.25">
      <c r="A77" s="1">
        <v>45626</v>
      </c>
      <c r="B77" t="s">
        <v>112</v>
      </c>
      <c r="C77" t="s">
        <v>96</v>
      </c>
      <c r="D77" t="s">
        <v>10</v>
      </c>
      <c r="E77" t="s">
        <v>11</v>
      </c>
      <c r="F77" s="2">
        <v>1</v>
      </c>
      <c r="G77" t="s">
        <v>113</v>
      </c>
      <c r="H77" t="s">
        <v>13</v>
      </c>
    </row>
    <row r="78" spans="1:8" x14ac:dyDescent="0.25">
      <c r="A78" s="1">
        <v>45626</v>
      </c>
      <c r="B78" t="s">
        <v>114</v>
      </c>
      <c r="C78" t="s">
        <v>115</v>
      </c>
      <c r="D78" t="s">
        <v>10</v>
      </c>
      <c r="E78" t="s">
        <v>11</v>
      </c>
      <c r="F78" s="2">
        <v>1</v>
      </c>
      <c r="G78" t="s">
        <v>70</v>
      </c>
      <c r="H78" t="s">
        <v>13</v>
      </c>
    </row>
    <row r="79" spans="1:8" x14ac:dyDescent="0.25">
      <c r="A79" s="1">
        <v>45626</v>
      </c>
      <c r="B79" t="s">
        <v>116</v>
      </c>
      <c r="C79" t="s">
        <v>9</v>
      </c>
      <c r="D79" t="s">
        <v>10</v>
      </c>
      <c r="E79" t="s">
        <v>11</v>
      </c>
      <c r="F79" s="2">
        <v>1</v>
      </c>
      <c r="G79" t="s">
        <v>117</v>
      </c>
      <c r="H79" t="s">
        <v>13</v>
      </c>
    </row>
    <row r="80" spans="1:8" x14ac:dyDescent="0.25">
      <c r="A80" s="1">
        <v>45626</v>
      </c>
      <c r="B80" t="s">
        <v>116</v>
      </c>
      <c r="C80" t="s">
        <v>118</v>
      </c>
      <c r="D80" t="s">
        <v>10</v>
      </c>
      <c r="E80" t="s">
        <v>11</v>
      </c>
      <c r="F80" s="2">
        <v>1</v>
      </c>
      <c r="G80" t="s">
        <v>117</v>
      </c>
      <c r="H80" t="s">
        <v>13</v>
      </c>
    </row>
    <row r="81" spans="1:8" x14ac:dyDescent="0.25">
      <c r="A81" s="1">
        <v>45626</v>
      </c>
      <c r="B81" t="s">
        <v>116</v>
      </c>
      <c r="C81" t="s">
        <v>35</v>
      </c>
      <c r="D81" t="s">
        <v>10</v>
      </c>
      <c r="E81" t="s">
        <v>11</v>
      </c>
      <c r="F81" s="2">
        <v>1</v>
      </c>
      <c r="G81" t="s">
        <v>117</v>
      </c>
      <c r="H81" t="s">
        <v>13</v>
      </c>
    </row>
    <row r="82" spans="1:8" x14ac:dyDescent="0.25">
      <c r="A82" s="1">
        <v>45626</v>
      </c>
      <c r="B82" t="s">
        <v>119</v>
      </c>
      <c r="C82" t="s">
        <v>120</v>
      </c>
      <c r="D82" t="s">
        <v>10</v>
      </c>
      <c r="E82" t="s">
        <v>11</v>
      </c>
      <c r="F82" s="2">
        <v>1</v>
      </c>
      <c r="G82" t="s">
        <v>70</v>
      </c>
      <c r="H82" t="s">
        <v>13</v>
      </c>
    </row>
    <row r="83" spans="1:8" x14ac:dyDescent="0.25">
      <c r="A83" s="1">
        <v>45626</v>
      </c>
      <c r="B83" t="s">
        <v>119</v>
      </c>
      <c r="C83" t="s">
        <v>121</v>
      </c>
      <c r="D83" t="s">
        <v>10</v>
      </c>
      <c r="E83" t="s">
        <v>11</v>
      </c>
      <c r="F83" s="2">
        <v>1</v>
      </c>
      <c r="G83" t="s">
        <v>70</v>
      </c>
      <c r="H83" t="s">
        <v>13</v>
      </c>
    </row>
    <row r="84" spans="1:8" x14ac:dyDescent="0.25">
      <c r="A84" s="1">
        <v>45625</v>
      </c>
      <c r="B84" t="s">
        <v>122</v>
      </c>
      <c r="C84" t="s">
        <v>32</v>
      </c>
      <c r="D84" t="s">
        <v>10</v>
      </c>
      <c r="E84" t="s">
        <v>11</v>
      </c>
      <c r="F84" s="2">
        <v>1</v>
      </c>
      <c r="G84" t="s">
        <v>123</v>
      </c>
      <c r="H84" t="s">
        <v>13</v>
      </c>
    </row>
    <row r="85" spans="1:8" x14ac:dyDescent="0.25">
      <c r="A85" s="1">
        <v>45624</v>
      </c>
      <c r="B85" t="s">
        <v>124</v>
      </c>
      <c r="C85" t="s">
        <v>74</v>
      </c>
      <c r="D85" t="s">
        <v>10</v>
      </c>
      <c r="E85" t="s">
        <v>11</v>
      </c>
      <c r="F85" s="2">
        <v>1</v>
      </c>
      <c r="G85" t="s">
        <v>125</v>
      </c>
      <c r="H85" t="s">
        <v>13</v>
      </c>
    </row>
    <row r="86" spans="1:8" x14ac:dyDescent="0.25">
      <c r="A86" s="1">
        <v>45624</v>
      </c>
      <c r="B86" t="s">
        <v>124</v>
      </c>
      <c r="C86" t="s">
        <v>126</v>
      </c>
      <c r="D86" t="s">
        <v>10</v>
      </c>
      <c r="E86" t="s">
        <v>11</v>
      </c>
      <c r="F86" s="2">
        <v>1</v>
      </c>
      <c r="G86" t="s">
        <v>125</v>
      </c>
      <c r="H86" t="s">
        <v>13</v>
      </c>
    </row>
    <row r="87" spans="1:8" x14ac:dyDescent="0.25">
      <c r="A87" s="1">
        <v>45624</v>
      </c>
      <c r="B87" t="s">
        <v>124</v>
      </c>
      <c r="C87" t="s">
        <v>127</v>
      </c>
      <c r="D87" t="s">
        <v>10</v>
      </c>
      <c r="E87" t="s">
        <v>11</v>
      </c>
      <c r="F87" s="2">
        <v>1</v>
      </c>
      <c r="G87" t="s">
        <v>125</v>
      </c>
      <c r="H87" t="s">
        <v>13</v>
      </c>
    </row>
    <row r="88" spans="1:8" x14ac:dyDescent="0.25">
      <c r="A88" s="1">
        <v>45623</v>
      </c>
      <c r="B88" t="s">
        <v>128</v>
      </c>
      <c r="C88" t="s">
        <v>86</v>
      </c>
      <c r="D88" t="s">
        <v>10</v>
      </c>
      <c r="E88" t="s">
        <v>11</v>
      </c>
      <c r="F88" s="2">
        <v>1</v>
      </c>
      <c r="G88" t="s">
        <v>70</v>
      </c>
      <c r="H88" t="s">
        <v>13</v>
      </c>
    </row>
    <row r="89" spans="1:8" x14ac:dyDescent="0.25">
      <c r="A89" s="1">
        <v>45622</v>
      </c>
      <c r="B89" t="s">
        <v>129</v>
      </c>
      <c r="C89" t="s">
        <v>9</v>
      </c>
      <c r="D89" t="s">
        <v>10</v>
      </c>
      <c r="E89" t="s">
        <v>11</v>
      </c>
      <c r="F89" s="2">
        <v>1</v>
      </c>
      <c r="G89" t="s">
        <v>46</v>
      </c>
      <c r="H89" t="s">
        <v>13</v>
      </c>
    </row>
    <row r="90" spans="1:8" x14ac:dyDescent="0.25">
      <c r="A90" s="1">
        <v>45620</v>
      </c>
      <c r="B90" t="s">
        <v>130</v>
      </c>
      <c r="C90" t="s">
        <v>9</v>
      </c>
      <c r="D90" t="s">
        <v>10</v>
      </c>
      <c r="E90" t="s">
        <v>11</v>
      </c>
      <c r="F90" s="2">
        <v>1</v>
      </c>
      <c r="G90" t="s">
        <v>131</v>
      </c>
      <c r="H90" t="s">
        <v>13</v>
      </c>
    </row>
    <row r="91" spans="1:8" x14ac:dyDescent="0.25">
      <c r="A91" s="1">
        <v>45618</v>
      </c>
      <c r="B91" t="s">
        <v>132</v>
      </c>
      <c r="C91" t="s">
        <v>79</v>
      </c>
      <c r="D91" t="s">
        <v>10</v>
      </c>
      <c r="E91" t="s">
        <v>11</v>
      </c>
      <c r="F91" s="2">
        <v>1</v>
      </c>
      <c r="G91" t="s">
        <v>72</v>
      </c>
      <c r="H91" t="s">
        <v>13</v>
      </c>
    </row>
    <row r="92" spans="1:8" x14ac:dyDescent="0.25">
      <c r="A92" s="1">
        <v>45618</v>
      </c>
      <c r="B92" t="s">
        <v>132</v>
      </c>
      <c r="C92" t="s">
        <v>80</v>
      </c>
      <c r="D92" t="s">
        <v>10</v>
      </c>
      <c r="E92" t="s">
        <v>11</v>
      </c>
      <c r="F92" s="2">
        <v>1</v>
      </c>
      <c r="G92" t="s">
        <v>72</v>
      </c>
      <c r="H92" t="s">
        <v>13</v>
      </c>
    </row>
    <row r="93" spans="1:8" x14ac:dyDescent="0.25">
      <c r="A93" s="1">
        <v>45618</v>
      </c>
      <c r="B93" t="s">
        <v>133</v>
      </c>
      <c r="C93" t="s">
        <v>9</v>
      </c>
      <c r="D93" t="s">
        <v>10</v>
      </c>
      <c r="E93" t="s">
        <v>11</v>
      </c>
      <c r="F93" s="2">
        <v>1</v>
      </c>
      <c r="G93" t="s">
        <v>37</v>
      </c>
      <c r="H93" t="s">
        <v>13</v>
      </c>
    </row>
    <row r="94" spans="1:8" x14ac:dyDescent="0.25">
      <c r="A94" s="1">
        <v>45618</v>
      </c>
      <c r="B94" t="s">
        <v>133</v>
      </c>
      <c r="C94" t="s">
        <v>35</v>
      </c>
      <c r="D94" t="s">
        <v>10</v>
      </c>
      <c r="E94" t="s">
        <v>11</v>
      </c>
      <c r="F94" s="2">
        <v>1</v>
      </c>
      <c r="G94" t="s">
        <v>37</v>
      </c>
      <c r="H94" t="s">
        <v>13</v>
      </c>
    </row>
    <row r="95" spans="1:8" x14ac:dyDescent="0.25">
      <c r="A95" s="1">
        <v>45618</v>
      </c>
      <c r="B95" t="s">
        <v>134</v>
      </c>
      <c r="C95" t="s">
        <v>35</v>
      </c>
      <c r="D95" t="s">
        <v>10</v>
      </c>
      <c r="E95" t="s">
        <v>11</v>
      </c>
      <c r="F95" s="2">
        <v>1</v>
      </c>
      <c r="G95" t="s">
        <v>135</v>
      </c>
      <c r="H95" t="s">
        <v>13</v>
      </c>
    </row>
    <row r="96" spans="1:8" x14ac:dyDescent="0.25">
      <c r="A96" s="1">
        <v>45618</v>
      </c>
      <c r="B96" t="s">
        <v>134</v>
      </c>
      <c r="C96" t="s">
        <v>32</v>
      </c>
      <c r="D96" t="s">
        <v>10</v>
      </c>
      <c r="E96" t="s">
        <v>11</v>
      </c>
      <c r="F96" s="2">
        <v>1</v>
      </c>
      <c r="G96" t="s">
        <v>135</v>
      </c>
      <c r="H96" t="s">
        <v>13</v>
      </c>
    </row>
    <row r="97" spans="1:8" x14ac:dyDescent="0.25">
      <c r="A97" s="1">
        <v>45617</v>
      </c>
      <c r="B97" t="s">
        <v>136</v>
      </c>
      <c r="C97" t="s">
        <v>19</v>
      </c>
      <c r="D97" t="s">
        <v>10</v>
      </c>
      <c r="E97" t="s">
        <v>11</v>
      </c>
      <c r="F97" s="2">
        <v>1</v>
      </c>
      <c r="G97" t="s">
        <v>137</v>
      </c>
      <c r="H97" t="s">
        <v>13</v>
      </c>
    </row>
    <row r="98" spans="1:8" x14ac:dyDescent="0.25">
      <c r="A98" s="1">
        <v>45617</v>
      </c>
      <c r="B98" t="s">
        <v>138</v>
      </c>
      <c r="C98" t="s">
        <v>65</v>
      </c>
      <c r="D98" t="s">
        <v>10</v>
      </c>
      <c r="E98" t="s">
        <v>11</v>
      </c>
      <c r="F98" s="2">
        <v>1</v>
      </c>
      <c r="G98" t="s">
        <v>27</v>
      </c>
      <c r="H98" t="s">
        <v>13</v>
      </c>
    </row>
    <row r="99" spans="1:8" x14ac:dyDescent="0.25">
      <c r="A99" s="1">
        <v>45616</v>
      </c>
      <c r="B99" t="s">
        <v>139</v>
      </c>
      <c r="C99" t="s">
        <v>140</v>
      </c>
      <c r="D99" t="s">
        <v>10</v>
      </c>
      <c r="E99" t="s">
        <v>11</v>
      </c>
      <c r="F99" s="2">
        <v>1</v>
      </c>
      <c r="G99" t="s">
        <v>44</v>
      </c>
      <c r="H99" t="s">
        <v>13</v>
      </c>
    </row>
    <row r="100" spans="1:8" x14ac:dyDescent="0.25">
      <c r="A100" s="1">
        <v>45611</v>
      </c>
      <c r="B100" t="s">
        <v>141</v>
      </c>
      <c r="C100" t="s">
        <v>142</v>
      </c>
      <c r="D100" t="s">
        <v>10</v>
      </c>
      <c r="E100" t="s">
        <v>11</v>
      </c>
      <c r="F100" s="2">
        <v>1</v>
      </c>
      <c r="G100" t="s">
        <v>143</v>
      </c>
      <c r="H100" t="s">
        <v>13</v>
      </c>
    </row>
    <row r="101" spans="1:8" x14ac:dyDescent="0.25">
      <c r="A101" s="1">
        <v>45611</v>
      </c>
      <c r="B101" t="s">
        <v>141</v>
      </c>
      <c r="C101" t="s">
        <v>16</v>
      </c>
      <c r="D101" t="s">
        <v>10</v>
      </c>
      <c r="E101" t="s">
        <v>11</v>
      </c>
      <c r="F101" s="2">
        <v>1</v>
      </c>
      <c r="G101" t="s">
        <v>143</v>
      </c>
      <c r="H101" t="s">
        <v>13</v>
      </c>
    </row>
    <row r="102" spans="1:8" x14ac:dyDescent="0.25">
      <c r="A102" s="1">
        <v>45611</v>
      </c>
      <c r="B102" t="s">
        <v>144</v>
      </c>
      <c r="C102" t="s">
        <v>19</v>
      </c>
      <c r="D102" t="s">
        <v>10</v>
      </c>
      <c r="E102" t="s">
        <v>11</v>
      </c>
      <c r="F102" s="2">
        <v>1</v>
      </c>
      <c r="G102" t="s">
        <v>145</v>
      </c>
      <c r="H102" t="s">
        <v>13</v>
      </c>
    </row>
    <row r="103" spans="1:8" x14ac:dyDescent="0.25">
      <c r="A103" s="1">
        <v>45606</v>
      </c>
      <c r="B103" t="s">
        <v>146</v>
      </c>
      <c r="C103" t="s">
        <v>9</v>
      </c>
      <c r="D103" t="s">
        <v>10</v>
      </c>
      <c r="E103" t="s">
        <v>11</v>
      </c>
      <c r="F103" s="2">
        <v>1</v>
      </c>
      <c r="G103" t="s">
        <v>147</v>
      </c>
      <c r="H103" t="s">
        <v>13</v>
      </c>
    </row>
    <row r="104" spans="1:8" x14ac:dyDescent="0.25">
      <c r="A104" s="1">
        <v>45606</v>
      </c>
      <c r="B104" t="s">
        <v>146</v>
      </c>
      <c r="C104" t="s">
        <v>47</v>
      </c>
      <c r="D104" t="s">
        <v>10</v>
      </c>
      <c r="E104" t="s">
        <v>11</v>
      </c>
      <c r="F104" s="2">
        <v>1</v>
      </c>
      <c r="G104" t="s">
        <v>147</v>
      </c>
      <c r="H104" t="s">
        <v>13</v>
      </c>
    </row>
    <row r="105" spans="1:8" x14ac:dyDescent="0.25">
      <c r="A105" s="1">
        <v>45605</v>
      </c>
      <c r="B105" t="s">
        <v>148</v>
      </c>
      <c r="C105" t="s">
        <v>9</v>
      </c>
      <c r="D105" t="s">
        <v>10</v>
      </c>
      <c r="E105" t="s">
        <v>11</v>
      </c>
      <c r="F105" s="2">
        <v>1</v>
      </c>
      <c r="G105" t="s">
        <v>20</v>
      </c>
      <c r="H105" t="s">
        <v>13</v>
      </c>
    </row>
    <row r="106" spans="1:8" x14ac:dyDescent="0.25">
      <c r="A106" s="1">
        <v>45605</v>
      </c>
      <c r="B106" t="s">
        <v>148</v>
      </c>
      <c r="C106" t="s">
        <v>149</v>
      </c>
      <c r="D106" t="s">
        <v>10</v>
      </c>
      <c r="E106" t="s">
        <v>11</v>
      </c>
      <c r="F106" s="2">
        <v>1</v>
      </c>
      <c r="G106" t="s">
        <v>20</v>
      </c>
      <c r="H106" t="s">
        <v>13</v>
      </c>
    </row>
    <row r="107" spans="1:8" x14ac:dyDescent="0.25">
      <c r="A107" s="1">
        <v>45605</v>
      </c>
      <c r="B107" t="s">
        <v>148</v>
      </c>
      <c r="C107" t="s">
        <v>56</v>
      </c>
      <c r="D107" t="s">
        <v>10</v>
      </c>
      <c r="E107" t="s">
        <v>11</v>
      </c>
      <c r="F107" s="2">
        <v>1</v>
      </c>
      <c r="G107" t="s">
        <v>20</v>
      </c>
      <c r="H107" t="s">
        <v>13</v>
      </c>
    </row>
    <row r="108" spans="1:8" x14ac:dyDescent="0.25">
      <c r="A108" s="1">
        <v>45605</v>
      </c>
      <c r="B108" t="s">
        <v>148</v>
      </c>
      <c r="C108" t="s">
        <v>150</v>
      </c>
      <c r="D108" t="s">
        <v>10</v>
      </c>
      <c r="E108" t="s">
        <v>11</v>
      </c>
      <c r="F108" s="2">
        <v>1</v>
      </c>
      <c r="G108" t="s">
        <v>20</v>
      </c>
      <c r="H108" t="s">
        <v>13</v>
      </c>
    </row>
    <row r="109" spans="1:8" x14ac:dyDescent="0.25">
      <c r="A109" s="1">
        <v>45605</v>
      </c>
      <c r="B109" t="s">
        <v>148</v>
      </c>
      <c r="C109" t="s">
        <v>151</v>
      </c>
      <c r="D109" t="s">
        <v>10</v>
      </c>
      <c r="E109" t="s">
        <v>11</v>
      </c>
      <c r="F109" s="2">
        <v>1</v>
      </c>
      <c r="G109" t="s">
        <v>20</v>
      </c>
      <c r="H109" t="s">
        <v>13</v>
      </c>
    </row>
    <row r="110" spans="1:8" x14ac:dyDescent="0.25">
      <c r="A110" s="1">
        <v>45605</v>
      </c>
      <c r="B110" t="s">
        <v>152</v>
      </c>
      <c r="C110" t="s">
        <v>153</v>
      </c>
      <c r="D110" t="s">
        <v>10</v>
      </c>
      <c r="E110" t="s">
        <v>11</v>
      </c>
      <c r="F110" s="2">
        <v>1</v>
      </c>
      <c r="G110" t="s">
        <v>154</v>
      </c>
      <c r="H110" t="s">
        <v>13</v>
      </c>
    </row>
    <row r="111" spans="1:8" x14ac:dyDescent="0.25">
      <c r="A111" s="1">
        <v>45605</v>
      </c>
      <c r="B111" t="s">
        <v>152</v>
      </c>
      <c r="C111" t="s">
        <v>153</v>
      </c>
      <c r="D111" t="s">
        <v>10</v>
      </c>
      <c r="E111" t="s">
        <v>11</v>
      </c>
      <c r="F111" s="2">
        <v>1</v>
      </c>
      <c r="G111" t="s">
        <v>154</v>
      </c>
      <c r="H111" t="s">
        <v>13</v>
      </c>
    </row>
    <row r="112" spans="1:8" x14ac:dyDescent="0.25">
      <c r="A112" s="1">
        <v>45605</v>
      </c>
      <c r="B112" t="s">
        <v>152</v>
      </c>
      <c r="C112" t="s">
        <v>155</v>
      </c>
      <c r="D112" t="s">
        <v>10</v>
      </c>
      <c r="E112" t="s">
        <v>11</v>
      </c>
      <c r="F112" s="2">
        <v>1</v>
      </c>
      <c r="G112" t="s">
        <v>154</v>
      </c>
      <c r="H112" t="s">
        <v>13</v>
      </c>
    </row>
    <row r="113" spans="1:8" x14ac:dyDescent="0.25">
      <c r="A113" s="1">
        <v>45605</v>
      </c>
      <c r="B113" t="s">
        <v>152</v>
      </c>
      <c r="C113" t="s">
        <v>155</v>
      </c>
      <c r="D113" t="s">
        <v>10</v>
      </c>
      <c r="E113" t="s">
        <v>11</v>
      </c>
      <c r="F113" s="2">
        <v>1</v>
      </c>
      <c r="G113" t="s">
        <v>154</v>
      </c>
      <c r="H113" t="s">
        <v>13</v>
      </c>
    </row>
    <row r="114" spans="1:8" x14ac:dyDescent="0.25">
      <c r="A114" s="1">
        <v>45605</v>
      </c>
      <c r="B114" t="s">
        <v>152</v>
      </c>
      <c r="C114" t="s">
        <v>47</v>
      </c>
      <c r="D114" t="s">
        <v>10</v>
      </c>
      <c r="E114" t="s">
        <v>11</v>
      </c>
      <c r="F114" s="2">
        <v>1</v>
      </c>
      <c r="G114" t="s">
        <v>154</v>
      </c>
      <c r="H114" t="s">
        <v>13</v>
      </c>
    </row>
    <row r="115" spans="1:8" x14ac:dyDescent="0.25">
      <c r="A115" s="1">
        <v>45605</v>
      </c>
      <c r="B115" t="s">
        <v>152</v>
      </c>
      <c r="C115" t="s">
        <v>47</v>
      </c>
      <c r="D115" t="s">
        <v>10</v>
      </c>
      <c r="E115" t="s">
        <v>11</v>
      </c>
      <c r="F115" s="2">
        <v>1</v>
      </c>
      <c r="G115" t="s">
        <v>154</v>
      </c>
      <c r="H115" t="s">
        <v>13</v>
      </c>
    </row>
    <row r="116" spans="1:8" x14ac:dyDescent="0.25">
      <c r="A116" s="1">
        <v>45605</v>
      </c>
      <c r="B116" t="s">
        <v>156</v>
      </c>
      <c r="C116" t="s">
        <v>9</v>
      </c>
      <c r="D116" t="s">
        <v>10</v>
      </c>
      <c r="E116" t="s">
        <v>11</v>
      </c>
      <c r="F116" s="2">
        <v>1</v>
      </c>
      <c r="G116" t="s">
        <v>157</v>
      </c>
      <c r="H116" t="s">
        <v>13</v>
      </c>
    </row>
    <row r="117" spans="1:8" x14ac:dyDescent="0.25">
      <c r="A117" s="1">
        <v>45605</v>
      </c>
      <c r="B117" t="s">
        <v>156</v>
      </c>
      <c r="C117" t="s">
        <v>47</v>
      </c>
      <c r="D117" t="s">
        <v>10</v>
      </c>
      <c r="E117" t="s">
        <v>11</v>
      </c>
      <c r="F117" s="2">
        <v>1</v>
      </c>
      <c r="G117" t="s">
        <v>157</v>
      </c>
      <c r="H117" t="s">
        <v>13</v>
      </c>
    </row>
    <row r="118" spans="1:8" x14ac:dyDescent="0.25">
      <c r="A118" s="1">
        <v>45603</v>
      </c>
      <c r="B118" t="s">
        <v>158</v>
      </c>
      <c r="C118" t="s">
        <v>9</v>
      </c>
      <c r="D118" t="s">
        <v>10</v>
      </c>
      <c r="E118" t="s">
        <v>11</v>
      </c>
      <c r="F118" s="2">
        <v>1</v>
      </c>
      <c r="G118" t="s">
        <v>159</v>
      </c>
      <c r="H118" t="s">
        <v>13</v>
      </c>
    </row>
    <row r="119" spans="1:8" x14ac:dyDescent="0.25">
      <c r="A119" s="1">
        <v>45603</v>
      </c>
      <c r="B119" t="s">
        <v>158</v>
      </c>
      <c r="C119" t="s">
        <v>160</v>
      </c>
      <c r="D119" t="s">
        <v>10</v>
      </c>
      <c r="E119" t="s">
        <v>11</v>
      </c>
      <c r="F119" s="2">
        <v>1</v>
      </c>
      <c r="G119" t="s">
        <v>159</v>
      </c>
      <c r="H119" t="s">
        <v>13</v>
      </c>
    </row>
    <row r="120" spans="1:8" x14ac:dyDescent="0.25">
      <c r="A120" s="1">
        <v>45603</v>
      </c>
      <c r="B120" t="s">
        <v>161</v>
      </c>
      <c r="C120" t="s">
        <v>19</v>
      </c>
      <c r="D120" t="s">
        <v>10</v>
      </c>
      <c r="E120" t="s">
        <v>11</v>
      </c>
      <c r="F120" s="2">
        <v>1</v>
      </c>
      <c r="G120" t="s">
        <v>20</v>
      </c>
      <c r="H120" t="s">
        <v>13</v>
      </c>
    </row>
    <row r="121" spans="1:8" x14ac:dyDescent="0.25">
      <c r="A121" s="1">
        <v>45603</v>
      </c>
      <c r="B121" t="s">
        <v>162</v>
      </c>
      <c r="C121" t="s">
        <v>163</v>
      </c>
      <c r="D121" t="s">
        <v>10</v>
      </c>
      <c r="E121" t="s">
        <v>11</v>
      </c>
      <c r="F121" s="2">
        <v>1</v>
      </c>
      <c r="G121" t="s">
        <v>123</v>
      </c>
      <c r="H121" t="s">
        <v>13</v>
      </c>
    </row>
    <row r="122" spans="1:8" x14ac:dyDescent="0.25">
      <c r="A122" s="1">
        <v>45602</v>
      </c>
      <c r="B122" t="s">
        <v>164</v>
      </c>
      <c r="C122" t="s">
        <v>9</v>
      </c>
      <c r="D122" t="s">
        <v>10</v>
      </c>
      <c r="E122" t="s">
        <v>11</v>
      </c>
      <c r="F122" s="2">
        <v>1</v>
      </c>
      <c r="G122" t="s">
        <v>165</v>
      </c>
      <c r="H122" t="s">
        <v>13</v>
      </c>
    </row>
    <row r="123" spans="1:8" x14ac:dyDescent="0.25">
      <c r="A123" s="1">
        <v>45602</v>
      </c>
      <c r="B123" t="s">
        <v>166</v>
      </c>
      <c r="C123" t="s">
        <v>19</v>
      </c>
      <c r="D123" t="s">
        <v>10</v>
      </c>
      <c r="E123" t="s">
        <v>11</v>
      </c>
      <c r="F123" s="2">
        <v>1</v>
      </c>
      <c r="G123" t="s">
        <v>135</v>
      </c>
      <c r="H123" t="s">
        <v>13</v>
      </c>
    </row>
    <row r="124" spans="1:8" x14ac:dyDescent="0.25">
      <c r="A124" s="1">
        <v>45602</v>
      </c>
      <c r="B124" t="s">
        <v>166</v>
      </c>
      <c r="C124" t="s">
        <v>103</v>
      </c>
      <c r="D124" t="s">
        <v>10</v>
      </c>
      <c r="E124" t="s">
        <v>11</v>
      </c>
      <c r="F124" s="2">
        <v>1</v>
      </c>
      <c r="G124" t="s">
        <v>135</v>
      </c>
      <c r="H124" t="s">
        <v>13</v>
      </c>
    </row>
    <row r="125" spans="1:8" x14ac:dyDescent="0.25">
      <c r="A125" s="1">
        <v>45602</v>
      </c>
      <c r="B125" t="s">
        <v>166</v>
      </c>
      <c r="C125" t="s">
        <v>9</v>
      </c>
      <c r="D125" t="s">
        <v>10</v>
      </c>
      <c r="E125" t="s">
        <v>11</v>
      </c>
      <c r="F125" s="2">
        <v>1</v>
      </c>
      <c r="G125" t="s">
        <v>135</v>
      </c>
      <c r="H125" t="s">
        <v>13</v>
      </c>
    </row>
    <row r="126" spans="1:8" x14ac:dyDescent="0.25">
      <c r="A126" s="1">
        <v>45601</v>
      </c>
      <c r="B126" t="s">
        <v>167</v>
      </c>
      <c r="C126" t="s">
        <v>79</v>
      </c>
      <c r="D126" t="s">
        <v>10</v>
      </c>
      <c r="E126" t="s">
        <v>11</v>
      </c>
      <c r="F126" s="2">
        <v>1</v>
      </c>
      <c r="G126" t="s">
        <v>44</v>
      </c>
      <c r="H126" t="s">
        <v>13</v>
      </c>
    </row>
    <row r="127" spans="1:8" x14ac:dyDescent="0.25">
      <c r="A127" s="1">
        <v>45601</v>
      </c>
      <c r="B127" t="s">
        <v>167</v>
      </c>
      <c r="C127" t="s">
        <v>80</v>
      </c>
      <c r="D127" t="s">
        <v>10</v>
      </c>
      <c r="E127" t="s">
        <v>11</v>
      </c>
      <c r="F127" s="2">
        <v>1</v>
      </c>
      <c r="G127" t="s">
        <v>44</v>
      </c>
      <c r="H127" t="s">
        <v>13</v>
      </c>
    </row>
    <row r="128" spans="1:8" x14ac:dyDescent="0.25">
      <c r="A128" s="1">
        <v>45599</v>
      </c>
      <c r="B128" t="s">
        <v>168</v>
      </c>
      <c r="C128" t="s">
        <v>9</v>
      </c>
      <c r="D128" t="s">
        <v>10</v>
      </c>
      <c r="E128" t="s">
        <v>11</v>
      </c>
      <c r="F128" s="2">
        <v>1</v>
      </c>
      <c r="G128" t="s">
        <v>31</v>
      </c>
      <c r="H128" t="s">
        <v>13</v>
      </c>
    </row>
    <row r="129" spans="1:8" x14ac:dyDescent="0.25">
      <c r="A129" s="1">
        <v>45597</v>
      </c>
      <c r="B129" t="s">
        <v>169</v>
      </c>
      <c r="C129" t="s">
        <v>9</v>
      </c>
      <c r="D129" t="s">
        <v>10</v>
      </c>
      <c r="E129" t="s">
        <v>11</v>
      </c>
      <c r="F129" s="2">
        <v>1</v>
      </c>
      <c r="G129" t="s">
        <v>53</v>
      </c>
      <c r="H129" t="s">
        <v>13</v>
      </c>
    </row>
    <row r="130" spans="1:8" x14ac:dyDescent="0.25">
      <c r="A130" s="1">
        <v>45597</v>
      </c>
      <c r="B130" t="s">
        <v>169</v>
      </c>
      <c r="C130" t="s">
        <v>47</v>
      </c>
      <c r="D130" t="s">
        <v>10</v>
      </c>
      <c r="E130" t="s">
        <v>11</v>
      </c>
      <c r="F130" s="2">
        <v>1</v>
      </c>
      <c r="G130" t="s">
        <v>53</v>
      </c>
      <c r="H130" t="s">
        <v>13</v>
      </c>
    </row>
    <row r="131" spans="1:8" x14ac:dyDescent="0.25">
      <c r="A131" s="1">
        <v>45597</v>
      </c>
      <c r="B131" t="s">
        <v>170</v>
      </c>
      <c r="C131" t="s">
        <v>35</v>
      </c>
      <c r="D131" t="s">
        <v>10</v>
      </c>
      <c r="E131" t="s">
        <v>11</v>
      </c>
      <c r="F131" s="2">
        <v>1</v>
      </c>
      <c r="G131" t="s">
        <v>77</v>
      </c>
      <c r="H131" t="s">
        <v>13</v>
      </c>
    </row>
    <row r="132" spans="1:8" x14ac:dyDescent="0.25">
      <c r="A132" s="1">
        <v>45597</v>
      </c>
      <c r="B132" t="s">
        <v>170</v>
      </c>
      <c r="C132" t="s">
        <v>47</v>
      </c>
      <c r="D132" t="s">
        <v>10</v>
      </c>
      <c r="E132" t="s">
        <v>11</v>
      </c>
      <c r="F132" s="2">
        <v>1</v>
      </c>
      <c r="G132" t="s">
        <v>77</v>
      </c>
      <c r="H132" t="s">
        <v>13</v>
      </c>
    </row>
    <row r="133" spans="1:8" x14ac:dyDescent="0.25">
      <c r="A133" s="1">
        <v>45597</v>
      </c>
      <c r="B133" t="s">
        <v>171</v>
      </c>
      <c r="C133" t="s">
        <v>47</v>
      </c>
      <c r="D133" t="s">
        <v>10</v>
      </c>
      <c r="E133" t="s">
        <v>11</v>
      </c>
      <c r="F133" s="2">
        <v>1</v>
      </c>
      <c r="G133" t="s">
        <v>172</v>
      </c>
      <c r="H133" t="s">
        <v>13</v>
      </c>
    </row>
    <row r="134" spans="1:8" x14ac:dyDescent="0.25">
      <c r="A134" s="1">
        <v>45597</v>
      </c>
      <c r="B134" t="s">
        <v>171</v>
      </c>
      <c r="C134" t="s">
        <v>14</v>
      </c>
      <c r="D134" t="s">
        <v>10</v>
      </c>
      <c r="E134" t="s">
        <v>11</v>
      </c>
      <c r="F134" s="2">
        <v>1</v>
      </c>
      <c r="G134" t="s">
        <v>172</v>
      </c>
      <c r="H134" t="s">
        <v>13</v>
      </c>
    </row>
    <row r="135" spans="1:8" x14ac:dyDescent="0.25">
      <c r="A135" s="1">
        <v>45597</v>
      </c>
      <c r="B135" t="s">
        <v>173</v>
      </c>
      <c r="C135" t="s">
        <v>34</v>
      </c>
      <c r="D135" t="s">
        <v>10</v>
      </c>
      <c r="E135" t="s">
        <v>11</v>
      </c>
      <c r="F135" s="2">
        <v>1</v>
      </c>
      <c r="G135" t="s">
        <v>27</v>
      </c>
      <c r="H135" t="s">
        <v>13</v>
      </c>
    </row>
    <row r="136" spans="1:8" x14ac:dyDescent="0.25">
      <c r="A136" s="1">
        <v>45597</v>
      </c>
      <c r="B136" t="s">
        <v>173</v>
      </c>
      <c r="C136" t="s">
        <v>174</v>
      </c>
      <c r="D136" t="s">
        <v>10</v>
      </c>
      <c r="E136" t="s">
        <v>11</v>
      </c>
      <c r="F136" s="2">
        <v>1</v>
      </c>
      <c r="G136" t="s">
        <v>27</v>
      </c>
      <c r="H136" t="s">
        <v>13</v>
      </c>
    </row>
    <row r="137" spans="1:8" x14ac:dyDescent="0.25">
      <c r="A137" s="1">
        <v>45597</v>
      </c>
      <c r="B137" t="s">
        <v>173</v>
      </c>
      <c r="C137" t="s">
        <v>32</v>
      </c>
      <c r="D137" t="s">
        <v>10</v>
      </c>
      <c r="E137" t="s">
        <v>11</v>
      </c>
      <c r="F137" s="2">
        <v>1</v>
      </c>
      <c r="G137" t="s">
        <v>27</v>
      </c>
      <c r="H137" t="s">
        <v>13</v>
      </c>
    </row>
    <row r="138" spans="1:8" x14ac:dyDescent="0.25">
      <c r="A138" s="1">
        <v>45596</v>
      </c>
      <c r="B138" t="s">
        <v>175</v>
      </c>
      <c r="C138" t="s">
        <v>9</v>
      </c>
      <c r="D138" t="s">
        <v>10</v>
      </c>
      <c r="E138" t="s">
        <v>11</v>
      </c>
      <c r="F138" s="2">
        <v>1</v>
      </c>
      <c r="G138" t="s">
        <v>37</v>
      </c>
      <c r="H138" t="s">
        <v>13</v>
      </c>
    </row>
    <row r="139" spans="1:8" x14ac:dyDescent="0.25">
      <c r="A139" s="1">
        <v>45596</v>
      </c>
      <c r="B139" t="s">
        <v>175</v>
      </c>
      <c r="C139" t="s">
        <v>52</v>
      </c>
      <c r="D139" t="s">
        <v>10</v>
      </c>
      <c r="E139" t="s">
        <v>11</v>
      </c>
      <c r="F139" s="2">
        <v>1</v>
      </c>
      <c r="G139" t="s">
        <v>37</v>
      </c>
      <c r="H139" t="s">
        <v>13</v>
      </c>
    </row>
    <row r="140" spans="1:8" x14ac:dyDescent="0.25">
      <c r="A140" s="1">
        <v>45596</v>
      </c>
      <c r="B140" t="s">
        <v>175</v>
      </c>
      <c r="C140" t="s">
        <v>47</v>
      </c>
      <c r="D140" t="s">
        <v>10</v>
      </c>
      <c r="E140" t="s">
        <v>11</v>
      </c>
      <c r="F140" s="2">
        <v>1</v>
      </c>
      <c r="G140" t="s">
        <v>37</v>
      </c>
      <c r="H140" t="s">
        <v>13</v>
      </c>
    </row>
    <row r="141" spans="1:8" x14ac:dyDescent="0.25">
      <c r="A141" s="1">
        <v>45596</v>
      </c>
      <c r="B141" t="s">
        <v>176</v>
      </c>
      <c r="C141" t="s">
        <v>96</v>
      </c>
      <c r="D141" t="s">
        <v>10</v>
      </c>
      <c r="E141" t="s">
        <v>11</v>
      </c>
      <c r="F141" s="2">
        <v>1</v>
      </c>
      <c r="G141" t="s">
        <v>177</v>
      </c>
      <c r="H141" t="s">
        <v>13</v>
      </c>
    </row>
    <row r="142" spans="1:8" x14ac:dyDescent="0.25">
      <c r="A142" s="1">
        <v>45596</v>
      </c>
      <c r="B142" t="s">
        <v>178</v>
      </c>
      <c r="C142" t="s">
        <v>47</v>
      </c>
      <c r="D142" t="s">
        <v>10</v>
      </c>
      <c r="E142" t="s">
        <v>11</v>
      </c>
      <c r="F142" s="2">
        <v>1</v>
      </c>
      <c r="G142" t="s">
        <v>37</v>
      </c>
      <c r="H142" t="s">
        <v>13</v>
      </c>
    </row>
    <row r="143" spans="1:8" x14ac:dyDescent="0.25">
      <c r="A143" s="1">
        <v>45596</v>
      </c>
      <c r="B143" t="s">
        <v>179</v>
      </c>
      <c r="C143" t="s">
        <v>29</v>
      </c>
      <c r="D143" t="s">
        <v>10</v>
      </c>
      <c r="E143" t="s">
        <v>11</v>
      </c>
      <c r="F143" s="2">
        <v>1</v>
      </c>
      <c r="G143" t="s">
        <v>37</v>
      </c>
      <c r="H143" t="s">
        <v>13</v>
      </c>
    </row>
    <row r="144" spans="1:8" x14ac:dyDescent="0.25">
      <c r="A144" s="1">
        <v>45594</v>
      </c>
      <c r="B144" t="s">
        <v>180</v>
      </c>
      <c r="C144" t="s">
        <v>9</v>
      </c>
      <c r="D144" t="s">
        <v>10</v>
      </c>
      <c r="E144" t="s">
        <v>11</v>
      </c>
      <c r="F144" s="2">
        <v>1</v>
      </c>
      <c r="G144" t="s">
        <v>181</v>
      </c>
      <c r="H144" t="s">
        <v>13</v>
      </c>
    </row>
    <row r="145" spans="1:8" x14ac:dyDescent="0.25">
      <c r="A145" s="1">
        <v>45594</v>
      </c>
      <c r="B145" t="s">
        <v>180</v>
      </c>
      <c r="C145" t="s">
        <v>9</v>
      </c>
      <c r="D145" t="s">
        <v>10</v>
      </c>
      <c r="E145" t="s">
        <v>11</v>
      </c>
      <c r="F145" s="2">
        <v>1</v>
      </c>
      <c r="G145" t="s">
        <v>181</v>
      </c>
      <c r="H145" t="s">
        <v>13</v>
      </c>
    </row>
    <row r="146" spans="1:8" x14ac:dyDescent="0.25">
      <c r="A146" s="1">
        <v>45594</v>
      </c>
      <c r="B146" t="s">
        <v>180</v>
      </c>
      <c r="C146" t="s">
        <v>47</v>
      </c>
      <c r="D146" t="s">
        <v>10</v>
      </c>
      <c r="E146" t="s">
        <v>11</v>
      </c>
      <c r="F146" s="2">
        <v>1</v>
      </c>
      <c r="G146" t="s">
        <v>181</v>
      </c>
      <c r="H146" t="s">
        <v>13</v>
      </c>
    </row>
    <row r="147" spans="1:8" x14ac:dyDescent="0.25">
      <c r="A147" s="1">
        <v>45594</v>
      </c>
      <c r="B147" t="s">
        <v>180</v>
      </c>
      <c r="C147" t="s">
        <v>47</v>
      </c>
      <c r="D147" t="s">
        <v>10</v>
      </c>
      <c r="E147" t="s">
        <v>11</v>
      </c>
      <c r="F147" s="2">
        <v>1</v>
      </c>
      <c r="G147" t="s">
        <v>181</v>
      </c>
      <c r="H147" t="s">
        <v>13</v>
      </c>
    </row>
    <row r="148" spans="1:8" x14ac:dyDescent="0.25">
      <c r="A148" s="1">
        <v>45594</v>
      </c>
      <c r="B148" t="s">
        <v>182</v>
      </c>
      <c r="C148" t="s">
        <v>9</v>
      </c>
      <c r="D148" t="s">
        <v>10</v>
      </c>
      <c r="E148" t="s">
        <v>11</v>
      </c>
      <c r="F148" s="2">
        <v>1</v>
      </c>
      <c r="G148" t="s">
        <v>181</v>
      </c>
      <c r="H148" t="s">
        <v>13</v>
      </c>
    </row>
    <row r="149" spans="1:8" x14ac:dyDescent="0.25">
      <c r="A149" s="1">
        <v>45594</v>
      </c>
      <c r="B149" t="s">
        <v>184</v>
      </c>
      <c r="C149" t="s">
        <v>47</v>
      </c>
      <c r="D149" t="s">
        <v>10</v>
      </c>
      <c r="E149" t="s">
        <v>11</v>
      </c>
      <c r="F149" s="2">
        <v>1</v>
      </c>
      <c r="G149" t="s">
        <v>72</v>
      </c>
      <c r="H149" t="s">
        <v>13</v>
      </c>
    </row>
    <row r="150" spans="1:8" x14ac:dyDescent="0.25">
      <c r="A150" s="1">
        <v>45594</v>
      </c>
      <c r="B150" t="s">
        <v>185</v>
      </c>
      <c r="C150" t="s">
        <v>86</v>
      </c>
      <c r="D150" t="s">
        <v>10</v>
      </c>
      <c r="E150" t="s">
        <v>11</v>
      </c>
      <c r="F150" s="2">
        <v>1</v>
      </c>
      <c r="G150" t="s">
        <v>70</v>
      </c>
      <c r="H150" t="s">
        <v>13</v>
      </c>
    </row>
    <row r="151" spans="1:8" x14ac:dyDescent="0.25">
      <c r="A151" s="1">
        <v>45593</v>
      </c>
      <c r="B151" t="s">
        <v>186</v>
      </c>
      <c r="C151" t="s">
        <v>9</v>
      </c>
      <c r="D151" t="s">
        <v>10</v>
      </c>
      <c r="E151" t="s">
        <v>11</v>
      </c>
      <c r="F151" s="2">
        <v>1</v>
      </c>
      <c r="G151" t="s">
        <v>187</v>
      </c>
      <c r="H151" t="s">
        <v>13</v>
      </c>
    </row>
    <row r="152" spans="1:8" x14ac:dyDescent="0.25">
      <c r="A152" s="1">
        <v>45593</v>
      </c>
      <c r="B152" t="s">
        <v>188</v>
      </c>
      <c r="C152" t="s">
        <v>9</v>
      </c>
      <c r="D152" t="s">
        <v>10</v>
      </c>
      <c r="E152" t="s">
        <v>11</v>
      </c>
      <c r="F152" s="2">
        <v>1</v>
      </c>
      <c r="G152" t="s">
        <v>100</v>
      </c>
      <c r="H152" t="s">
        <v>13</v>
      </c>
    </row>
    <row r="153" spans="1:8" x14ac:dyDescent="0.25">
      <c r="A153" s="1">
        <v>45593</v>
      </c>
      <c r="B153" t="s">
        <v>188</v>
      </c>
      <c r="C153" t="s">
        <v>35</v>
      </c>
      <c r="D153" t="s">
        <v>10</v>
      </c>
      <c r="E153" t="s">
        <v>11</v>
      </c>
      <c r="F153" s="2">
        <v>1</v>
      </c>
      <c r="G153" t="s">
        <v>100</v>
      </c>
      <c r="H153" t="s">
        <v>13</v>
      </c>
    </row>
    <row r="154" spans="1:8" x14ac:dyDescent="0.25">
      <c r="A154" s="1">
        <v>45590</v>
      </c>
      <c r="B154" t="s">
        <v>189</v>
      </c>
      <c r="C154" t="s">
        <v>19</v>
      </c>
      <c r="D154" t="s">
        <v>10</v>
      </c>
      <c r="E154" t="s">
        <v>11</v>
      </c>
      <c r="F154" s="2">
        <v>1</v>
      </c>
      <c r="G154" t="s">
        <v>37</v>
      </c>
      <c r="H154" t="s">
        <v>13</v>
      </c>
    </row>
    <row r="155" spans="1:8" x14ac:dyDescent="0.25">
      <c r="A155" s="1">
        <v>45590</v>
      </c>
      <c r="B155" t="s">
        <v>189</v>
      </c>
      <c r="C155" t="s">
        <v>92</v>
      </c>
      <c r="D155" t="s">
        <v>10</v>
      </c>
      <c r="E155" t="s">
        <v>11</v>
      </c>
      <c r="F155" s="2">
        <v>1</v>
      </c>
      <c r="G155" t="s">
        <v>37</v>
      </c>
      <c r="H155" t="s">
        <v>13</v>
      </c>
    </row>
    <row r="156" spans="1:8" x14ac:dyDescent="0.25">
      <c r="A156" s="1">
        <v>45590</v>
      </c>
      <c r="B156" t="s">
        <v>190</v>
      </c>
      <c r="C156" t="s">
        <v>9</v>
      </c>
      <c r="D156" t="s">
        <v>10</v>
      </c>
      <c r="E156" t="s">
        <v>11</v>
      </c>
      <c r="F156" s="2">
        <v>1</v>
      </c>
      <c r="G156" t="s">
        <v>191</v>
      </c>
      <c r="H156" t="s">
        <v>13</v>
      </c>
    </row>
    <row r="157" spans="1:8" x14ac:dyDescent="0.25">
      <c r="A157" s="1">
        <v>45590</v>
      </c>
      <c r="B157" t="s">
        <v>190</v>
      </c>
      <c r="C157" t="s">
        <v>35</v>
      </c>
      <c r="D157" t="s">
        <v>10</v>
      </c>
      <c r="E157" t="s">
        <v>11</v>
      </c>
      <c r="F157" s="2">
        <v>1</v>
      </c>
      <c r="G157" t="s">
        <v>191</v>
      </c>
      <c r="H157" t="s">
        <v>13</v>
      </c>
    </row>
    <row r="158" spans="1:8" x14ac:dyDescent="0.25">
      <c r="A158" s="1">
        <v>45588</v>
      </c>
      <c r="B158" t="s">
        <v>192</v>
      </c>
      <c r="C158" t="s">
        <v>74</v>
      </c>
      <c r="D158" t="s">
        <v>10</v>
      </c>
      <c r="E158" t="s">
        <v>11</v>
      </c>
      <c r="F158" s="2">
        <v>1</v>
      </c>
      <c r="G158" t="s">
        <v>77</v>
      </c>
      <c r="H158" t="s">
        <v>13</v>
      </c>
    </row>
    <row r="159" spans="1:8" x14ac:dyDescent="0.25">
      <c r="A159" s="1">
        <v>45588</v>
      </c>
      <c r="B159" t="s">
        <v>193</v>
      </c>
      <c r="C159" t="s">
        <v>96</v>
      </c>
      <c r="D159" t="s">
        <v>10</v>
      </c>
      <c r="E159" t="s">
        <v>11</v>
      </c>
      <c r="F159" s="2">
        <v>1</v>
      </c>
      <c r="G159" t="s">
        <v>194</v>
      </c>
      <c r="H159" t="s">
        <v>13</v>
      </c>
    </row>
    <row r="160" spans="1:8" x14ac:dyDescent="0.25">
      <c r="A160" s="1">
        <v>45587</v>
      </c>
      <c r="B160" t="s">
        <v>195</v>
      </c>
      <c r="C160" t="s">
        <v>9</v>
      </c>
      <c r="D160" t="s">
        <v>10</v>
      </c>
      <c r="E160" t="s">
        <v>11</v>
      </c>
      <c r="F160" s="2">
        <v>1</v>
      </c>
      <c r="G160" t="s">
        <v>46</v>
      </c>
      <c r="H160" t="s">
        <v>13</v>
      </c>
    </row>
    <row r="161" spans="1:8" x14ac:dyDescent="0.25">
      <c r="A161" s="1">
        <v>45587</v>
      </c>
      <c r="B161" t="s">
        <v>196</v>
      </c>
      <c r="C161" t="s">
        <v>96</v>
      </c>
      <c r="D161" t="s">
        <v>10</v>
      </c>
      <c r="E161" t="s">
        <v>11</v>
      </c>
      <c r="F161" s="2">
        <v>1</v>
      </c>
      <c r="G161" t="s">
        <v>197</v>
      </c>
      <c r="H161" t="s">
        <v>13</v>
      </c>
    </row>
    <row r="162" spans="1:8" x14ac:dyDescent="0.25">
      <c r="A162" s="1">
        <v>45585</v>
      </c>
      <c r="B162" t="s">
        <v>198</v>
      </c>
      <c r="C162" t="s">
        <v>199</v>
      </c>
      <c r="D162" t="s">
        <v>10</v>
      </c>
      <c r="E162" t="s">
        <v>11</v>
      </c>
      <c r="F162" s="2">
        <v>1</v>
      </c>
      <c r="G162" t="s">
        <v>200</v>
      </c>
      <c r="H162" t="s">
        <v>13</v>
      </c>
    </row>
    <row r="163" spans="1:8" x14ac:dyDescent="0.25">
      <c r="A163" s="1">
        <v>45585</v>
      </c>
      <c r="B163" t="s">
        <v>201</v>
      </c>
      <c r="C163" t="s">
        <v>9</v>
      </c>
      <c r="D163" t="s">
        <v>10</v>
      </c>
      <c r="E163" t="s">
        <v>11</v>
      </c>
      <c r="F163" s="2">
        <v>1</v>
      </c>
      <c r="G163" t="s">
        <v>202</v>
      </c>
      <c r="H163" t="s">
        <v>13</v>
      </c>
    </row>
    <row r="164" spans="1:8" x14ac:dyDescent="0.25">
      <c r="A164" s="1">
        <v>45585</v>
      </c>
      <c r="B164" t="s">
        <v>203</v>
      </c>
      <c r="C164" t="s">
        <v>9</v>
      </c>
      <c r="D164" t="s">
        <v>10</v>
      </c>
      <c r="E164" t="s">
        <v>11</v>
      </c>
      <c r="F164" s="2">
        <v>1</v>
      </c>
      <c r="G164" t="s">
        <v>100</v>
      </c>
      <c r="H164" t="s">
        <v>13</v>
      </c>
    </row>
    <row r="165" spans="1:8" x14ac:dyDescent="0.25">
      <c r="A165" s="1">
        <v>45585</v>
      </c>
      <c r="B165" t="s">
        <v>203</v>
      </c>
      <c r="C165" t="s">
        <v>29</v>
      </c>
      <c r="D165" t="s">
        <v>10</v>
      </c>
      <c r="E165" t="s">
        <v>11</v>
      </c>
      <c r="F165" s="2">
        <v>1</v>
      </c>
      <c r="G165" t="s">
        <v>100</v>
      </c>
      <c r="H165" t="s">
        <v>13</v>
      </c>
    </row>
    <row r="166" spans="1:8" x14ac:dyDescent="0.25">
      <c r="A166" s="1">
        <v>45583</v>
      </c>
      <c r="B166" t="s">
        <v>204</v>
      </c>
      <c r="C166" t="s">
        <v>120</v>
      </c>
      <c r="D166" t="s">
        <v>10</v>
      </c>
      <c r="E166" t="s">
        <v>11</v>
      </c>
      <c r="F166" s="2">
        <v>1</v>
      </c>
      <c r="G166" t="s">
        <v>205</v>
      </c>
      <c r="H166" t="s">
        <v>13</v>
      </c>
    </row>
    <row r="167" spans="1:8" x14ac:dyDescent="0.25">
      <c r="A167" s="1">
        <v>45583</v>
      </c>
      <c r="B167" t="s">
        <v>206</v>
      </c>
      <c r="C167" t="s">
        <v>207</v>
      </c>
      <c r="D167" t="s">
        <v>10</v>
      </c>
      <c r="E167" t="s">
        <v>11</v>
      </c>
      <c r="F167" s="2">
        <v>1</v>
      </c>
      <c r="G167" t="s">
        <v>157</v>
      </c>
      <c r="H167" t="s">
        <v>13</v>
      </c>
    </row>
    <row r="168" spans="1:8" x14ac:dyDescent="0.25">
      <c r="A168" s="1">
        <v>45583</v>
      </c>
      <c r="B168" t="s">
        <v>208</v>
      </c>
      <c r="C168" t="s">
        <v>9</v>
      </c>
      <c r="D168" t="s">
        <v>10</v>
      </c>
      <c r="E168" t="s">
        <v>11</v>
      </c>
      <c r="F168" s="2">
        <v>1</v>
      </c>
      <c r="G168" t="s">
        <v>53</v>
      </c>
      <c r="H168" t="s">
        <v>13</v>
      </c>
    </row>
    <row r="169" spans="1:8" x14ac:dyDescent="0.25">
      <c r="A169" s="1">
        <v>45582</v>
      </c>
      <c r="B169" t="s">
        <v>209</v>
      </c>
      <c r="C169" t="s">
        <v>86</v>
      </c>
      <c r="D169" t="s">
        <v>10</v>
      </c>
      <c r="E169" t="s">
        <v>11</v>
      </c>
      <c r="F169" s="2">
        <v>1</v>
      </c>
      <c r="G169" t="s">
        <v>70</v>
      </c>
      <c r="H169" t="s">
        <v>13</v>
      </c>
    </row>
    <row r="170" spans="1:8" x14ac:dyDescent="0.25">
      <c r="A170" s="1">
        <v>45581</v>
      </c>
      <c r="B170" t="s">
        <v>210</v>
      </c>
      <c r="C170" t="s">
        <v>29</v>
      </c>
      <c r="D170" t="s">
        <v>10</v>
      </c>
      <c r="E170" t="s">
        <v>11</v>
      </c>
      <c r="F170" s="2">
        <v>1</v>
      </c>
      <c r="G170" t="s">
        <v>31</v>
      </c>
      <c r="H170" t="s">
        <v>13</v>
      </c>
    </row>
    <row r="171" spans="1:8" x14ac:dyDescent="0.25">
      <c r="A171" s="1">
        <v>45581</v>
      </c>
      <c r="B171" t="s">
        <v>210</v>
      </c>
      <c r="C171" t="s">
        <v>88</v>
      </c>
      <c r="D171" t="s">
        <v>10</v>
      </c>
      <c r="E171" t="s">
        <v>11</v>
      </c>
      <c r="F171" s="2">
        <v>1</v>
      </c>
      <c r="G171" t="s">
        <v>31</v>
      </c>
      <c r="H171" t="s">
        <v>13</v>
      </c>
    </row>
    <row r="172" spans="1:8" x14ac:dyDescent="0.25">
      <c r="A172" s="1">
        <v>45581</v>
      </c>
      <c r="B172" t="s">
        <v>210</v>
      </c>
      <c r="C172" t="s">
        <v>35</v>
      </c>
      <c r="D172" t="s">
        <v>10</v>
      </c>
      <c r="E172" t="s">
        <v>11</v>
      </c>
      <c r="F172" s="2">
        <v>1</v>
      </c>
      <c r="G172" t="s">
        <v>31</v>
      </c>
      <c r="H172" t="s">
        <v>13</v>
      </c>
    </row>
    <row r="173" spans="1:8" x14ac:dyDescent="0.25">
      <c r="A173" s="1">
        <v>45581</v>
      </c>
      <c r="B173" t="s">
        <v>210</v>
      </c>
      <c r="C173" t="s">
        <v>32</v>
      </c>
      <c r="D173" t="s">
        <v>10</v>
      </c>
      <c r="E173" t="s">
        <v>11</v>
      </c>
      <c r="F173" s="2">
        <v>1</v>
      </c>
      <c r="G173" t="s">
        <v>31</v>
      </c>
      <c r="H173" t="s">
        <v>13</v>
      </c>
    </row>
    <row r="174" spans="1:8" x14ac:dyDescent="0.25">
      <c r="A174" s="1">
        <v>45580</v>
      </c>
      <c r="B174" t="s">
        <v>211</v>
      </c>
      <c r="C174" t="s">
        <v>79</v>
      </c>
      <c r="D174" t="s">
        <v>10</v>
      </c>
      <c r="E174" t="s">
        <v>11</v>
      </c>
      <c r="F174" s="2">
        <v>1</v>
      </c>
      <c r="G174" t="s">
        <v>20</v>
      </c>
      <c r="H174" t="s">
        <v>13</v>
      </c>
    </row>
    <row r="175" spans="1:8" x14ac:dyDescent="0.25">
      <c r="A175" s="1">
        <v>45579</v>
      </c>
      <c r="B175" t="s">
        <v>212</v>
      </c>
      <c r="C175" t="s">
        <v>9</v>
      </c>
      <c r="D175" t="s">
        <v>10</v>
      </c>
      <c r="E175" t="s">
        <v>11</v>
      </c>
      <c r="F175" s="2">
        <v>1</v>
      </c>
      <c r="G175" t="s">
        <v>181</v>
      </c>
      <c r="H175" t="s">
        <v>13</v>
      </c>
    </row>
    <row r="176" spans="1:8" x14ac:dyDescent="0.25">
      <c r="A176" s="1">
        <v>45579</v>
      </c>
      <c r="B176" t="s">
        <v>212</v>
      </c>
      <c r="C176" t="s">
        <v>28</v>
      </c>
      <c r="D176" t="s">
        <v>10</v>
      </c>
      <c r="E176" t="s">
        <v>11</v>
      </c>
      <c r="F176" s="2">
        <v>1</v>
      </c>
      <c r="G176" t="s">
        <v>181</v>
      </c>
      <c r="H176" t="s">
        <v>13</v>
      </c>
    </row>
    <row r="177" spans="1:8" x14ac:dyDescent="0.25">
      <c r="A177" s="1">
        <v>45579</v>
      </c>
      <c r="B177" t="s">
        <v>212</v>
      </c>
      <c r="C177" t="s">
        <v>29</v>
      </c>
      <c r="D177" t="s">
        <v>10</v>
      </c>
      <c r="E177" t="s">
        <v>11</v>
      </c>
      <c r="F177" s="2">
        <v>1</v>
      </c>
      <c r="G177" t="s">
        <v>181</v>
      </c>
      <c r="H177" t="s">
        <v>13</v>
      </c>
    </row>
    <row r="178" spans="1:8" x14ac:dyDescent="0.25">
      <c r="A178" s="1">
        <v>45579</v>
      </c>
      <c r="B178" t="s">
        <v>212</v>
      </c>
      <c r="C178" t="s">
        <v>35</v>
      </c>
      <c r="D178" t="s">
        <v>10</v>
      </c>
      <c r="E178" t="s">
        <v>11</v>
      </c>
      <c r="F178" s="2">
        <v>1</v>
      </c>
      <c r="G178" t="s">
        <v>181</v>
      </c>
      <c r="H178" t="s">
        <v>13</v>
      </c>
    </row>
    <row r="179" spans="1:8" x14ac:dyDescent="0.25">
      <c r="A179" s="1">
        <v>45577</v>
      </c>
      <c r="B179" t="s">
        <v>213</v>
      </c>
      <c r="C179" t="s">
        <v>79</v>
      </c>
      <c r="D179" t="s">
        <v>10</v>
      </c>
      <c r="E179" t="s">
        <v>11</v>
      </c>
      <c r="F179" s="2">
        <v>1</v>
      </c>
      <c r="G179" t="s">
        <v>214</v>
      </c>
      <c r="H179" t="s">
        <v>13</v>
      </c>
    </row>
    <row r="180" spans="1:8" x14ac:dyDescent="0.25">
      <c r="A180" s="1">
        <v>45576</v>
      </c>
      <c r="B180" t="s">
        <v>215</v>
      </c>
      <c r="C180" t="s">
        <v>47</v>
      </c>
      <c r="D180" t="s">
        <v>10</v>
      </c>
      <c r="E180" t="s">
        <v>11</v>
      </c>
      <c r="F180" s="2">
        <v>1</v>
      </c>
      <c r="G180" t="s">
        <v>216</v>
      </c>
      <c r="H180" t="s">
        <v>13</v>
      </c>
    </row>
    <row r="181" spans="1:8" x14ac:dyDescent="0.25">
      <c r="A181" s="1">
        <v>45576</v>
      </c>
      <c r="B181" t="s">
        <v>217</v>
      </c>
      <c r="C181" t="s">
        <v>174</v>
      </c>
      <c r="D181" t="s">
        <v>10</v>
      </c>
      <c r="E181" t="s">
        <v>11</v>
      </c>
      <c r="F181" s="2">
        <v>1</v>
      </c>
      <c r="G181" t="s">
        <v>63</v>
      </c>
      <c r="H181" t="s">
        <v>13</v>
      </c>
    </row>
    <row r="182" spans="1:8" x14ac:dyDescent="0.25">
      <c r="A182" s="1">
        <v>45576</v>
      </c>
      <c r="B182" t="s">
        <v>218</v>
      </c>
      <c r="C182" t="s">
        <v>9</v>
      </c>
      <c r="D182" t="s">
        <v>10</v>
      </c>
      <c r="E182" t="s">
        <v>11</v>
      </c>
      <c r="F182" s="2">
        <v>1</v>
      </c>
      <c r="G182" t="s">
        <v>20</v>
      </c>
      <c r="H182" t="s">
        <v>13</v>
      </c>
    </row>
    <row r="183" spans="1:8" x14ac:dyDescent="0.25">
      <c r="A183" s="1">
        <v>45576</v>
      </c>
      <c r="B183" t="s">
        <v>218</v>
      </c>
      <c r="C183" t="s">
        <v>29</v>
      </c>
      <c r="D183" t="s">
        <v>10</v>
      </c>
      <c r="E183" t="s">
        <v>11</v>
      </c>
      <c r="F183" s="2">
        <v>1</v>
      </c>
      <c r="G183" t="s">
        <v>20</v>
      </c>
      <c r="H183" t="s">
        <v>13</v>
      </c>
    </row>
    <row r="184" spans="1:8" x14ac:dyDescent="0.25">
      <c r="A184" s="1">
        <v>45574</v>
      </c>
      <c r="B184" t="s">
        <v>219</v>
      </c>
      <c r="C184" t="s">
        <v>220</v>
      </c>
      <c r="D184" t="s">
        <v>10</v>
      </c>
      <c r="E184" t="s">
        <v>11</v>
      </c>
      <c r="F184" s="2">
        <v>1</v>
      </c>
      <c r="G184" t="s">
        <v>20</v>
      </c>
      <c r="H184" t="s">
        <v>13</v>
      </c>
    </row>
    <row r="185" spans="1:8" x14ac:dyDescent="0.25">
      <c r="A185" s="1">
        <v>45574</v>
      </c>
      <c r="B185" t="s">
        <v>221</v>
      </c>
      <c r="C185" t="s">
        <v>222</v>
      </c>
      <c r="D185" t="s">
        <v>10</v>
      </c>
      <c r="E185" t="s">
        <v>11</v>
      </c>
      <c r="F185" s="2">
        <v>1</v>
      </c>
      <c r="G185" t="s">
        <v>31</v>
      </c>
      <c r="H185" t="s">
        <v>13</v>
      </c>
    </row>
    <row r="186" spans="1:8" x14ac:dyDescent="0.25">
      <c r="A186" s="1">
        <v>45573</v>
      </c>
      <c r="B186" t="s">
        <v>223</v>
      </c>
      <c r="C186" t="s">
        <v>149</v>
      </c>
      <c r="D186" t="s">
        <v>10</v>
      </c>
      <c r="E186" t="s">
        <v>11</v>
      </c>
      <c r="F186" s="2">
        <v>1</v>
      </c>
      <c r="G186" t="s">
        <v>20</v>
      </c>
      <c r="H186" t="s">
        <v>13</v>
      </c>
    </row>
    <row r="187" spans="1:8" x14ac:dyDescent="0.25">
      <c r="A187" s="1">
        <v>45573</v>
      </c>
      <c r="B187" t="s">
        <v>223</v>
      </c>
      <c r="C187" t="s">
        <v>47</v>
      </c>
      <c r="D187" t="s">
        <v>10</v>
      </c>
      <c r="E187" t="s">
        <v>11</v>
      </c>
      <c r="F187" s="2">
        <v>1</v>
      </c>
      <c r="G187" t="s">
        <v>20</v>
      </c>
      <c r="H187" t="s">
        <v>13</v>
      </c>
    </row>
    <row r="188" spans="1:8" x14ac:dyDescent="0.25">
      <c r="A188" s="1">
        <v>45573</v>
      </c>
      <c r="B188" t="s">
        <v>224</v>
      </c>
      <c r="C188" t="s">
        <v>9</v>
      </c>
      <c r="D188" t="s">
        <v>10</v>
      </c>
      <c r="E188" t="s">
        <v>11</v>
      </c>
      <c r="F188" s="2">
        <v>1</v>
      </c>
      <c r="G188" t="s">
        <v>225</v>
      </c>
      <c r="H188" t="s">
        <v>13</v>
      </c>
    </row>
    <row r="189" spans="1:8" x14ac:dyDescent="0.25">
      <c r="A189" s="1">
        <v>45573</v>
      </c>
      <c r="B189" t="s">
        <v>226</v>
      </c>
      <c r="C189" t="s">
        <v>47</v>
      </c>
      <c r="D189" t="s">
        <v>10</v>
      </c>
      <c r="E189" t="s">
        <v>11</v>
      </c>
      <c r="F189" s="2">
        <v>1</v>
      </c>
      <c r="G189" t="s">
        <v>93</v>
      </c>
      <c r="H189" t="s">
        <v>13</v>
      </c>
    </row>
    <row r="190" spans="1:8" x14ac:dyDescent="0.25">
      <c r="A190" s="1">
        <v>45573</v>
      </c>
      <c r="B190" t="s">
        <v>227</v>
      </c>
      <c r="C190" t="s">
        <v>9</v>
      </c>
      <c r="D190" t="s">
        <v>10</v>
      </c>
      <c r="E190" t="s">
        <v>11</v>
      </c>
      <c r="F190" s="2">
        <v>1</v>
      </c>
      <c r="G190" t="s">
        <v>100</v>
      </c>
      <c r="H190" t="s">
        <v>13</v>
      </c>
    </row>
    <row r="191" spans="1:8" x14ac:dyDescent="0.25">
      <c r="A191" s="1">
        <v>45573</v>
      </c>
      <c r="B191" t="s">
        <v>227</v>
      </c>
      <c r="C191" t="s">
        <v>50</v>
      </c>
      <c r="D191" t="s">
        <v>10</v>
      </c>
      <c r="E191" t="s">
        <v>11</v>
      </c>
      <c r="F191" s="2">
        <v>1</v>
      </c>
      <c r="G191" t="s">
        <v>100</v>
      </c>
      <c r="H191" t="s">
        <v>13</v>
      </c>
    </row>
    <row r="192" spans="1:8" x14ac:dyDescent="0.25">
      <c r="A192" s="1">
        <v>45572</v>
      </c>
      <c r="B192" t="s">
        <v>228</v>
      </c>
      <c r="C192" t="s">
        <v>9</v>
      </c>
      <c r="D192" t="s">
        <v>10</v>
      </c>
      <c r="E192" t="s">
        <v>11</v>
      </c>
      <c r="F192" s="2">
        <v>1</v>
      </c>
      <c r="G192" t="s">
        <v>131</v>
      </c>
      <c r="H192" t="s">
        <v>13</v>
      </c>
    </row>
    <row r="193" spans="1:8" x14ac:dyDescent="0.25">
      <c r="A193" s="1">
        <v>45571</v>
      </c>
      <c r="B193" t="s">
        <v>229</v>
      </c>
      <c r="C193" t="s">
        <v>9</v>
      </c>
      <c r="D193" t="s">
        <v>10</v>
      </c>
      <c r="E193" t="s">
        <v>11</v>
      </c>
      <c r="F193" s="2">
        <v>1</v>
      </c>
      <c r="G193" t="s">
        <v>230</v>
      </c>
      <c r="H193" t="s">
        <v>13</v>
      </c>
    </row>
    <row r="194" spans="1:8" x14ac:dyDescent="0.25">
      <c r="A194" s="1">
        <v>45571</v>
      </c>
      <c r="B194" t="s">
        <v>231</v>
      </c>
      <c r="C194" t="s">
        <v>9</v>
      </c>
      <c r="D194" t="s">
        <v>10</v>
      </c>
      <c r="E194" t="s">
        <v>11</v>
      </c>
      <c r="F194" s="2">
        <v>1</v>
      </c>
      <c r="G194" t="s">
        <v>232</v>
      </c>
      <c r="H194" t="s">
        <v>13</v>
      </c>
    </row>
    <row r="195" spans="1:8" x14ac:dyDescent="0.25">
      <c r="A195" s="1">
        <v>45571</v>
      </c>
      <c r="B195" t="s">
        <v>233</v>
      </c>
      <c r="C195" t="s">
        <v>19</v>
      </c>
      <c r="D195" t="s">
        <v>10</v>
      </c>
      <c r="E195" t="s">
        <v>11</v>
      </c>
      <c r="F195" s="2">
        <v>1</v>
      </c>
      <c r="G195" t="s">
        <v>24</v>
      </c>
      <c r="H195" t="s">
        <v>13</v>
      </c>
    </row>
    <row r="196" spans="1:8" x14ac:dyDescent="0.25">
      <c r="A196" s="1">
        <v>45571</v>
      </c>
      <c r="B196" t="s">
        <v>234</v>
      </c>
      <c r="C196" t="s">
        <v>47</v>
      </c>
      <c r="D196" t="s">
        <v>10</v>
      </c>
      <c r="E196" t="s">
        <v>11</v>
      </c>
      <c r="F196" s="2">
        <v>1</v>
      </c>
      <c r="G196" t="s">
        <v>123</v>
      </c>
      <c r="H196" t="s">
        <v>13</v>
      </c>
    </row>
    <row r="197" spans="1:8" x14ac:dyDescent="0.25">
      <c r="A197" s="1">
        <v>45570</v>
      </c>
      <c r="B197" t="s">
        <v>235</v>
      </c>
      <c r="C197" t="s">
        <v>74</v>
      </c>
      <c r="D197" t="s">
        <v>10</v>
      </c>
      <c r="E197" t="s">
        <v>11</v>
      </c>
      <c r="F197" s="2">
        <v>1</v>
      </c>
      <c r="G197" t="s">
        <v>191</v>
      </c>
      <c r="H197" t="s">
        <v>13</v>
      </c>
    </row>
    <row r="198" spans="1:8" x14ac:dyDescent="0.25">
      <c r="A198" s="1">
        <v>45569</v>
      </c>
      <c r="B198" t="s">
        <v>236</v>
      </c>
      <c r="C198" t="s">
        <v>79</v>
      </c>
      <c r="D198" t="s">
        <v>10</v>
      </c>
      <c r="E198" t="s">
        <v>11</v>
      </c>
      <c r="F198" s="2">
        <v>1</v>
      </c>
      <c r="G198" t="s">
        <v>37</v>
      </c>
      <c r="H198" t="s">
        <v>13</v>
      </c>
    </row>
    <row r="199" spans="1:8" x14ac:dyDescent="0.25">
      <c r="A199" s="1">
        <v>45569</v>
      </c>
      <c r="B199" t="s">
        <v>236</v>
      </c>
      <c r="C199" t="s">
        <v>103</v>
      </c>
      <c r="D199" t="s">
        <v>10</v>
      </c>
      <c r="E199" t="s">
        <v>11</v>
      </c>
      <c r="F199" s="2">
        <v>1</v>
      </c>
      <c r="G199" t="s">
        <v>37</v>
      </c>
      <c r="H199" t="s">
        <v>13</v>
      </c>
    </row>
    <row r="200" spans="1:8" x14ac:dyDescent="0.25">
      <c r="A200" s="1">
        <v>45569</v>
      </c>
      <c r="B200" t="s">
        <v>236</v>
      </c>
      <c r="C200" t="s">
        <v>80</v>
      </c>
      <c r="D200" t="s">
        <v>10</v>
      </c>
      <c r="E200" t="s">
        <v>11</v>
      </c>
      <c r="F200" s="2">
        <v>1</v>
      </c>
      <c r="G200" t="s">
        <v>37</v>
      </c>
      <c r="H200" t="s">
        <v>13</v>
      </c>
    </row>
    <row r="201" spans="1:8" x14ac:dyDescent="0.25">
      <c r="A201" s="1">
        <v>45569</v>
      </c>
      <c r="B201" t="s">
        <v>237</v>
      </c>
      <c r="C201" t="s">
        <v>9</v>
      </c>
      <c r="D201" t="s">
        <v>10</v>
      </c>
      <c r="E201" t="s">
        <v>11</v>
      </c>
      <c r="F201" s="2">
        <v>1</v>
      </c>
      <c r="G201" t="s">
        <v>109</v>
      </c>
      <c r="H201" t="s">
        <v>13</v>
      </c>
    </row>
    <row r="202" spans="1:8" x14ac:dyDescent="0.25">
      <c r="A202" s="1">
        <v>45568</v>
      </c>
      <c r="B202" t="s">
        <v>238</v>
      </c>
      <c r="C202" t="s">
        <v>34</v>
      </c>
      <c r="D202" t="s">
        <v>26</v>
      </c>
      <c r="E202" t="s">
        <v>11</v>
      </c>
      <c r="F202" s="2">
        <v>1</v>
      </c>
      <c r="G202" t="s">
        <v>100</v>
      </c>
      <c r="H202" t="s">
        <v>13</v>
      </c>
    </row>
    <row r="203" spans="1:8" x14ac:dyDescent="0.25">
      <c r="A203" s="1">
        <v>45567</v>
      </c>
      <c r="B203" t="s">
        <v>239</v>
      </c>
      <c r="C203" t="s">
        <v>14</v>
      </c>
      <c r="D203" t="s">
        <v>10</v>
      </c>
      <c r="E203" t="s">
        <v>11</v>
      </c>
      <c r="F203" s="2">
        <v>1</v>
      </c>
      <c r="G203" t="s">
        <v>240</v>
      </c>
      <c r="H203" t="s">
        <v>13</v>
      </c>
    </row>
    <row r="204" spans="1:8" x14ac:dyDescent="0.25">
      <c r="A204" s="1">
        <v>45566</v>
      </c>
      <c r="B204" t="s">
        <v>241</v>
      </c>
      <c r="C204" t="s">
        <v>142</v>
      </c>
      <c r="D204" t="s">
        <v>10</v>
      </c>
      <c r="E204" t="s">
        <v>11</v>
      </c>
      <c r="F204" s="2">
        <v>1</v>
      </c>
      <c r="G204" t="s">
        <v>242</v>
      </c>
      <c r="H204" t="s">
        <v>13</v>
      </c>
    </row>
    <row r="205" spans="1:8" x14ac:dyDescent="0.25">
      <c r="A205" s="1">
        <v>45566</v>
      </c>
      <c r="B205" t="s">
        <v>243</v>
      </c>
      <c r="C205" t="s">
        <v>9</v>
      </c>
      <c r="D205" t="s">
        <v>10</v>
      </c>
      <c r="E205" t="s">
        <v>11</v>
      </c>
      <c r="F205" s="2">
        <v>1</v>
      </c>
      <c r="G205" t="s">
        <v>244</v>
      </c>
      <c r="H205" t="s">
        <v>13</v>
      </c>
    </row>
    <row r="206" spans="1:8" x14ac:dyDescent="0.25">
      <c r="A206" s="1">
        <v>45565</v>
      </c>
      <c r="B206" t="s">
        <v>245</v>
      </c>
      <c r="C206" t="s">
        <v>35</v>
      </c>
      <c r="D206" t="s">
        <v>10</v>
      </c>
      <c r="E206" t="s">
        <v>11</v>
      </c>
      <c r="F206" s="2">
        <v>1</v>
      </c>
      <c r="G206" t="s">
        <v>194</v>
      </c>
      <c r="H206" t="s">
        <v>13</v>
      </c>
    </row>
    <row r="207" spans="1:8" x14ac:dyDescent="0.25">
      <c r="A207" s="1">
        <v>45564</v>
      </c>
      <c r="B207" t="s">
        <v>246</v>
      </c>
      <c r="C207" t="s">
        <v>9</v>
      </c>
      <c r="D207" t="s">
        <v>10</v>
      </c>
      <c r="E207" t="s">
        <v>11</v>
      </c>
      <c r="F207" s="2">
        <v>1</v>
      </c>
      <c r="G207" t="s">
        <v>135</v>
      </c>
      <c r="H207" t="s">
        <v>13</v>
      </c>
    </row>
    <row r="208" spans="1:8" x14ac:dyDescent="0.25">
      <c r="A208" s="1">
        <v>45564</v>
      </c>
      <c r="B208" t="s">
        <v>246</v>
      </c>
      <c r="C208" t="s">
        <v>47</v>
      </c>
      <c r="D208" t="s">
        <v>10</v>
      </c>
      <c r="E208" t="s">
        <v>11</v>
      </c>
      <c r="F208" s="2">
        <v>1</v>
      </c>
      <c r="G208" t="s">
        <v>135</v>
      </c>
      <c r="H208" t="s">
        <v>13</v>
      </c>
    </row>
    <row r="209" spans="1:8" x14ac:dyDescent="0.25">
      <c r="A209" s="1">
        <v>45562</v>
      </c>
      <c r="B209" t="s">
        <v>247</v>
      </c>
      <c r="C209" t="s">
        <v>248</v>
      </c>
      <c r="D209" t="s">
        <v>10</v>
      </c>
      <c r="E209" t="s">
        <v>11</v>
      </c>
      <c r="F209" s="2">
        <v>1</v>
      </c>
      <c r="G209" t="s">
        <v>37</v>
      </c>
      <c r="H209" t="s">
        <v>13</v>
      </c>
    </row>
    <row r="210" spans="1:8" x14ac:dyDescent="0.25">
      <c r="A210" s="1">
        <v>45562</v>
      </c>
      <c r="B210" t="s">
        <v>247</v>
      </c>
      <c r="C210" t="s">
        <v>142</v>
      </c>
      <c r="D210" t="s">
        <v>10</v>
      </c>
      <c r="E210" t="s">
        <v>11</v>
      </c>
      <c r="F210" s="2">
        <v>1</v>
      </c>
      <c r="G210" t="s">
        <v>37</v>
      </c>
      <c r="H210" t="s">
        <v>13</v>
      </c>
    </row>
    <row r="211" spans="1:8" x14ac:dyDescent="0.25">
      <c r="A211" s="1">
        <v>45562</v>
      </c>
      <c r="B211" t="s">
        <v>247</v>
      </c>
      <c r="C211" t="s">
        <v>249</v>
      </c>
      <c r="D211" t="s">
        <v>10</v>
      </c>
      <c r="E211" t="s">
        <v>11</v>
      </c>
      <c r="F211" s="2">
        <v>1</v>
      </c>
      <c r="G211" t="s">
        <v>37</v>
      </c>
      <c r="H211" t="s">
        <v>13</v>
      </c>
    </row>
    <row r="212" spans="1:8" x14ac:dyDescent="0.25">
      <c r="A212" s="1">
        <v>45562</v>
      </c>
      <c r="B212" t="s">
        <v>247</v>
      </c>
      <c r="C212" t="s">
        <v>150</v>
      </c>
      <c r="D212" t="s">
        <v>10</v>
      </c>
      <c r="E212" t="s">
        <v>11</v>
      </c>
      <c r="F212" s="2">
        <v>1</v>
      </c>
      <c r="G212" t="s">
        <v>37</v>
      </c>
      <c r="H212" t="s">
        <v>13</v>
      </c>
    </row>
    <row r="213" spans="1:8" x14ac:dyDescent="0.25">
      <c r="A213" s="1">
        <v>45562</v>
      </c>
      <c r="B213" t="s">
        <v>247</v>
      </c>
      <c r="C213" t="s">
        <v>151</v>
      </c>
      <c r="D213" t="s">
        <v>10</v>
      </c>
      <c r="E213" t="s">
        <v>11</v>
      </c>
      <c r="F213" s="2">
        <v>1</v>
      </c>
      <c r="G213" t="s">
        <v>37</v>
      </c>
      <c r="H213" t="s">
        <v>13</v>
      </c>
    </row>
    <row r="214" spans="1:8" x14ac:dyDescent="0.25">
      <c r="A214" s="1">
        <v>45562</v>
      </c>
      <c r="B214" t="s">
        <v>250</v>
      </c>
      <c r="C214" t="s">
        <v>9</v>
      </c>
      <c r="D214" t="s">
        <v>10</v>
      </c>
      <c r="E214" t="s">
        <v>11</v>
      </c>
      <c r="F214" s="2">
        <v>1</v>
      </c>
      <c r="G214" t="s">
        <v>251</v>
      </c>
      <c r="H214" t="s">
        <v>13</v>
      </c>
    </row>
    <row r="215" spans="1:8" x14ac:dyDescent="0.25">
      <c r="A215" s="1">
        <v>45562</v>
      </c>
      <c r="B215" t="s">
        <v>250</v>
      </c>
      <c r="C215" t="s">
        <v>9</v>
      </c>
      <c r="D215" t="s">
        <v>10</v>
      </c>
      <c r="E215" t="s">
        <v>11</v>
      </c>
      <c r="F215" s="2">
        <v>1</v>
      </c>
      <c r="G215" t="s">
        <v>251</v>
      </c>
      <c r="H215" t="s">
        <v>13</v>
      </c>
    </row>
    <row r="216" spans="1:8" x14ac:dyDescent="0.25">
      <c r="A216" s="1">
        <v>45562</v>
      </c>
      <c r="B216" t="s">
        <v>250</v>
      </c>
      <c r="C216" t="s">
        <v>96</v>
      </c>
      <c r="D216" t="s">
        <v>10</v>
      </c>
      <c r="E216" t="s">
        <v>11</v>
      </c>
      <c r="F216" s="2">
        <v>1</v>
      </c>
      <c r="G216" t="s">
        <v>251</v>
      </c>
      <c r="H216" t="s">
        <v>13</v>
      </c>
    </row>
    <row r="217" spans="1:8" x14ac:dyDescent="0.25">
      <c r="A217" s="1">
        <v>45562</v>
      </c>
      <c r="B217" t="s">
        <v>250</v>
      </c>
      <c r="C217" t="s">
        <v>96</v>
      </c>
      <c r="D217" t="s">
        <v>10</v>
      </c>
      <c r="E217" t="s">
        <v>11</v>
      </c>
      <c r="F217" s="2">
        <v>1</v>
      </c>
      <c r="G217" t="s">
        <v>251</v>
      </c>
      <c r="H217" t="s">
        <v>13</v>
      </c>
    </row>
    <row r="218" spans="1:8" x14ac:dyDescent="0.25">
      <c r="A218" s="1">
        <v>45561</v>
      </c>
      <c r="B218" t="s">
        <v>252</v>
      </c>
      <c r="C218" t="s">
        <v>29</v>
      </c>
      <c r="D218" t="s">
        <v>10</v>
      </c>
      <c r="E218" t="s">
        <v>11</v>
      </c>
      <c r="F218" s="2">
        <v>1</v>
      </c>
      <c r="G218" t="s">
        <v>135</v>
      </c>
      <c r="H218" t="s">
        <v>13</v>
      </c>
    </row>
    <row r="219" spans="1:8" x14ac:dyDescent="0.25">
      <c r="A219" s="1">
        <v>45561</v>
      </c>
      <c r="B219" t="s">
        <v>253</v>
      </c>
      <c r="C219" t="s">
        <v>74</v>
      </c>
      <c r="D219" t="s">
        <v>10</v>
      </c>
      <c r="E219" t="s">
        <v>11</v>
      </c>
      <c r="F219" s="2">
        <v>1</v>
      </c>
      <c r="G219" t="s">
        <v>100</v>
      </c>
      <c r="H219" t="s">
        <v>13</v>
      </c>
    </row>
    <row r="220" spans="1:8" x14ac:dyDescent="0.25">
      <c r="A220" s="1">
        <v>45561</v>
      </c>
      <c r="B220" t="s">
        <v>253</v>
      </c>
      <c r="C220" t="s">
        <v>127</v>
      </c>
      <c r="D220" t="s">
        <v>10</v>
      </c>
      <c r="E220" t="s">
        <v>11</v>
      </c>
      <c r="F220" s="2">
        <v>1</v>
      </c>
      <c r="G220" t="s">
        <v>100</v>
      </c>
      <c r="H220" t="s">
        <v>13</v>
      </c>
    </row>
    <row r="221" spans="1:8" x14ac:dyDescent="0.25">
      <c r="A221" s="1">
        <v>45561</v>
      </c>
      <c r="B221" t="s">
        <v>254</v>
      </c>
      <c r="C221" t="s">
        <v>9</v>
      </c>
      <c r="D221" t="s">
        <v>10</v>
      </c>
      <c r="E221" t="s">
        <v>11</v>
      </c>
      <c r="F221" s="2">
        <v>1</v>
      </c>
      <c r="G221" t="s">
        <v>49</v>
      </c>
      <c r="H221" t="s">
        <v>13</v>
      </c>
    </row>
    <row r="222" spans="1:8" x14ac:dyDescent="0.25">
      <c r="A222" s="1">
        <v>45560</v>
      </c>
      <c r="B222" t="s">
        <v>255</v>
      </c>
      <c r="C222" t="s">
        <v>9</v>
      </c>
      <c r="D222" t="s">
        <v>10</v>
      </c>
      <c r="E222" t="s">
        <v>11</v>
      </c>
      <c r="F222" s="2">
        <v>1</v>
      </c>
      <c r="G222" t="s">
        <v>46</v>
      </c>
      <c r="H222" t="s">
        <v>13</v>
      </c>
    </row>
    <row r="223" spans="1:8" x14ac:dyDescent="0.25">
      <c r="A223" s="1">
        <v>45560</v>
      </c>
      <c r="B223" t="s">
        <v>256</v>
      </c>
      <c r="C223" t="s">
        <v>9</v>
      </c>
      <c r="D223" t="s">
        <v>10</v>
      </c>
      <c r="E223" t="s">
        <v>11</v>
      </c>
      <c r="F223" s="2">
        <v>1</v>
      </c>
      <c r="G223" t="s">
        <v>70</v>
      </c>
      <c r="H223" t="s">
        <v>13</v>
      </c>
    </row>
    <row r="224" spans="1:8" x14ac:dyDescent="0.25">
      <c r="A224" s="1">
        <v>45560</v>
      </c>
      <c r="B224" t="s">
        <v>256</v>
      </c>
      <c r="C224" t="s">
        <v>35</v>
      </c>
      <c r="D224" t="s">
        <v>10</v>
      </c>
      <c r="E224" t="s">
        <v>11</v>
      </c>
      <c r="F224" s="2">
        <v>1</v>
      </c>
      <c r="G224" t="s">
        <v>70</v>
      </c>
      <c r="H224" t="s">
        <v>13</v>
      </c>
    </row>
    <row r="225" spans="1:8" x14ac:dyDescent="0.25">
      <c r="A225" s="1">
        <v>45559</v>
      </c>
      <c r="B225" t="s">
        <v>257</v>
      </c>
      <c r="C225" t="s">
        <v>52</v>
      </c>
      <c r="D225" t="s">
        <v>10</v>
      </c>
      <c r="E225" t="s">
        <v>11</v>
      </c>
      <c r="F225" s="2">
        <v>1</v>
      </c>
      <c r="G225" t="s">
        <v>53</v>
      </c>
      <c r="H225" t="s">
        <v>13</v>
      </c>
    </row>
    <row r="226" spans="1:8" x14ac:dyDescent="0.25">
      <c r="A226" s="1">
        <v>45557</v>
      </c>
      <c r="B226" t="s">
        <v>258</v>
      </c>
      <c r="C226" t="s">
        <v>47</v>
      </c>
      <c r="D226" t="s">
        <v>10</v>
      </c>
      <c r="E226" t="s">
        <v>11</v>
      </c>
      <c r="F226" s="2">
        <v>1</v>
      </c>
      <c r="G226" t="s">
        <v>40</v>
      </c>
      <c r="H226" t="s">
        <v>13</v>
      </c>
    </row>
    <row r="227" spans="1:8" x14ac:dyDescent="0.25">
      <c r="A227" s="1">
        <v>45556</v>
      </c>
      <c r="B227" t="s">
        <v>259</v>
      </c>
      <c r="C227" t="s">
        <v>9</v>
      </c>
      <c r="D227" t="s">
        <v>10</v>
      </c>
      <c r="E227" t="s">
        <v>11</v>
      </c>
      <c r="F227" s="2">
        <v>1</v>
      </c>
      <c r="G227" t="s">
        <v>137</v>
      </c>
      <c r="H227" t="s">
        <v>13</v>
      </c>
    </row>
    <row r="228" spans="1:8" x14ac:dyDescent="0.25">
      <c r="A228" s="1">
        <v>45556</v>
      </c>
      <c r="B228" t="s">
        <v>259</v>
      </c>
      <c r="C228" t="s">
        <v>52</v>
      </c>
      <c r="D228" t="s">
        <v>10</v>
      </c>
      <c r="E228" t="s">
        <v>11</v>
      </c>
      <c r="F228" s="2">
        <v>1</v>
      </c>
      <c r="G228" t="s">
        <v>137</v>
      </c>
      <c r="H228" t="s">
        <v>13</v>
      </c>
    </row>
    <row r="229" spans="1:8" x14ac:dyDescent="0.25">
      <c r="A229" s="1">
        <v>45556</v>
      </c>
      <c r="B229" t="s">
        <v>259</v>
      </c>
      <c r="C229" t="s">
        <v>47</v>
      </c>
      <c r="D229" t="s">
        <v>10</v>
      </c>
      <c r="E229" t="s">
        <v>11</v>
      </c>
      <c r="F229" s="2">
        <v>1</v>
      </c>
      <c r="G229" t="s">
        <v>137</v>
      </c>
      <c r="H229" t="s">
        <v>13</v>
      </c>
    </row>
    <row r="230" spans="1:8" x14ac:dyDescent="0.25">
      <c r="A230" s="1">
        <v>45556</v>
      </c>
      <c r="B230" t="s">
        <v>259</v>
      </c>
      <c r="C230" t="s">
        <v>14</v>
      </c>
      <c r="D230" t="s">
        <v>10</v>
      </c>
      <c r="E230" t="s">
        <v>11</v>
      </c>
      <c r="F230" s="2">
        <v>1</v>
      </c>
      <c r="G230" t="s">
        <v>137</v>
      </c>
      <c r="H230" t="s">
        <v>13</v>
      </c>
    </row>
    <row r="231" spans="1:8" x14ac:dyDescent="0.25">
      <c r="A231" s="1">
        <v>45556</v>
      </c>
      <c r="B231" t="s">
        <v>260</v>
      </c>
      <c r="C231" t="s">
        <v>92</v>
      </c>
      <c r="D231" t="s">
        <v>10</v>
      </c>
      <c r="E231" t="s">
        <v>11</v>
      </c>
      <c r="F231" s="2">
        <v>1</v>
      </c>
      <c r="G231" t="s">
        <v>145</v>
      </c>
      <c r="H231" t="s">
        <v>13</v>
      </c>
    </row>
    <row r="232" spans="1:8" x14ac:dyDescent="0.25">
      <c r="A232" s="1">
        <v>45556</v>
      </c>
      <c r="B232" t="s">
        <v>261</v>
      </c>
      <c r="C232" t="s">
        <v>207</v>
      </c>
      <c r="D232" t="s">
        <v>10</v>
      </c>
      <c r="E232" t="s">
        <v>11</v>
      </c>
      <c r="F232" s="2">
        <v>1</v>
      </c>
      <c r="G232" t="s">
        <v>262</v>
      </c>
      <c r="H232" t="s">
        <v>13</v>
      </c>
    </row>
    <row r="233" spans="1:8" x14ac:dyDescent="0.25">
      <c r="A233" s="1">
        <v>45556</v>
      </c>
      <c r="B233" t="s">
        <v>263</v>
      </c>
      <c r="C233" t="s">
        <v>264</v>
      </c>
      <c r="D233" t="s">
        <v>10</v>
      </c>
      <c r="E233" t="s">
        <v>11</v>
      </c>
      <c r="F233" s="2">
        <v>1</v>
      </c>
      <c r="G233" t="s">
        <v>137</v>
      </c>
      <c r="H233" t="s">
        <v>13</v>
      </c>
    </row>
    <row r="234" spans="1:8" x14ac:dyDescent="0.25">
      <c r="A234" s="1">
        <v>45555</v>
      </c>
      <c r="B234" t="s">
        <v>265</v>
      </c>
      <c r="C234" t="s">
        <v>41</v>
      </c>
      <c r="D234" t="s">
        <v>10</v>
      </c>
      <c r="E234" t="s">
        <v>11</v>
      </c>
      <c r="F234" s="2">
        <v>1</v>
      </c>
      <c r="G234" t="s">
        <v>40</v>
      </c>
      <c r="H234" t="s">
        <v>13</v>
      </c>
    </row>
    <row r="235" spans="1:8" x14ac:dyDescent="0.25">
      <c r="A235" s="1">
        <v>45555</v>
      </c>
      <c r="B235" t="s">
        <v>266</v>
      </c>
      <c r="C235" t="s">
        <v>32</v>
      </c>
      <c r="D235" t="s">
        <v>26</v>
      </c>
      <c r="E235" t="s">
        <v>11</v>
      </c>
      <c r="F235" s="2">
        <v>1</v>
      </c>
      <c r="G235" t="s">
        <v>31</v>
      </c>
      <c r="H235" t="s">
        <v>13</v>
      </c>
    </row>
    <row r="236" spans="1:8" x14ac:dyDescent="0.25">
      <c r="A236" s="1">
        <v>45554</v>
      </c>
      <c r="B236" t="s">
        <v>267</v>
      </c>
      <c r="C236" t="s">
        <v>9</v>
      </c>
      <c r="D236" t="s">
        <v>10</v>
      </c>
      <c r="E236" t="s">
        <v>11</v>
      </c>
      <c r="F236" s="2">
        <v>1</v>
      </c>
      <c r="G236" t="s">
        <v>20</v>
      </c>
      <c r="H236" t="s">
        <v>13</v>
      </c>
    </row>
    <row r="237" spans="1:8" x14ac:dyDescent="0.25">
      <c r="A237" s="1">
        <v>45554</v>
      </c>
      <c r="B237" t="s">
        <v>267</v>
      </c>
      <c r="C237" t="s">
        <v>64</v>
      </c>
      <c r="D237" t="s">
        <v>10</v>
      </c>
      <c r="E237" t="s">
        <v>11</v>
      </c>
      <c r="F237" s="2">
        <v>1</v>
      </c>
      <c r="G237" t="s">
        <v>20</v>
      </c>
      <c r="H237" t="s">
        <v>13</v>
      </c>
    </row>
    <row r="238" spans="1:8" x14ac:dyDescent="0.25">
      <c r="A238" s="1">
        <v>45554</v>
      </c>
      <c r="B238" t="s">
        <v>267</v>
      </c>
      <c r="C238" t="s">
        <v>268</v>
      </c>
      <c r="D238" t="s">
        <v>10</v>
      </c>
      <c r="E238" t="s">
        <v>11</v>
      </c>
      <c r="F238" s="2">
        <v>1</v>
      </c>
      <c r="G238" t="s">
        <v>20</v>
      </c>
      <c r="H238" t="s">
        <v>13</v>
      </c>
    </row>
    <row r="239" spans="1:8" x14ac:dyDescent="0.25">
      <c r="A239" s="1">
        <v>45554</v>
      </c>
      <c r="B239" t="s">
        <v>267</v>
      </c>
      <c r="C239" t="s">
        <v>269</v>
      </c>
      <c r="D239" t="s">
        <v>10</v>
      </c>
      <c r="E239" t="s">
        <v>11</v>
      </c>
      <c r="F239" s="2">
        <v>1</v>
      </c>
      <c r="G239" t="s">
        <v>20</v>
      </c>
      <c r="H239" t="s">
        <v>13</v>
      </c>
    </row>
    <row r="240" spans="1:8" x14ac:dyDescent="0.25">
      <c r="A240" s="1">
        <v>45554</v>
      </c>
      <c r="B240" t="s">
        <v>270</v>
      </c>
      <c r="C240" t="s">
        <v>35</v>
      </c>
      <c r="D240" t="s">
        <v>26</v>
      </c>
      <c r="E240" t="s">
        <v>11</v>
      </c>
      <c r="F240" s="2">
        <v>1</v>
      </c>
      <c r="G240" t="s">
        <v>20</v>
      </c>
      <c r="H240" t="s">
        <v>13</v>
      </c>
    </row>
    <row r="241" spans="1:8" x14ac:dyDescent="0.25">
      <c r="A241" s="1">
        <v>45554</v>
      </c>
      <c r="B241" t="s">
        <v>270</v>
      </c>
      <c r="C241" t="s">
        <v>271</v>
      </c>
      <c r="D241" t="s">
        <v>26</v>
      </c>
      <c r="E241" t="s">
        <v>11</v>
      </c>
      <c r="F241" s="2">
        <v>1</v>
      </c>
      <c r="G241" t="s">
        <v>20</v>
      </c>
      <c r="H241" t="s">
        <v>13</v>
      </c>
    </row>
    <row r="242" spans="1:8" x14ac:dyDescent="0.25">
      <c r="A242" s="1">
        <v>45553</v>
      </c>
      <c r="B242" t="s">
        <v>272</v>
      </c>
      <c r="C242" t="s">
        <v>9</v>
      </c>
      <c r="D242" t="s">
        <v>10</v>
      </c>
      <c r="E242" t="s">
        <v>11</v>
      </c>
      <c r="F242" s="2">
        <v>1</v>
      </c>
      <c r="G242" t="s">
        <v>131</v>
      </c>
      <c r="H242" t="s">
        <v>13</v>
      </c>
    </row>
    <row r="243" spans="1:8" x14ac:dyDescent="0.25">
      <c r="A243" s="1">
        <v>45553</v>
      </c>
      <c r="B243" t="s">
        <v>273</v>
      </c>
      <c r="C243" t="s">
        <v>274</v>
      </c>
      <c r="D243" t="s">
        <v>10</v>
      </c>
      <c r="E243" t="s">
        <v>11</v>
      </c>
      <c r="F243" s="2">
        <v>1</v>
      </c>
      <c r="G243" t="s">
        <v>275</v>
      </c>
      <c r="H243" t="s">
        <v>13</v>
      </c>
    </row>
    <row r="244" spans="1:8" x14ac:dyDescent="0.25">
      <c r="A244" s="1">
        <v>45553</v>
      </c>
      <c r="B244" t="s">
        <v>276</v>
      </c>
      <c r="C244" t="s">
        <v>174</v>
      </c>
      <c r="D244" t="s">
        <v>10</v>
      </c>
      <c r="E244" t="s">
        <v>11</v>
      </c>
      <c r="F244" s="2">
        <v>1</v>
      </c>
      <c r="G244" t="s">
        <v>277</v>
      </c>
      <c r="H244" t="s">
        <v>13</v>
      </c>
    </row>
    <row r="245" spans="1:8" x14ac:dyDescent="0.25">
      <c r="A245" s="1">
        <v>45553</v>
      </c>
      <c r="B245" t="s">
        <v>278</v>
      </c>
      <c r="C245" t="s">
        <v>9</v>
      </c>
      <c r="D245" t="s">
        <v>10</v>
      </c>
      <c r="E245" t="s">
        <v>11</v>
      </c>
      <c r="F245" s="2">
        <v>1</v>
      </c>
      <c r="G245" t="s">
        <v>279</v>
      </c>
      <c r="H245" t="s">
        <v>13</v>
      </c>
    </row>
    <row r="246" spans="1:8" x14ac:dyDescent="0.25">
      <c r="A246" s="1">
        <v>45553</v>
      </c>
      <c r="B246" t="s">
        <v>278</v>
      </c>
      <c r="C246" t="s">
        <v>96</v>
      </c>
      <c r="D246" t="s">
        <v>10</v>
      </c>
      <c r="E246" t="s">
        <v>11</v>
      </c>
      <c r="F246" s="2">
        <v>1</v>
      </c>
      <c r="G246" t="s">
        <v>279</v>
      </c>
      <c r="H246" t="s">
        <v>13</v>
      </c>
    </row>
    <row r="247" spans="1:8" x14ac:dyDescent="0.25">
      <c r="A247" s="1">
        <v>45552</v>
      </c>
      <c r="B247" t="s">
        <v>280</v>
      </c>
      <c r="C247" t="s">
        <v>74</v>
      </c>
      <c r="D247" t="s">
        <v>10</v>
      </c>
      <c r="E247" t="s">
        <v>11</v>
      </c>
      <c r="F247" s="2">
        <v>1</v>
      </c>
      <c r="G247" t="s">
        <v>72</v>
      </c>
      <c r="H247" t="s">
        <v>13</v>
      </c>
    </row>
    <row r="248" spans="1:8" x14ac:dyDescent="0.25">
      <c r="A248" s="1">
        <v>45552</v>
      </c>
      <c r="B248" t="s">
        <v>281</v>
      </c>
      <c r="C248" t="s">
        <v>282</v>
      </c>
      <c r="D248" t="s">
        <v>10</v>
      </c>
      <c r="E248" t="s">
        <v>11</v>
      </c>
      <c r="F248" s="2">
        <v>1</v>
      </c>
      <c r="G248" t="s">
        <v>72</v>
      </c>
      <c r="H248" t="s">
        <v>13</v>
      </c>
    </row>
    <row r="249" spans="1:8" x14ac:dyDescent="0.25">
      <c r="A249" s="1">
        <v>45550</v>
      </c>
      <c r="B249" t="s">
        <v>283</v>
      </c>
      <c r="C249" t="s">
        <v>9</v>
      </c>
      <c r="D249" t="s">
        <v>10</v>
      </c>
      <c r="E249" t="s">
        <v>11</v>
      </c>
      <c r="F249" s="2">
        <v>1</v>
      </c>
      <c r="G249" t="s">
        <v>72</v>
      </c>
      <c r="H249" t="s">
        <v>13</v>
      </c>
    </row>
    <row r="250" spans="1:8" x14ac:dyDescent="0.25">
      <c r="A250" s="1">
        <v>45550</v>
      </c>
      <c r="B250" t="s">
        <v>284</v>
      </c>
      <c r="C250" t="s">
        <v>28</v>
      </c>
      <c r="D250" t="s">
        <v>10</v>
      </c>
      <c r="E250" t="s">
        <v>11</v>
      </c>
      <c r="F250" s="2">
        <v>1</v>
      </c>
      <c r="G250" t="s">
        <v>44</v>
      </c>
      <c r="H250" t="s">
        <v>13</v>
      </c>
    </row>
    <row r="251" spans="1:8" x14ac:dyDescent="0.25">
      <c r="A251" s="1">
        <v>45550</v>
      </c>
      <c r="B251" t="s">
        <v>284</v>
      </c>
      <c r="C251" t="s">
        <v>29</v>
      </c>
      <c r="D251" t="s">
        <v>10</v>
      </c>
      <c r="E251" t="s">
        <v>11</v>
      </c>
      <c r="F251" s="2">
        <v>1</v>
      </c>
      <c r="G251" t="s">
        <v>44</v>
      </c>
      <c r="H251" t="s">
        <v>13</v>
      </c>
    </row>
    <row r="252" spans="1:8" x14ac:dyDescent="0.25">
      <c r="A252" s="1">
        <v>45550</v>
      </c>
      <c r="B252" t="s">
        <v>285</v>
      </c>
      <c r="C252" t="s">
        <v>19</v>
      </c>
      <c r="D252" t="s">
        <v>10</v>
      </c>
      <c r="E252" t="s">
        <v>11</v>
      </c>
      <c r="F252" s="2">
        <v>1</v>
      </c>
      <c r="G252" t="s">
        <v>286</v>
      </c>
      <c r="H252" t="s">
        <v>13</v>
      </c>
    </row>
    <row r="253" spans="1:8" x14ac:dyDescent="0.25">
      <c r="A253" s="1">
        <v>45550</v>
      </c>
      <c r="B253" t="s">
        <v>287</v>
      </c>
      <c r="C253" t="s">
        <v>9</v>
      </c>
      <c r="D253" t="s">
        <v>10</v>
      </c>
      <c r="E253" t="s">
        <v>11</v>
      </c>
      <c r="F253" s="2">
        <v>1</v>
      </c>
      <c r="G253" t="s">
        <v>61</v>
      </c>
      <c r="H253" t="s">
        <v>13</v>
      </c>
    </row>
    <row r="254" spans="1:8" x14ac:dyDescent="0.25">
      <c r="A254" s="1">
        <v>45549</v>
      </c>
      <c r="B254" t="s">
        <v>288</v>
      </c>
      <c r="C254" t="s">
        <v>47</v>
      </c>
      <c r="D254" t="s">
        <v>10</v>
      </c>
      <c r="E254" t="s">
        <v>11</v>
      </c>
      <c r="F254" s="2">
        <v>1</v>
      </c>
      <c r="G254" t="s">
        <v>289</v>
      </c>
      <c r="H254" t="s">
        <v>13</v>
      </c>
    </row>
    <row r="255" spans="1:8" x14ac:dyDescent="0.25">
      <c r="A255" s="1">
        <v>45549</v>
      </c>
      <c r="B255" t="s">
        <v>290</v>
      </c>
      <c r="C255" t="s">
        <v>174</v>
      </c>
      <c r="D255" t="s">
        <v>10</v>
      </c>
      <c r="E255" t="s">
        <v>11</v>
      </c>
      <c r="F255" s="2">
        <v>1</v>
      </c>
      <c r="G255" t="s">
        <v>181</v>
      </c>
      <c r="H255" t="s">
        <v>13</v>
      </c>
    </row>
    <row r="256" spans="1:8" x14ac:dyDescent="0.25">
      <c r="A256" s="1">
        <v>45549</v>
      </c>
      <c r="B256" t="s">
        <v>291</v>
      </c>
      <c r="C256" t="s">
        <v>56</v>
      </c>
      <c r="D256" t="s">
        <v>10</v>
      </c>
      <c r="E256" t="s">
        <v>11</v>
      </c>
      <c r="F256" s="2">
        <v>1</v>
      </c>
      <c r="G256" t="s">
        <v>20</v>
      </c>
      <c r="H256" t="s">
        <v>13</v>
      </c>
    </row>
    <row r="257" spans="1:8" x14ac:dyDescent="0.25">
      <c r="A257" s="1">
        <v>45549</v>
      </c>
      <c r="B257" t="s">
        <v>291</v>
      </c>
      <c r="C257" t="s">
        <v>14</v>
      </c>
      <c r="D257" t="s">
        <v>10</v>
      </c>
      <c r="E257" t="s">
        <v>11</v>
      </c>
      <c r="F257" s="2">
        <v>1</v>
      </c>
      <c r="G257" t="s">
        <v>20</v>
      </c>
      <c r="H257" t="s">
        <v>13</v>
      </c>
    </row>
    <row r="258" spans="1:8" x14ac:dyDescent="0.25">
      <c r="A258" s="1">
        <v>45549</v>
      </c>
      <c r="B258" t="s">
        <v>292</v>
      </c>
      <c r="C258" t="s">
        <v>35</v>
      </c>
      <c r="D258" t="s">
        <v>26</v>
      </c>
      <c r="E258" t="s">
        <v>11</v>
      </c>
      <c r="F258" s="2">
        <v>1</v>
      </c>
      <c r="G258" t="s">
        <v>46</v>
      </c>
      <c r="H258" t="s">
        <v>13</v>
      </c>
    </row>
    <row r="259" spans="1:8" x14ac:dyDescent="0.25">
      <c r="A259" s="1">
        <v>45548</v>
      </c>
      <c r="B259" t="s">
        <v>293</v>
      </c>
      <c r="C259" t="s">
        <v>41</v>
      </c>
      <c r="D259" t="s">
        <v>10</v>
      </c>
      <c r="E259" t="s">
        <v>11</v>
      </c>
      <c r="F259" s="2">
        <v>1</v>
      </c>
      <c r="G259" t="s">
        <v>40</v>
      </c>
      <c r="H259" t="s">
        <v>13</v>
      </c>
    </row>
    <row r="260" spans="1:8" x14ac:dyDescent="0.25">
      <c r="A260" s="1">
        <v>45548</v>
      </c>
      <c r="B260" t="s">
        <v>293</v>
      </c>
      <c r="C260" t="s">
        <v>35</v>
      </c>
      <c r="D260" t="s">
        <v>10</v>
      </c>
      <c r="E260" t="s">
        <v>11</v>
      </c>
      <c r="F260" s="2">
        <v>1</v>
      </c>
      <c r="G260" t="s">
        <v>40</v>
      </c>
      <c r="H260" t="s">
        <v>13</v>
      </c>
    </row>
    <row r="261" spans="1:8" x14ac:dyDescent="0.25">
      <c r="A261" s="1">
        <v>45547</v>
      </c>
      <c r="B261" t="s">
        <v>294</v>
      </c>
      <c r="C261" t="s">
        <v>79</v>
      </c>
      <c r="D261" t="s">
        <v>10</v>
      </c>
      <c r="E261" t="s">
        <v>11</v>
      </c>
      <c r="F261" s="2">
        <v>1</v>
      </c>
      <c r="G261" t="s">
        <v>194</v>
      </c>
      <c r="H261" t="s">
        <v>13</v>
      </c>
    </row>
    <row r="262" spans="1:8" x14ac:dyDescent="0.25">
      <c r="A262" s="1">
        <v>45547</v>
      </c>
      <c r="B262" t="s">
        <v>294</v>
      </c>
      <c r="C262" t="s">
        <v>80</v>
      </c>
      <c r="D262" t="s">
        <v>10</v>
      </c>
      <c r="E262" t="s">
        <v>11</v>
      </c>
      <c r="F262" s="2">
        <v>1</v>
      </c>
      <c r="G262" t="s">
        <v>194</v>
      </c>
      <c r="H262" t="s">
        <v>13</v>
      </c>
    </row>
    <row r="263" spans="1:8" x14ac:dyDescent="0.25">
      <c r="A263" s="1">
        <v>45547</v>
      </c>
      <c r="B263" t="s">
        <v>295</v>
      </c>
      <c r="C263" t="s">
        <v>9</v>
      </c>
      <c r="D263" t="s">
        <v>10</v>
      </c>
      <c r="E263" t="s">
        <v>11</v>
      </c>
      <c r="F263" s="2">
        <v>1</v>
      </c>
      <c r="G263" t="s">
        <v>67</v>
      </c>
      <c r="H263" t="s">
        <v>13</v>
      </c>
    </row>
    <row r="264" spans="1:8" x14ac:dyDescent="0.25">
      <c r="A264" s="1">
        <v>45547</v>
      </c>
      <c r="B264" t="s">
        <v>295</v>
      </c>
      <c r="C264" t="s">
        <v>29</v>
      </c>
      <c r="D264" t="s">
        <v>10</v>
      </c>
      <c r="E264" t="s">
        <v>11</v>
      </c>
      <c r="F264" s="2">
        <v>1</v>
      </c>
      <c r="G264" t="s">
        <v>67</v>
      </c>
      <c r="H264" t="s">
        <v>13</v>
      </c>
    </row>
    <row r="265" spans="1:8" x14ac:dyDescent="0.25">
      <c r="A265" s="1">
        <v>45547</v>
      </c>
      <c r="B265" t="s">
        <v>295</v>
      </c>
      <c r="C265" t="s">
        <v>35</v>
      </c>
      <c r="D265" t="s">
        <v>10</v>
      </c>
      <c r="E265" t="s">
        <v>11</v>
      </c>
      <c r="F265" s="2">
        <v>1</v>
      </c>
      <c r="G265" t="s">
        <v>67</v>
      </c>
      <c r="H265" t="s">
        <v>13</v>
      </c>
    </row>
    <row r="266" spans="1:8" x14ac:dyDescent="0.25">
      <c r="A266" s="1">
        <v>45547</v>
      </c>
      <c r="B266" t="s">
        <v>297</v>
      </c>
      <c r="C266" t="s">
        <v>35</v>
      </c>
      <c r="D266" t="s">
        <v>10</v>
      </c>
      <c r="E266" t="s">
        <v>11</v>
      </c>
      <c r="F266" s="2">
        <v>1</v>
      </c>
      <c r="G266" t="s">
        <v>100</v>
      </c>
      <c r="H266" t="s">
        <v>13</v>
      </c>
    </row>
    <row r="267" spans="1:8" x14ac:dyDescent="0.25">
      <c r="A267" s="1">
        <v>45545</v>
      </c>
      <c r="B267" t="s">
        <v>298</v>
      </c>
      <c r="C267" t="s">
        <v>35</v>
      </c>
      <c r="D267" t="s">
        <v>10</v>
      </c>
      <c r="E267" t="s">
        <v>11</v>
      </c>
      <c r="F267" s="2">
        <v>1</v>
      </c>
      <c r="G267" t="s">
        <v>27</v>
      </c>
      <c r="H267" t="s">
        <v>13</v>
      </c>
    </row>
    <row r="268" spans="1:8" x14ac:dyDescent="0.25">
      <c r="A268" s="1">
        <v>45544</v>
      </c>
      <c r="B268" t="s">
        <v>299</v>
      </c>
      <c r="C268" t="s">
        <v>9</v>
      </c>
      <c r="D268" t="s">
        <v>10</v>
      </c>
      <c r="E268" t="s">
        <v>11</v>
      </c>
      <c r="F268" s="2">
        <v>1</v>
      </c>
      <c r="G268" t="s">
        <v>300</v>
      </c>
      <c r="H268" t="s">
        <v>13</v>
      </c>
    </row>
    <row r="269" spans="1:8" x14ac:dyDescent="0.25">
      <c r="A269" s="1">
        <v>45544</v>
      </c>
      <c r="B269" t="s">
        <v>299</v>
      </c>
      <c r="C269" t="s">
        <v>142</v>
      </c>
      <c r="D269" t="s">
        <v>10</v>
      </c>
      <c r="E269" t="s">
        <v>11</v>
      </c>
      <c r="F269" s="2">
        <v>1</v>
      </c>
      <c r="G269" t="s">
        <v>300</v>
      </c>
      <c r="H269" t="s">
        <v>13</v>
      </c>
    </row>
    <row r="270" spans="1:8" x14ac:dyDescent="0.25">
      <c r="A270" s="1">
        <v>45544</v>
      </c>
      <c r="B270" t="s">
        <v>299</v>
      </c>
      <c r="C270" t="s">
        <v>149</v>
      </c>
      <c r="D270" t="s">
        <v>10</v>
      </c>
      <c r="E270" t="s">
        <v>11</v>
      </c>
      <c r="F270" s="2">
        <v>1</v>
      </c>
      <c r="G270" t="s">
        <v>300</v>
      </c>
      <c r="H270" t="s">
        <v>13</v>
      </c>
    </row>
    <row r="271" spans="1:8" x14ac:dyDescent="0.25">
      <c r="A271" s="1">
        <v>45544</v>
      </c>
      <c r="B271" t="s">
        <v>299</v>
      </c>
      <c r="C271" t="s">
        <v>150</v>
      </c>
      <c r="D271" t="s">
        <v>10</v>
      </c>
      <c r="E271" t="s">
        <v>11</v>
      </c>
      <c r="F271" s="2">
        <v>1</v>
      </c>
      <c r="G271" t="s">
        <v>300</v>
      </c>
      <c r="H271" t="s">
        <v>13</v>
      </c>
    </row>
    <row r="272" spans="1:8" x14ac:dyDescent="0.25">
      <c r="A272" s="1">
        <v>45544</v>
      </c>
      <c r="B272" t="s">
        <v>299</v>
      </c>
      <c r="C272" t="s">
        <v>301</v>
      </c>
      <c r="D272" t="s">
        <v>10</v>
      </c>
      <c r="E272" t="s">
        <v>11</v>
      </c>
      <c r="F272" s="2">
        <v>1</v>
      </c>
      <c r="G272" t="s">
        <v>300</v>
      </c>
      <c r="H272" t="s">
        <v>13</v>
      </c>
    </row>
    <row r="273" spans="1:8" x14ac:dyDescent="0.25">
      <c r="A273" s="1">
        <v>45544</v>
      </c>
      <c r="B273" t="s">
        <v>302</v>
      </c>
      <c r="C273" t="s">
        <v>47</v>
      </c>
      <c r="D273" t="s">
        <v>10</v>
      </c>
      <c r="E273" t="s">
        <v>11</v>
      </c>
      <c r="F273" s="2">
        <v>1</v>
      </c>
      <c r="G273" t="s">
        <v>303</v>
      </c>
      <c r="H273" t="s">
        <v>13</v>
      </c>
    </row>
    <row r="274" spans="1:8" x14ac:dyDescent="0.25">
      <c r="A274" s="1">
        <v>45543</v>
      </c>
      <c r="B274" t="s">
        <v>304</v>
      </c>
      <c r="C274" t="s">
        <v>16</v>
      </c>
      <c r="D274" t="s">
        <v>10</v>
      </c>
      <c r="E274" t="s">
        <v>11</v>
      </c>
      <c r="F274" s="2">
        <v>1</v>
      </c>
      <c r="G274" t="s">
        <v>279</v>
      </c>
      <c r="H274" t="s">
        <v>13</v>
      </c>
    </row>
    <row r="275" spans="1:8" x14ac:dyDescent="0.25">
      <c r="A275" s="1">
        <v>45542</v>
      </c>
      <c r="B275" t="s">
        <v>305</v>
      </c>
      <c r="C275" t="s">
        <v>35</v>
      </c>
      <c r="D275" t="s">
        <v>10</v>
      </c>
      <c r="E275" t="s">
        <v>11</v>
      </c>
      <c r="F275" s="2">
        <v>1</v>
      </c>
      <c r="G275" t="s">
        <v>306</v>
      </c>
      <c r="H275" t="s">
        <v>13</v>
      </c>
    </row>
    <row r="276" spans="1:8" x14ac:dyDescent="0.25">
      <c r="A276" s="1">
        <v>45541</v>
      </c>
      <c r="B276" t="s">
        <v>307</v>
      </c>
      <c r="C276" t="s">
        <v>9</v>
      </c>
      <c r="D276" t="s">
        <v>10</v>
      </c>
      <c r="E276" t="s">
        <v>11</v>
      </c>
      <c r="F276" s="2">
        <v>1</v>
      </c>
      <c r="G276" t="s">
        <v>20</v>
      </c>
      <c r="H276" t="s">
        <v>13</v>
      </c>
    </row>
    <row r="277" spans="1:8" x14ac:dyDescent="0.25">
      <c r="A277" s="1">
        <v>45540</v>
      </c>
      <c r="B277" t="s">
        <v>308</v>
      </c>
      <c r="C277" t="s">
        <v>9</v>
      </c>
      <c r="D277" t="s">
        <v>10</v>
      </c>
      <c r="E277" t="s">
        <v>11</v>
      </c>
      <c r="F277" s="2">
        <v>1</v>
      </c>
      <c r="G277" t="s">
        <v>309</v>
      </c>
      <c r="H277" t="s">
        <v>13</v>
      </c>
    </row>
    <row r="278" spans="1:8" x14ac:dyDescent="0.25">
      <c r="A278" s="1">
        <v>45540</v>
      </c>
      <c r="B278" t="s">
        <v>308</v>
      </c>
      <c r="C278" t="s">
        <v>47</v>
      </c>
      <c r="D278" t="s">
        <v>10</v>
      </c>
      <c r="E278" t="s">
        <v>11</v>
      </c>
      <c r="F278" s="2">
        <v>1</v>
      </c>
      <c r="G278" t="s">
        <v>309</v>
      </c>
      <c r="H278" t="s">
        <v>13</v>
      </c>
    </row>
    <row r="279" spans="1:8" x14ac:dyDescent="0.25">
      <c r="A279" s="1">
        <v>45540</v>
      </c>
      <c r="B279" t="s">
        <v>310</v>
      </c>
      <c r="C279" t="s">
        <v>9</v>
      </c>
      <c r="D279" t="s">
        <v>10</v>
      </c>
      <c r="E279" t="s">
        <v>11</v>
      </c>
      <c r="F279" s="2">
        <v>1</v>
      </c>
      <c r="G279" t="s">
        <v>197</v>
      </c>
      <c r="H279" t="s">
        <v>13</v>
      </c>
    </row>
    <row r="280" spans="1:8" x14ac:dyDescent="0.25">
      <c r="A280" s="1">
        <v>45540</v>
      </c>
      <c r="B280" t="s">
        <v>311</v>
      </c>
      <c r="C280" t="s">
        <v>28</v>
      </c>
      <c r="D280" t="s">
        <v>10</v>
      </c>
      <c r="E280" t="s">
        <v>11</v>
      </c>
      <c r="F280" s="2">
        <v>1</v>
      </c>
      <c r="G280" t="s">
        <v>194</v>
      </c>
      <c r="H280" t="s">
        <v>13</v>
      </c>
    </row>
    <row r="281" spans="1:8" x14ac:dyDescent="0.25">
      <c r="A281" s="1">
        <v>45540</v>
      </c>
      <c r="B281" t="s">
        <v>312</v>
      </c>
      <c r="C281" t="s">
        <v>313</v>
      </c>
      <c r="D281" t="s">
        <v>10</v>
      </c>
      <c r="E281" t="s">
        <v>11</v>
      </c>
      <c r="F281" s="2">
        <v>1</v>
      </c>
      <c r="G281" t="s">
        <v>194</v>
      </c>
      <c r="H281" t="s">
        <v>13</v>
      </c>
    </row>
    <row r="282" spans="1:8" x14ac:dyDescent="0.25">
      <c r="A282" s="1">
        <v>45539</v>
      </c>
      <c r="B282" t="s">
        <v>314</v>
      </c>
      <c r="C282" t="s">
        <v>199</v>
      </c>
      <c r="D282" t="s">
        <v>10</v>
      </c>
      <c r="E282" t="s">
        <v>11</v>
      </c>
      <c r="F282" s="2">
        <v>1</v>
      </c>
      <c r="G282" t="s">
        <v>117</v>
      </c>
      <c r="H282" t="s">
        <v>13</v>
      </c>
    </row>
    <row r="283" spans="1:8" x14ac:dyDescent="0.25">
      <c r="A283" s="1">
        <v>45539</v>
      </c>
      <c r="B283" t="s">
        <v>315</v>
      </c>
      <c r="C283" t="s">
        <v>32</v>
      </c>
      <c r="D283" t="s">
        <v>10</v>
      </c>
      <c r="E283" t="s">
        <v>11</v>
      </c>
      <c r="F283" s="2">
        <v>1</v>
      </c>
      <c r="G283" t="s">
        <v>93</v>
      </c>
      <c r="H283" t="s">
        <v>13</v>
      </c>
    </row>
    <row r="284" spans="1:8" x14ac:dyDescent="0.25">
      <c r="A284" s="1">
        <v>45538</v>
      </c>
      <c r="B284" t="s">
        <v>316</v>
      </c>
      <c r="C284" t="s">
        <v>9</v>
      </c>
      <c r="D284" t="s">
        <v>10</v>
      </c>
      <c r="E284" t="s">
        <v>11</v>
      </c>
      <c r="F284" s="2">
        <v>1</v>
      </c>
      <c r="G284" t="s">
        <v>154</v>
      </c>
      <c r="H284" t="s">
        <v>13</v>
      </c>
    </row>
    <row r="285" spans="1:8" x14ac:dyDescent="0.25">
      <c r="A285" s="1">
        <v>45538</v>
      </c>
      <c r="B285" t="s">
        <v>316</v>
      </c>
      <c r="C285" t="s">
        <v>28</v>
      </c>
      <c r="D285" t="s">
        <v>10</v>
      </c>
      <c r="E285" t="s">
        <v>11</v>
      </c>
      <c r="F285" s="2">
        <v>1</v>
      </c>
      <c r="G285" t="s">
        <v>154</v>
      </c>
      <c r="H285" t="s">
        <v>13</v>
      </c>
    </row>
    <row r="286" spans="1:8" x14ac:dyDescent="0.25">
      <c r="A286" s="1">
        <v>45538</v>
      </c>
      <c r="B286" t="s">
        <v>316</v>
      </c>
      <c r="C286" t="s">
        <v>29</v>
      </c>
      <c r="D286" t="s">
        <v>10</v>
      </c>
      <c r="E286" t="s">
        <v>11</v>
      </c>
      <c r="F286" s="2">
        <v>1</v>
      </c>
      <c r="G286" t="s">
        <v>154</v>
      </c>
      <c r="H286" t="s">
        <v>13</v>
      </c>
    </row>
    <row r="287" spans="1:8" x14ac:dyDescent="0.25">
      <c r="A287" s="1">
        <v>45538</v>
      </c>
      <c r="B287" t="s">
        <v>316</v>
      </c>
      <c r="C287" t="s">
        <v>35</v>
      </c>
      <c r="D287" t="s">
        <v>10</v>
      </c>
      <c r="E287" t="s">
        <v>11</v>
      </c>
      <c r="F287" s="2">
        <v>1</v>
      </c>
      <c r="G287" t="s">
        <v>154</v>
      </c>
      <c r="H287" t="s">
        <v>13</v>
      </c>
    </row>
    <row r="288" spans="1:8" x14ac:dyDescent="0.25">
      <c r="A288" s="1">
        <v>45538</v>
      </c>
      <c r="B288" t="s">
        <v>317</v>
      </c>
      <c r="C288" t="s">
        <v>9</v>
      </c>
      <c r="D288" t="s">
        <v>10</v>
      </c>
      <c r="E288" t="s">
        <v>11</v>
      </c>
      <c r="F288" s="2">
        <v>1</v>
      </c>
      <c r="G288" t="s">
        <v>318</v>
      </c>
      <c r="H288" t="s">
        <v>13</v>
      </c>
    </row>
    <row r="289" spans="1:8" x14ac:dyDescent="0.25">
      <c r="A289" s="1">
        <v>45538</v>
      </c>
      <c r="B289" t="s">
        <v>319</v>
      </c>
      <c r="C289" t="s">
        <v>52</v>
      </c>
      <c r="D289" t="s">
        <v>10</v>
      </c>
      <c r="E289" t="s">
        <v>11</v>
      </c>
      <c r="F289" s="2">
        <v>1</v>
      </c>
      <c r="G289" t="s">
        <v>53</v>
      </c>
      <c r="H289" t="s">
        <v>13</v>
      </c>
    </row>
    <row r="290" spans="1:8" x14ac:dyDescent="0.25">
      <c r="A290" s="1">
        <v>45538</v>
      </c>
      <c r="B290" t="s">
        <v>320</v>
      </c>
      <c r="C290" t="s">
        <v>9</v>
      </c>
      <c r="D290" t="s">
        <v>10</v>
      </c>
      <c r="E290" t="s">
        <v>11</v>
      </c>
      <c r="F290" s="2">
        <v>1</v>
      </c>
      <c r="G290" t="s">
        <v>289</v>
      </c>
      <c r="H290" t="s">
        <v>13</v>
      </c>
    </row>
    <row r="291" spans="1:8" x14ac:dyDescent="0.25">
      <c r="A291" s="1">
        <v>45538</v>
      </c>
      <c r="B291" t="s">
        <v>320</v>
      </c>
      <c r="C291" t="s">
        <v>9</v>
      </c>
      <c r="D291" t="s">
        <v>10</v>
      </c>
      <c r="E291" t="s">
        <v>11</v>
      </c>
      <c r="F291" s="2">
        <v>1</v>
      </c>
      <c r="G291" t="s">
        <v>289</v>
      </c>
      <c r="H291" t="s">
        <v>13</v>
      </c>
    </row>
    <row r="292" spans="1:8" x14ac:dyDescent="0.25">
      <c r="A292" s="1">
        <v>45538</v>
      </c>
      <c r="B292" t="s">
        <v>320</v>
      </c>
      <c r="C292" t="s">
        <v>28</v>
      </c>
      <c r="D292" t="s">
        <v>10</v>
      </c>
      <c r="E292" t="s">
        <v>11</v>
      </c>
      <c r="F292" s="2">
        <v>1</v>
      </c>
      <c r="G292" t="s">
        <v>289</v>
      </c>
      <c r="H292" t="s">
        <v>13</v>
      </c>
    </row>
    <row r="293" spans="1:8" x14ac:dyDescent="0.25">
      <c r="A293" s="1">
        <v>45538</v>
      </c>
      <c r="B293" t="s">
        <v>320</v>
      </c>
      <c r="C293" t="s">
        <v>28</v>
      </c>
      <c r="D293" t="s">
        <v>10</v>
      </c>
      <c r="E293" t="s">
        <v>11</v>
      </c>
      <c r="F293" s="2">
        <v>1</v>
      </c>
      <c r="G293" t="s">
        <v>289</v>
      </c>
      <c r="H293" t="s">
        <v>13</v>
      </c>
    </row>
    <row r="294" spans="1:8" x14ac:dyDescent="0.25">
      <c r="A294" s="1">
        <v>45538</v>
      </c>
      <c r="B294" t="s">
        <v>320</v>
      </c>
      <c r="C294" t="s">
        <v>29</v>
      </c>
      <c r="D294" t="s">
        <v>10</v>
      </c>
      <c r="E294" t="s">
        <v>11</v>
      </c>
      <c r="F294" s="2">
        <v>1</v>
      </c>
      <c r="G294" t="s">
        <v>289</v>
      </c>
      <c r="H294" t="s">
        <v>13</v>
      </c>
    </row>
    <row r="295" spans="1:8" x14ac:dyDescent="0.25">
      <c r="A295" s="1">
        <v>45538</v>
      </c>
      <c r="B295" t="s">
        <v>320</v>
      </c>
      <c r="C295" t="s">
        <v>29</v>
      </c>
      <c r="D295" t="s">
        <v>10</v>
      </c>
      <c r="E295" t="s">
        <v>11</v>
      </c>
      <c r="F295" s="2">
        <v>1</v>
      </c>
      <c r="G295" t="s">
        <v>289</v>
      </c>
      <c r="H295" t="s">
        <v>13</v>
      </c>
    </row>
    <row r="296" spans="1:8" x14ac:dyDescent="0.25">
      <c r="A296" s="1">
        <v>45538</v>
      </c>
      <c r="B296" t="s">
        <v>320</v>
      </c>
      <c r="C296" t="s">
        <v>35</v>
      </c>
      <c r="D296" t="s">
        <v>10</v>
      </c>
      <c r="E296" t="s">
        <v>11</v>
      </c>
      <c r="F296" s="2">
        <v>1</v>
      </c>
      <c r="G296" t="s">
        <v>289</v>
      </c>
      <c r="H296" t="s">
        <v>13</v>
      </c>
    </row>
    <row r="297" spans="1:8" x14ac:dyDescent="0.25">
      <c r="A297" s="1">
        <v>45538</v>
      </c>
      <c r="B297" t="s">
        <v>320</v>
      </c>
      <c r="C297" t="s">
        <v>35</v>
      </c>
      <c r="D297" t="s">
        <v>10</v>
      </c>
      <c r="E297" t="s">
        <v>11</v>
      </c>
      <c r="F297" s="2">
        <v>1</v>
      </c>
      <c r="G297" t="s">
        <v>289</v>
      </c>
      <c r="H297" t="s">
        <v>13</v>
      </c>
    </row>
    <row r="298" spans="1:8" x14ac:dyDescent="0.25">
      <c r="A298" s="1">
        <v>45537</v>
      </c>
      <c r="B298" t="s">
        <v>321</v>
      </c>
      <c r="C298" t="s">
        <v>149</v>
      </c>
      <c r="D298" t="s">
        <v>10</v>
      </c>
      <c r="E298" t="s">
        <v>11</v>
      </c>
      <c r="F298" s="2">
        <v>1</v>
      </c>
      <c r="G298" t="s">
        <v>53</v>
      </c>
      <c r="H298" t="s">
        <v>13</v>
      </c>
    </row>
    <row r="299" spans="1:8" x14ac:dyDescent="0.25">
      <c r="A299" s="1">
        <v>45537</v>
      </c>
      <c r="B299" t="s">
        <v>321</v>
      </c>
      <c r="C299" t="s">
        <v>322</v>
      </c>
      <c r="D299" t="s">
        <v>10</v>
      </c>
      <c r="E299" t="s">
        <v>11</v>
      </c>
      <c r="F299" s="2">
        <v>1</v>
      </c>
      <c r="G299" t="s">
        <v>53</v>
      </c>
      <c r="H299" t="s">
        <v>13</v>
      </c>
    </row>
    <row r="300" spans="1:8" x14ac:dyDescent="0.25">
      <c r="A300" s="1">
        <v>45536</v>
      </c>
      <c r="B300" t="s">
        <v>323</v>
      </c>
      <c r="C300" t="s">
        <v>86</v>
      </c>
      <c r="D300" t="s">
        <v>10</v>
      </c>
      <c r="E300" t="s">
        <v>11</v>
      </c>
      <c r="F300" s="2">
        <v>1</v>
      </c>
      <c r="G300" t="s">
        <v>31</v>
      </c>
      <c r="H300" t="s">
        <v>13</v>
      </c>
    </row>
    <row r="301" spans="1:8" x14ac:dyDescent="0.25">
      <c r="A301" s="1">
        <v>45536</v>
      </c>
      <c r="B301" t="s">
        <v>324</v>
      </c>
      <c r="C301" t="s">
        <v>35</v>
      </c>
      <c r="D301" t="s">
        <v>10</v>
      </c>
      <c r="E301" t="s">
        <v>11</v>
      </c>
      <c r="F301" s="2">
        <v>1</v>
      </c>
      <c r="G301" t="s">
        <v>325</v>
      </c>
      <c r="H301" t="s">
        <v>13</v>
      </c>
    </row>
    <row r="302" spans="1:8" x14ac:dyDescent="0.25">
      <c r="A302" s="1">
        <v>45535</v>
      </c>
      <c r="B302" t="s">
        <v>326</v>
      </c>
      <c r="C302" t="s">
        <v>47</v>
      </c>
      <c r="D302" t="s">
        <v>10</v>
      </c>
      <c r="E302" t="s">
        <v>11</v>
      </c>
      <c r="F302" s="2">
        <v>1</v>
      </c>
      <c r="G302" t="s">
        <v>327</v>
      </c>
      <c r="H302" t="s">
        <v>13</v>
      </c>
    </row>
    <row r="303" spans="1:8" x14ac:dyDescent="0.25">
      <c r="A303" s="1">
        <v>45535</v>
      </c>
      <c r="B303" t="s">
        <v>328</v>
      </c>
      <c r="C303" t="s">
        <v>9</v>
      </c>
      <c r="D303" t="s">
        <v>10</v>
      </c>
      <c r="E303" t="s">
        <v>11</v>
      </c>
      <c r="F303" s="2">
        <v>1</v>
      </c>
      <c r="G303" t="s">
        <v>197</v>
      </c>
      <c r="H303" t="s">
        <v>13</v>
      </c>
    </row>
    <row r="304" spans="1:8" x14ac:dyDescent="0.25">
      <c r="A304" s="1">
        <v>45534</v>
      </c>
      <c r="B304" t="s">
        <v>329</v>
      </c>
      <c r="C304" t="s">
        <v>271</v>
      </c>
      <c r="D304" t="s">
        <v>10</v>
      </c>
      <c r="E304" t="s">
        <v>11</v>
      </c>
      <c r="F304" s="2">
        <v>1</v>
      </c>
      <c r="G304" t="s">
        <v>330</v>
      </c>
      <c r="H304" t="s">
        <v>13</v>
      </c>
    </row>
    <row r="305" spans="1:8" x14ac:dyDescent="0.25">
      <c r="A305" s="1">
        <v>45533</v>
      </c>
      <c r="B305" t="s">
        <v>331</v>
      </c>
      <c r="C305" t="s">
        <v>74</v>
      </c>
      <c r="D305" t="s">
        <v>10</v>
      </c>
      <c r="E305" t="s">
        <v>11</v>
      </c>
      <c r="F305" s="2">
        <v>1</v>
      </c>
      <c r="G305" t="s">
        <v>27</v>
      </c>
      <c r="H305" t="s">
        <v>13</v>
      </c>
    </row>
    <row r="306" spans="1:8" x14ac:dyDescent="0.25">
      <c r="A306" s="1">
        <v>45533</v>
      </c>
      <c r="B306" t="s">
        <v>332</v>
      </c>
      <c r="C306" t="s">
        <v>333</v>
      </c>
      <c r="D306" t="s">
        <v>10</v>
      </c>
      <c r="E306" t="s">
        <v>11</v>
      </c>
      <c r="F306" s="2">
        <v>1</v>
      </c>
      <c r="G306" t="s">
        <v>172</v>
      </c>
      <c r="H306" t="s">
        <v>13</v>
      </c>
    </row>
    <row r="307" spans="1:8" x14ac:dyDescent="0.25">
      <c r="A307" s="1">
        <v>45532</v>
      </c>
      <c r="B307" t="s">
        <v>334</v>
      </c>
      <c r="C307" t="s">
        <v>74</v>
      </c>
      <c r="D307" t="s">
        <v>10</v>
      </c>
      <c r="E307" t="s">
        <v>11</v>
      </c>
      <c r="F307" s="2">
        <v>1</v>
      </c>
      <c r="G307" t="s">
        <v>37</v>
      </c>
      <c r="H307" t="s">
        <v>13</v>
      </c>
    </row>
    <row r="308" spans="1:8" x14ac:dyDescent="0.25">
      <c r="A308" s="1">
        <v>45532</v>
      </c>
      <c r="B308" t="s">
        <v>335</v>
      </c>
      <c r="C308" t="s">
        <v>9</v>
      </c>
      <c r="D308" t="s">
        <v>10</v>
      </c>
      <c r="E308" t="s">
        <v>11</v>
      </c>
      <c r="F308" s="2">
        <v>1</v>
      </c>
      <c r="G308" t="s">
        <v>27</v>
      </c>
      <c r="H308" t="s">
        <v>13</v>
      </c>
    </row>
    <row r="309" spans="1:8" x14ac:dyDescent="0.25">
      <c r="A309" s="1">
        <v>45531</v>
      </c>
      <c r="B309" t="s">
        <v>336</v>
      </c>
      <c r="C309" t="s">
        <v>96</v>
      </c>
      <c r="D309" t="s">
        <v>10</v>
      </c>
      <c r="E309" t="s">
        <v>11</v>
      </c>
      <c r="F309" s="2">
        <v>1</v>
      </c>
      <c r="G309" t="s">
        <v>194</v>
      </c>
      <c r="H309" t="s">
        <v>13</v>
      </c>
    </row>
    <row r="310" spans="1:8" x14ac:dyDescent="0.25">
      <c r="A310" s="1">
        <v>45531</v>
      </c>
      <c r="B310" t="s">
        <v>336</v>
      </c>
      <c r="C310" t="s">
        <v>271</v>
      </c>
      <c r="D310" t="s">
        <v>10</v>
      </c>
      <c r="E310" t="s">
        <v>11</v>
      </c>
      <c r="F310" s="2">
        <v>1</v>
      </c>
      <c r="G310" t="s">
        <v>194</v>
      </c>
      <c r="H310" t="s">
        <v>13</v>
      </c>
    </row>
    <row r="311" spans="1:8" x14ac:dyDescent="0.25">
      <c r="A311" s="1">
        <v>45531</v>
      </c>
      <c r="B311" t="s">
        <v>337</v>
      </c>
      <c r="C311" t="s">
        <v>9</v>
      </c>
      <c r="D311" t="s">
        <v>26</v>
      </c>
      <c r="E311" t="s">
        <v>11</v>
      </c>
      <c r="F311" s="2">
        <v>1</v>
      </c>
      <c r="G311" t="s">
        <v>100</v>
      </c>
      <c r="H311" t="s">
        <v>13</v>
      </c>
    </row>
    <row r="312" spans="1:8" x14ac:dyDescent="0.25">
      <c r="A312" s="1">
        <v>45530</v>
      </c>
      <c r="B312" t="s">
        <v>338</v>
      </c>
      <c r="C312" t="s">
        <v>35</v>
      </c>
      <c r="D312" t="s">
        <v>10</v>
      </c>
      <c r="E312" t="s">
        <v>11</v>
      </c>
      <c r="F312" s="2">
        <v>1</v>
      </c>
      <c r="G312" t="s">
        <v>20</v>
      </c>
      <c r="H312" t="s">
        <v>13</v>
      </c>
    </row>
    <row r="313" spans="1:8" x14ac:dyDescent="0.25">
      <c r="A313" s="1">
        <v>45529</v>
      </c>
      <c r="B313" t="s">
        <v>339</v>
      </c>
      <c r="C313" t="s">
        <v>9</v>
      </c>
      <c r="D313" t="s">
        <v>10</v>
      </c>
      <c r="E313" t="s">
        <v>11</v>
      </c>
      <c r="F313" s="2">
        <v>1</v>
      </c>
      <c r="G313" t="s">
        <v>72</v>
      </c>
      <c r="H313" t="s">
        <v>13</v>
      </c>
    </row>
    <row r="314" spans="1:8" x14ac:dyDescent="0.25">
      <c r="A314" s="1">
        <v>45529</v>
      </c>
      <c r="B314" t="s">
        <v>339</v>
      </c>
      <c r="C314" t="s">
        <v>52</v>
      </c>
      <c r="D314" t="s">
        <v>10</v>
      </c>
      <c r="E314" t="s">
        <v>11</v>
      </c>
      <c r="F314" s="2">
        <v>1</v>
      </c>
      <c r="G314" t="s">
        <v>72</v>
      </c>
      <c r="H314" t="s">
        <v>13</v>
      </c>
    </row>
    <row r="315" spans="1:8" x14ac:dyDescent="0.25">
      <c r="A315" s="1">
        <v>45529</v>
      </c>
      <c r="B315" t="s">
        <v>339</v>
      </c>
      <c r="C315" t="s">
        <v>50</v>
      </c>
      <c r="D315" t="s">
        <v>10</v>
      </c>
      <c r="E315" t="s">
        <v>11</v>
      </c>
      <c r="F315" s="2">
        <v>1</v>
      </c>
      <c r="G315" t="s">
        <v>72</v>
      </c>
      <c r="H315" t="s">
        <v>13</v>
      </c>
    </row>
    <row r="316" spans="1:8" x14ac:dyDescent="0.25">
      <c r="A316" s="1">
        <v>45529</v>
      </c>
      <c r="B316" t="s">
        <v>339</v>
      </c>
      <c r="C316" t="s">
        <v>56</v>
      </c>
      <c r="D316" t="s">
        <v>10</v>
      </c>
      <c r="E316" t="s">
        <v>11</v>
      </c>
      <c r="F316" s="2">
        <v>1</v>
      </c>
      <c r="G316" t="s">
        <v>72</v>
      </c>
      <c r="H316" t="s">
        <v>13</v>
      </c>
    </row>
    <row r="317" spans="1:8" x14ac:dyDescent="0.25">
      <c r="A317" s="1">
        <v>45529</v>
      </c>
      <c r="B317" t="s">
        <v>339</v>
      </c>
      <c r="C317" t="s">
        <v>340</v>
      </c>
      <c r="D317" t="s">
        <v>10</v>
      </c>
      <c r="E317" t="s">
        <v>11</v>
      </c>
      <c r="F317" s="2">
        <v>1</v>
      </c>
      <c r="G317" t="s">
        <v>72</v>
      </c>
      <c r="H317" t="s">
        <v>13</v>
      </c>
    </row>
    <row r="318" spans="1:8" x14ac:dyDescent="0.25">
      <c r="A318" s="1">
        <v>45529</v>
      </c>
      <c r="B318" t="s">
        <v>341</v>
      </c>
      <c r="C318" t="s">
        <v>174</v>
      </c>
      <c r="D318" t="s">
        <v>10</v>
      </c>
      <c r="E318" t="s">
        <v>11</v>
      </c>
      <c r="F318" s="2">
        <v>1</v>
      </c>
      <c r="G318" t="s">
        <v>342</v>
      </c>
      <c r="H318" t="s">
        <v>13</v>
      </c>
    </row>
    <row r="319" spans="1:8" x14ac:dyDescent="0.25">
      <c r="A319" s="1">
        <v>45528</v>
      </c>
      <c r="B319" t="s">
        <v>343</v>
      </c>
      <c r="C319" t="s">
        <v>79</v>
      </c>
      <c r="D319" t="s">
        <v>10</v>
      </c>
      <c r="E319" t="s">
        <v>11</v>
      </c>
      <c r="F319" s="2">
        <v>1</v>
      </c>
      <c r="G319" t="s">
        <v>20</v>
      </c>
      <c r="H319" t="s">
        <v>13</v>
      </c>
    </row>
    <row r="320" spans="1:8" x14ac:dyDescent="0.25">
      <c r="A320" s="1">
        <v>45528</v>
      </c>
      <c r="B320" t="s">
        <v>343</v>
      </c>
      <c r="C320" t="s">
        <v>80</v>
      </c>
      <c r="D320" t="s">
        <v>10</v>
      </c>
      <c r="E320" t="s">
        <v>11</v>
      </c>
      <c r="F320" s="2">
        <v>1</v>
      </c>
      <c r="G320" t="s">
        <v>20</v>
      </c>
      <c r="H320" t="s">
        <v>13</v>
      </c>
    </row>
    <row r="321" spans="1:8" x14ac:dyDescent="0.25">
      <c r="A321" s="1">
        <v>45527</v>
      </c>
      <c r="B321" t="s">
        <v>344</v>
      </c>
      <c r="C321" t="s">
        <v>9</v>
      </c>
      <c r="D321" t="s">
        <v>26</v>
      </c>
      <c r="E321" t="s">
        <v>11</v>
      </c>
      <c r="F321" s="2">
        <v>1</v>
      </c>
      <c r="G321" t="s">
        <v>27</v>
      </c>
      <c r="H321" t="s">
        <v>13</v>
      </c>
    </row>
    <row r="322" spans="1:8" x14ac:dyDescent="0.25">
      <c r="A322" s="1">
        <v>45527</v>
      </c>
      <c r="B322" t="s">
        <v>344</v>
      </c>
      <c r="C322" t="s">
        <v>35</v>
      </c>
      <c r="D322" t="s">
        <v>26</v>
      </c>
      <c r="E322" t="s">
        <v>11</v>
      </c>
      <c r="F322" s="2">
        <v>1</v>
      </c>
      <c r="G322" t="s">
        <v>27</v>
      </c>
      <c r="H322" t="s">
        <v>13</v>
      </c>
    </row>
    <row r="323" spans="1:8" x14ac:dyDescent="0.25">
      <c r="A323" s="1">
        <v>45526</v>
      </c>
      <c r="B323" t="s">
        <v>345</v>
      </c>
      <c r="C323" t="s">
        <v>19</v>
      </c>
      <c r="D323" t="s">
        <v>10</v>
      </c>
      <c r="E323" t="s">
        <v>11</v>
      </c>
      <c r="F323" s="2">
        <v>1</v>
      </c>
      <c r="G323" t="s">
        <v>181</v>
      </c>
      <c r="H323" t="s">
        <v>13</v>
      </c>
    </row>
    <row r="324" spans="1:8" x14ac:dyDescent="0.25">
      <c r="A324" s="1">
        <v>45525</v>
      </c>
      <c r="B324" t="s">
        <v>346</v>
      </c>
      <c r="C324" t="s">
        <v>47</v>
      </c>
      <c r="D324" t="s">
        <v>10</v>
      </c>
      <c r="E324" t="s">
        <v>11</v>
      </c>
      <c r="F324" s="2">
        <v>1</v>
      </c>
      <c r="G324" t="s">
        <v>347</v>
      </c>
      <c r="H324" t="s">
        <v>13</v>
      </c>
    </row>
    <row r="325" spans="1:8" x14ac:dyDescent="0.25">
      <c r="A325" s="1">
        <v>45524</v>
      </c>
      <c r="B325" t="s">
        <v>348</v>
      </c>
      <c r="C325" t="s">
        <v>9</v>
      </c>
      <c r="D325" t="s">
        <v>10</v>
      </c>
      <c r="E325" t="s">
        <v>11</v>
      </c>
      <c r="F325" s="2">
        <v>1</v>
      </c>
      <c r="G325" t="s">
        <v>37</v>
      </c>
      <c r="H325" t="s">
        <v>13</v>
      </c>
    </row>
    <row r="326" spans="1:8" x14ac:dyDescent="0.25">
      <c r="A326" s="1">
        <v>45524</v>
      </c>
      <c r="B326" t="s">
        <v>348</v>
      </c>
      <c r="C326" t="s">
        <v>28</v>
      </c>
      <c r="D326" t="s">
        <v>10</v>
      </c>
      <c r="E326" t="s">
        <v>11</v>
      </c>
      <c r="F326" s="2">
        <v>1</v>
      </c>
      <c r="G326" t="s">
        <v>37</v>
      </c>
      <c r="H326" t="s">
        <v>13</v>
      </c>
    </row>
    <row r="327" spans="1:8" x14ac:dyDescent="0.25">
      <c r="A327" s="1">
        <v>45524</v>
      </c>
      <c r="B327" t="s">
        <v>349</v>
      </c>
      <c r="C327" t="s">
        <v>79</v>
      </c>
      <c r="D327" t="s">
        <v>26</v>
      </c>
      <c r="E327" t="s">
        <v>11</v>
      </c>
      <c r="F327" s="2">
        <v>1</v>
      </c>
      <c r="G327" t="s">
        <v>20</v>
      </c>
      <c r="H327" t="s">
        <v>13</v>
      </c>
    </row>
    <row r="328" spans="1:8" x14ac:dyDescent="0.25">
      <c r="A328" s="1">
        <v>45524</v>
      </c>
      <c r="B328" t="s">
        <v>349</v>
      </c>
      <c r="C328" t="s">
        <v>80</v>
      </c>
      <c r="D328" t="s">
        <v>26</v>
      </c>
      <c r="E328" t="s">
        <v>11</v>
      </c>
      <c r="F328" s="2">
        <v>1</v>
      </c>
      <c r="G328" t="s">
        <v>20</v>
      </c>
      <c r="H328" t="s">
        <v>13</v>
      </c>
    </row>
    <row r="329" spans="1:8" x14ac:dyDescent="0.25">
      <c r="A329" s="1">
        <v>45524</v>
      </c>
      <c r="B329" t="s">
        <v>350</v>
      </c>
      <c r="C329" t="s">
        <v>9</v>
      </c>
      <c r="D329" t="s">
        <v>10</v>
      </c>
      <c r="E329" t="s">
        <v>11</v>
      </c>
      <c r="F329" s="2">
        <v>1</v>
      </c>
      <c r="G329" t="s">
        <v>181</v>
      </c>
      <c r="H329" t="s">
        <v>13</v>
      </c>
    </row>
    <row r="330" spans="1:8" x14ac:dyDescent="0.25">
      <c r="A330" s="1">
        <v>45523</v>
      </c>
      <c r="B330" t="s">
        <v>351</v>
      </c>
      <c r="C330" t="s">
        <v>9</v>
      </c>
      <c r="D330" t="s">
        <v>10</v>
      </c>
      <c r="E330" t="s">
        <v>11</v>
      </c>
      <c r="F330" s="2">
        <v>1</v>
      </c>
      <c r="G330" t="s">
        <v>20</v>
      </c>
      <c r="H330" t="s">
        <v>13</v>
      </c>
    </row>
    <row r="331" spans="1:8" x14ac:dyDescent="0.25">
      <c r="A331" s="1">
        <v>45523</v>
      </c>
      <c r="B331" t="s">
        <v>351</v>
      </c>
      <c r="C331" t="s">
        <v>47</v>
      </c>
      <c r="D331" t="s">
        <v>10</v>
      </c>
      <c r="E331" t="s">
        <v>11</v>
      </c>
      <c r="F331" s="2">
        <v>1</v>
      </c>
      <c r="G331" t="s">
        <v>20</v>
      </c>
      <c r="H331" t="s">
        <v>13</v>
      </c>
    </row>
    <row r="332" spans="1:8" x14ac:dyDescent="0.25">
      <c r="A332" s="1">
        <v>45522</v>
      </c>
      <c r="B332" t="s">
        <v>352</v>
      </c>
      <c r="C332" t="s">
        <v>14</v>
      </c>
      <c r="D332" t="s">
        <v>10</v>
      </c>
      <c r="E332" t="s">
        <v>11</v>
      </c>
      <c r="F332" s="2">
        <v>1</v>
      </c>
      <c r="G332" t="s">
        <v>353</v>
      </c>
      <c r="H332" t="s">
        <v>13</v>
      </c>
    </row>
    <row r="333" spans="1:8" x14ac:dyDescent="0.25">
      <c r="A333" s="1">
        <v>45521</v>
      </c>
      <c r="B333" t="s">
        <v>354</v>
      </c>
      <c r="C333" t="s">
        <v>19</v>
      </c>
      <c r="D333" t="s">
        <v>10</v>
      </c>
      <c r="E333" t="s">
        <v>11</v>
      </c>
      <c r="F333" s="2">
        <v>1</v>
      </c>
      <c r="G333" t="s">
        <v>145</v>
      </c>
      <c r="H333" t="s">
        <v>13</v>
      </c>
    </row>
    <row r="334" spans="1:8" x14ac:dyDescent="0.25">
      <c r="A334" s="1">
        <v>45521</v>
      </c>
      <c r="B334" t="s">
        <v>354</v>
      </c>
      <c r="C334" t="s">
        <v>9</v>
      </c>
      <c r="D334" t="s">
        <v>10</v>
      </c>
      <c r="E334" t="s">
        <v>11</v>
      </c>
      <c r="F334" s="2">
        <v>1</v>
      </c>
      <c r="G334" t="s">
        <v>145</v>
      </c>
      <c r="H334" t="s">
        <v>13</v>
      </c>
    </row>
    <row r="335" spans="1:8" x14ac:dyDescent="0.25">
      <c r="A335" s="1">
        <v>45521</v>
      </c>
      <c r="B335" t="s">
        <v>355</v>
      </c>
      <c r="C335" t="s">
        <v>9</v>
      </c>
      <c r="D335" t="s">
        <v>10</v>
      </c>
      <c r="E335" t="s">
        <v>11</v>
      </c>
      <c r="F335" s="2">
        <v>1</v>
      </c>
      <c r="G335" t="s">
        <v>67</v>
      </c>
      <c r="H335" t="s">
        <v>13</v>
      </c>
    </row>
    <row r="336" spans="1:8" x14ac:dyDescent="0.25">
      <c r="A336" s="1">
        <v>45521</v>
      </c>
      <c r="B336" t="s">
        <v>355</v>
      </c>
      <c r="C336" t="s">
        <v>52</v>
      </c>
      <c r="D336" t="s">
        <v>10</v>
      </c>
      <c r="E336" t="s">
        <v>11</v>
      </c>
      <c r="F336" s="2">
        <v>1</v>
      </c>
      <c r="G336" t="s">
        <v>67</v>
      </c>
      <c r="H336" t="s">
        <v>13</v>
      </c>
    </row>
    <row r="337" spans="1:8" x14ac:dyDescent="0.25">
      <c r="A337" s="1">
        <v>45521</v>
      </c>
      <c r="B337" t="s">
        <v>355</v>
      </c>
      <c r="C337" t="s">
        <v>47</v>
      </c>
      <c r="D337" t="s">
        <v>10</v>
      </c>
      <c r="E337" t="s">
        <v>11</v>
      </c>
      <c r="F337" s="2">
        <v>1</v>
      </c>
      <c r="G337" t="s">
        <v>67</v>
      </c>
      <c r="H337" t="s">
        <v>13</v>
      </c>
    </row>
    <row r="338" spans="1:8" x14ac:dyDescent="0.25">
      <c r="A338" s="1">
        <v>45520</v>
      </c>
      <c r="B338" t="s">
        <v>356</v>
      </c>
      <c r="C338" t="s">
        <v>9</v>
      </c>
      <c r="D338" t="s">
        <v>10</v>
      </c>
      <c r="E338" t="s">
        <v>11</v>
      </c>
      <c r="F338" s="2">
        <v>1</v>
      </c>
      <c r="G338" t="s">
        <v>357</v>
      </c>
      <c r="H338" t="s">
        <v>13</v>
      </c>
    </row>
    <row r="339" spans="1:8" x14ac:dyDescent="0.25">
      <c r="A339" s="1">
        <v>45520</v>
      </c>
      <c r="B339" t="s">
        <v>356</v>
      </c>
      <c r="C339" t="s">
        <v>47</v>
      </c>
      <c r="D339" t="s">
        <v>10</v>
      </c>
      <c r="E339" t="s">
        <v>11</v>
      </c>
      <c r="F339" s="2">
        <v>1</v>
      </c>
      <c r="G339" t="s">
        <v>357</v>
      </c>
      <c r="H339" t="s">
        <v>13</v>
      </c>
    </row>
    <row r="340" spans="1:8" x14ac:dyDescent="0.25">
      <c r="A340" s="1">
        <v>45520</v>
      </c>
      <c r="B340" t="s">
        <v>356</v>
      </c>
      <c r="C340" t="s">
        <v>14</v>
      </c>
      <c r="D340" t="s">
        <v>10</v>
      </c>
      <c r="E340" t="s">
        <v>11</v>
      </c>
      <c r="F340" s="2">
        <v>1</v>
      </c>
      <c r="G340" t="s">
        <v>357</v>
      </c>
      <c r="H340" t="s">
        <v>13</v>
      </c>
    </row>
    <row r="341" spans="1:8" x14ac:dyDescent="0.25">
      <c r="A341" s="1">
        <v>45518</v>
      </c>
      <c r="B341" t="s">
        <v>358</v>
      </c>
      <c r="C341" t="s">
        <v>19</v>
      </c>
      <c r="D341" t="s">
        <v>10</v>
      </c>
      <c r="E341" t="s">
        <v>11</v>
      </c>
      <c r="F341" s="2">
        <v>1</v>
      </c>
      <c r="G341" t="s">
        <v>359</v>
      </c>
      <c r="H341" t="s">
        <v>13</v>
      </c>
    </row>
    <row r="342" spans="1:8" x14ac:dyDescent="0.25">
      <c r="A342" s="1">
        <v>45516</v>
      </c>
      <c r="B342" t="s">
        <v>360</v>
      </c>
      <c r="C342" t="s">
        <v>35</v>
      </c>
      <c r="D342" t="s">
        <v>10</v>
      </c>
      <c r="E342" t="s">
        <v>11</v>
      </c>
      <c r="F342" s="2">
        <v>1</v>
      </c>
      <c r="G342" t="s">
        <v>20</v>
      </c>
      <c r="H342" t="s">
        <v>13</v>
      </c>
    </row>
    <row r="343" spans="1:8" x14ac:dyDescent="0.25">
      <c r="A343" s="1">
        <v>45515</v>
      </c>
      <c r="B343" t="s">
        <v>361</v>
      </c>
      <c r="C343" t="s">
        <v>9</v>
      </c>
      <c r="D343" t="s">
        <v>26</v>
      </c>
      <c r="E343" t="s">
        <v>11</v>
      </c>
      <c r="F343" s="2">
        <v>1</v>
      </c>
      <c r="G343" t="s">
        <v>318</v>
      </c>
      <c r="H343" t="s">
        <v>13</v>
      </c>
    </row>
    <row r="344" spans="1:8" x14ac:dyDescent="0.25">
      <c r="A344" s="1">
        <v>45515</v>
      </c>
      <c r="B344" t="s">
        <v>361</v>
      </c>
      <c r="C344" t="s">
        <v>118</v>
      </c>
      <c r="D344" t="s">
        <v>26</v>
      </c>
      <c r="E344" t="s">
        <v>11</v>
      </c>
      <c r="F344" s="2">
        <v>1</v>
      </c>
      <c r="G344" t="s">
        <v>318</v>
      </c>
      <c r="H344" t="s">
        <v>13</v>
      </c>
    </row>
    <row r="345" spans="1:8" x14ac:dyDescent="0.25">
      <c r="A345" s="1">
        <v>45515</v>
      </c>
      <c r="B345" t="s">
        <v>361</v>
      </c>
      <c r="C345" t="s">
        <v>151</v>
      </c>
      <c r="D345" t="s">
        <v>26</v>
      </c>
      <c r="E345" t="s">
        <v>11</v>
      </c>
      <c r="F345" s="2">
        <v>1</v>
      </c>
      <c r="G345" t="s">
        <v>318</v>
      </c>
      <c r="H345" t="s">
        <v>13</v>
      </c>
    </row>
    <row r="346" spans="1:8" x14ac:dyDescent="0.25">
      <c r="A346" s="1">
        <v>45514</v>
      </c>
      <c r="B346" t="s">
        <v>362</v>
      </c>
      <c r="C346" t="s">
        <v>9</v>
      </c>
      <c r="D346" t="s">
        <v>10</v>
      </c>
      <c r="E346" t="s">
        <v>11</v>
      </c>
      <c r="F346" s="2">
        <v>1</v>
      </c>
      <c r="G346" t="s">
        <v>37</v>
      </c>
      <c r="H346" t="s">
        <v>13</v>
      </c>
    </row>
    <row r="347" spans="1:8" x14ac:dyDescent="0.25">
      <c r="A347" s="1">
        <v>45514</v>
      </c>
      <c r="B347" t="s">
        <v>362</v>
      </c>
      <c r="C347" t="s">
        <v>47</v>
      </c>
      <c r="D347" t="s">
        <v>10</v>
      </c>
      <c r="E347" t="s">
        <v>11</v>
      </c>
      <c r="F347" s="2">
        <v>1</v>
      </c>
      <c r="G347" t="s">
        <v>37</v>
      </c>
      <c r="H347" t="s">
        <v>13</v>
      </c>
    </row>
    <row r="348" spans="1:8" x14ac:dyDescent="0.25">
      <c r="A348" s="1">
        <v>45512</v>
      </c>
      <c r="B348" t="s">
        <v>363</v>
      </c>
      <c r="C348" t="s">
        <v>9</v>
      </c>
      <c r="D348" t="s">
        <v>10</v>
      </c>
      <c r="E348" t="s">
        <v>11</v>
      </c>
      <c r="F348" s="2">
        <v>1</v>
      </c>
      <c r="G348" t="s">
        <v>364</v>
      </c>
      <c r="H348" t="s">
        <v>13</v>
      </c>
    </row>
    <row r="349" spans="1:8" x14ac:dyDescent="0.25">
      <c r="A349" s="1">
        <v>45512</v>
      </c>
      <c r="B349" t="s">
        <v>365</v>
      </c>
      <c r="C349" t="s">
        <v>35</v>
      </c>
      <c r="D349" t="s">
        <v>10</v>
      </c>
      <c r="E349" t="s">
        <v>11</v>
      </c>
      <c r="F349" s="2">
        <v>1</v>
      </c>
      <c r="G349" t="s">
        <v>100</v>
      </c>
      <c r="H349" t="s">
        <v>13</v>
      </c>
    </row>
    <row r="350" spans="1:8" x14ac:dyDescent="0.25">
      <c r="A350" s="1">
        <v>45512</v>
      </c>
      <c r="B350" t="s">
        <v>366</v>
      </c>
      <c r="C350" t="s">
        <v>35</v>
      </c>
      <c r="D350" t="s">
        <v>10</v>
      </c>
      <c r="E350" t="s">
        <v>11</v>
      </c>
      <c r="F350" s="2">
        <v>1</v>
      </c>
      <c r="G350" t="s">
        <v>100</v>
      </c>
      <c r="H350" t="s">
        <v>13</v>
      </c>
    </row>
    <row r="351" spans="1:8" x14ac:dyDescent="0.25">
      <c r="A351" s="1">
        <v>45511</v>
      </c>
      <c r="B351" t="s">
        <v>367</v>
      </c>
      <c r="C351" t="s">
        <v>47</v>
      </c>
      <c r="D351" t="s">
        <v>10</v>
      </c>
      <c r="E351" t="s">
        <v>11</v>
      </c>
      <c r="F351" s="2">
        <v>1</v>
      </c>
      <c r="G351" t="s">
        <v>40</v>
      </c>
      <c r="H351" t="s">
        <v>13</v>
      </c>
    </row>
    <row r="352" spans="1:8" x14ac:dyDescent="0.25">
      <c r="A352" s="1">
        <v>45511</v>
      </c>
      <c r="B352" t="s">
        <v>368</v>
      </c>
      <c r="C352" t="s">
        <v>369</v>
      </c>
      <c r="D352" t="s">
        <v>10</v>
      </c>
      <c r="E352" t="s">
        <v>11</v>
      </c>
      <c r="F352" s="2">
        <v>1</v>
      </c>
      <c r="G352" t="s">
        <v>44</v>
      </c>
      <c r="H352" t="s">
        <v>13</v>
      </c>
    </row>
    <row r="353" spans="1:8" x14ac:dyDescent="0.25">
      <c r="A353" s="1">
        <v>45511</v>
      </c>
      <c r="B353" t="s">
        <v>370</v>
      </c>
      <c r="C353" t="s">
        <v>174</v>
      </c>
      <c r="D353" t="s">
        <v>26</v>
      </c>
      <c r="E353" t="s">
        <v>11</v>
      </c>
      <c r="F353" s="2">
        <v>1</v>
      </c>
      <c r="G353" t="s">
        <v>111</v>
      </c>
      <c r="H353" t="s">
        <v>13</v>
      </c>
    </row>
    <row r="354" spans="1:8" x14ac:dyDescent="0.25">
      <c r="A354" s="1">
        <v>45511</v>
      </c>
      <c r="B354" t="s">
        <v>371</v>
      </c>
      <c r="C354" t="s">
        <v>9</v>
      </c>
      <c r="D354" t="s">
        <v>26</v>
      </c>
      <c r="E354" t="s">
        <v>11</v>
      </c>
      <c r="F354" s="2">
        <v>1</v>
      </c>
      <c r="G354" t="s">
        <v>372</v>
      </c>
      <c r="H354" t="s">
        <v>13</v>
      </c>
    </row>
    <row r="355" spans="1:8" x14ac:dyDescent="0.25">
      <c r="A355" s="1">
        <v>45511</v>
      </c>
      <c r="B355" t="s">
        <v>371</v>
      </c>
      <c r="C355" t="s">
        <v>14</v>
      </c>
      <c r="D355" t="s">
        <v>26</v>
      </c>
      <c r="E355" t="s">
        <v>11</v>
      </c>
      <c r="F355" s="2">
        <v>1</v>
      </c>
      <c r="G355" t="s">
        <v>372</v>
      </c>
      <c r="H355" t="s">
        <v>13</v>
      </c>
    </row>
    <row r="356" spans="1:8" x14ac:dyDescent="0.25">
      <c r="A356" s="1">
        <v>45510</v>
      </c>
      <c r="B356" t="s">
        <v>373</v>
      </c>
      <c r="C356" t="s">
        <v>9</v>
      </c>
      <c r="D356" t="s">
        <v>26</v>
      </c>
      <c r="E356" t="s">
        <v>11</v>
      </c>
      <c r="F356" s="2">
        <v>1</v>
      </c>
      <c r="G356" t="s">
        <v>374</v>
      </c>
      <c r="H356" t="s">
        <v>13</v>
      </c>
    </row>
    <row r="357" spans="1:8" x14ac:dyDescent="0.25">
      <c r="A357" s="1">
        <v>45510</v>
      </c>
      <c r="B357" t="s">
        <v>373</v>
      </c>
      <c r="C357" t="s">
        <v>35</v>
      </c>
      <c r="D357" t="s">
        <v>26</v>
      </c>
      <c r="E357" t="s">
        <v>11</v>
      </c>
      <c r="F357" s="2">
        <v>1</v>
      </c>
      <c r="G357" t="s">
        <v>374</v>
      </c>
      <c r="H357" t="s">
        <v>13</v>
      </c>
    </row>
    <row r="358" spans="1:8" x14ac:dyDescent="0.25">
      <c r="A358" s="1">
        <v>45510</v>
      </c>
      <c r="B358" t="s">
        <v>375</v>
      </c>
      <c r="C358" t="s">
        <v>9</v>
      </c>
      <c r="D358" t="s">
        <v>10</v>
      </c>
      <c r="E358" t="s">
        <v>11</v>
      </c>
      <c r="F358" s="2">
        <v>1</v>
      </c>
      <c r="G358" t="s">
        <v>125</v>
      </c>
      <c r="H358" t="s">
        <v>13</v>
      </c>
    </row>
    <row r="359" spans="1:8" x14ac:dyDescent="0.25">
      <c r="A359" s="1">
        <v>45510</v>
      </c>
      <c r="B359" t="s">
        <v>375</v>
      </c>
      <c r="C359" t="s">
        <v>35</v>
      </c>
      <c r="D359" t="s">
        <v>10</v>
      </c>
      <c r="E359" t="s">
        <v>11</v>
      </c>
      <c r="F359" s="2">
        <v>1</v>
      </c>
      <c r="G359" t="s">
        <v>125</v>
      </c>
      <c r="H359" t="s">
        <v>13</v>
      </c>
    </row>
    <row r="360" spans="1:8" x14ac:dyDescent="0.25">
      <c r="A360" s="1">
        <v>45510</v>
      </c>
      <c r="B360" t="s">
        <v>376</v>
      </c>
      <c r="C360" t="s">
        <v>9</v>
      </c>
      <c r="D360" t="s">
        <v>10</v>
      </c>
      <c r="E360" t="s">
        <v>11</v>
      </c>
      <c r="F360" s="2">
        <v>1</v>
      </c>
      <c r="G360" t="s">
        <v>318</v>
      </c>
      <c r="H360" t="s">
        <v>13</v>
      </c>
    </row>
    <row r="361" spans="1:8" x14ac:dyDescent="0.25">
      <c r="A361" s="1">
        <v>45507</v>
      </c>
      <c r="B361" t="s">
        <v>377</v>
      </c>
      <c r="C361" t="s">
        <v>9</v>
      </c>
      <c r="D361" t="s">
        <v>10</v>
      </c>
      <c r="E361" t="s">
        <v>11</v>
      </c>
      <c r="F361" s="2">
        <v>1</v>
      </c>
      <c r="G361" t="s">
        <v>37</v>
      </c>
      <c r="H361" t="s">
        <v>13</v>
      </c>
    </row>
    <row r="362" spans="1:8" x14ac:dyDescent="0.25">
      <c r="A362" s="1">
        <v>45507</v>
      </c>
      <c r="B362" t="s">
        <v>377</v>
      </c>
      <c r="C362" t="s">
        <v>14</v>
      </c>
      <c r="D362" t="s">
        <v>10</v>
      </c>
      <c r="E362" t="s">
        <v>11</v>
      </c>
      <c r="F362" s="2">
        <v>1</v>
      </c>
      <c r="G362" t="s">
        <v>37</v>
      </c>
      <c r="H362" t="s">
        <v>13</v>
      </c>
    </row>
    <row r="363" spans="1:8" x14ac:dyDescent="0.25">
      <c r="A363" s="1">
        <v>45506</v>
      </c>
      <c r="B363" t="s">
        <v>378</v>
      </c>
      <c r="C363" t="s">
        <v>149</v>
      </c>
      <c r="D363" t="s">
        <v>10</v>
      </c>
      <c r="E363" t="s">
        <v>11</v>
      </c>
      <c r="F363" s="2">
        <v>1</v>
      </c>
      <c r="G363" t="s">
        <v>135</v>
      </c>
      <c r="H363" t="s">
        <v>13</v>
      </c>
    </row>
    <row r="364" spans="1:8" x14ac:dyDescent="0.25">
      <c r="A364" s="1">
        <v>45506</v>
      </c>
      <c r="B364" t="s">
        <v>378</v>
      </c>
      <c r="C364" t="s">
        <v>149</v>
      </c>
      <c r="D364" t="s">
        <v>10</v>
      </c>
      <c r="E364" t="s">
        <v>11</v>
      </c>
      <c r="F364" s="2">
        <v>1</v>
      </c>
      <c r="G364" t="s">
        <v>135</v>
      </c>
      <c r="H364" t="s">
        <v>13</v>
      </c>
    </row>
    <row r="365" spans="1:8" x14ac:dyDescent="0.25">
      <c r="A365" s="1">
        <v>45506</v>
      </c>
      <c r="B365" t="s">
        <v>378</v>
      </c>
      <c r="C365" t="s">
        <v>379</v>
      </c>
      <c r="D365" t="s">
        <v>10</v>
      </c>
      <c r="E365" t="s">
        <v>11</v>
      </c>
      <c r="F365" s="2">
        <v>1</v>
      </c>
      <c r="G365" t="s">
        <v>135</v>
      </c>
      <c r="H365" t="s">
        <v>13</v>
      </c>
    </row>
    <row r="366" spans="1:8" x14ac:dyDescent="0.25">
      <c r="A366" s="1">
        <v>45506</v>
      </c>
      <c r="B366" t="s">
        <v>378</v>
      </c>
      <c r="C366" t="s">
        <v>379</v>
      </c>
      <c r="D366" t="s">
        <v>10</v>
      </c>
      <c r="E366" t="s">
        <v>11</v>
      </c>
      <c r="F366" s="2">
        <v>1</v>
      </c>
      <c r="G366" t="s">
        <v>135</v>
      </c>
      <c r="H366" t="s">
        <v>13</v>
      </c>
    </row>
    <row r="367" spans="1:8" x14ac:dyDescent="0.25">
      <c r="A367" s="1">
        <v>45506</v>
      </c>
      <c r="B367" t="s">
        <v>378</v>
      </c>
      <c r="C367" t="s">
        <v>126</v>
      </c>
      <c r="D367" t="s">
        <v>10</v>
      </c>
      <c r="E367" t="s">
        <v>11</v>
      </c>
      <c r="F367" s="2">
        <v>1</v>
      </c>
      <c r="G367" t="s">
        <v>135</v>
      </c>
      <c r="H367" t="s">
        <v>13</v>
      </c>
    </row>
    <row r="368" spans="1:8" x14ac:dyDescent="0.25">
      <c r="A368" s="1">
        <v>45506</v>
      </c>
      <c r="B368" t="s">
        <v>378</v>
      </c>
      <c r="C368" t="s">
        <v>126</v>
      </c>
      <c r="D368" t="s">
        <v>10</v>
      </c>
      <c r="E368" t="s">
        <v>11</v>
      </c>
      <c r="F368" s="2">
        <v>1</v>
      </c>
      <c r="G368" t="s">
        <v>135</v>
      </c>
      <c r="H368" t="s">
        <v>13</v>
      </c>
    </row>
    <row r="369" spans="1:8" x14ac:dyDescent="0.25">
      <c r="A369" s="1">
        <v>45504</v>
      </c>
      <c r="B369" t="s">
        <v>380</v>
      </c>
      <c r="C369" t="s">
        <v>29</v>
      </c>
      <c r="D369" t="s">
        <v>10</v>
      </c>
      <c r="E369" t="s">
        <v>11</v>
      </c>
      <c r="F369" s="2">
        <v>1</v>
      </c>
      <c r="G369" t="s">
        <v>20</v>
      </c>
      <c r="H369" t="s">
        <v>13</v>
      </c>
    </row>
    <row r="370" spans="1:8" x14ac:dyDescent="0.25">
      <c r="A370" s="1">
        <v>45504</v>
      </c>
      <c r="B370" t="s">
        <v>380</v>
      </c>
      <c r="C370" t="s">
        <v>35</v>
      </c>
      <c r="D370" t="s">
        <v>10</v>
      </c>
      <c r="E370" t="s">
        <v>11</v>
      </c>
      <c r="F370" s="2">
        <v>1</v>
      </c>
      <c r="G370" t="s">
        <v>20</v>
      </c>
      <c r="H370" t="s">
        <v>13</v>
      </c>
    </row>
    <row r="371" spans="1:8" x14ac:dyDescent="0.25">
      <c r="A371" s="1">
        <v>45504</v>
      </c>
      <c r="B371" t="s">
        <v>381</v>
      </c>
      <c r="C371" t="s">
        <v>28</v>
      </c>
      <c r="D371" t="s">
        <v>10</v>
      </c>
      <c r="E371" t="s">
        <v>11</v>
      </c>
      <c r="F371" s="2">
        <v>1</v>
      </c>
      <c r="G371" t="s">
        <v>197</v>
      </c>
      <c r="H371" t="s">
        <v>13</v>
      </c>
    </row>
    <row r="372" spans="1:8" x14ac:dyDescent="0.25">
      <c r="A372" s="1">
        <v>45504</v>
      </c>
      <c r="B372" t="s">
        <v>381</v>
      </c>
      <c r="C372" t="s">
        <v>115</v>
      </c>
      <c r="D372" t="s">
        <v>10</v>
      </c>
      <c r="E372" t="s">
        <v>11</v>
      </c>
      <c r="F372" s="2">
        <v>1</v>
      </c>
      <c r="G372" t="s">
        <v>197</v>
      </c>
      <c r="H372" t="s">
        <v>13</v>
      </c>
    </row>
    <row r="373" spans="1:8" x14ac:dyDescent="0.25">
      <c r="A373" s="1">
        <v>45504</v>
      </c>
      <c r="B373" t="s">
        <v>382</v>
      </c>
      <c r="C373" t="s">
        <v>47</v>
      </c>
      <c r="D373" t="s">
        <v>10</v>
      </c>
      <c r="E373" t="s">
        <v>11</v>
      </c>
      <c r="F373" s="2">
        <v>1</v>
      </c>
      <c r="G373" t="s">
        <v>137</v>
      </c>
      <c r="H373" t="s">
        <v>13</v>
      </c>
    </row>
    <row r="374" spans="1:8" x14ac:dyDescent="0.25">
      <c r="A374" s="1">
        <v>45504</v>
      </c>
      <c r="B374" t="s">
        <v>383</v>
      </c>
      <c r="C374" t="s">
        <v>29</v>
      </c>
      <c r="D374" t="s">
        <v>10</v>
      </c>
      <c r="E374" t="s">
        <v>11</v>
      </c>
      <c r="F374" s="2">
        <v>1</v>
      </c>
      <c r="G374" t="s">
        <v>72</v>
      </c>
      <c r="H374" t="s">
        <v>13</v>
      </c>
    </row>
    <row r="375" spans="1:8" x14ac:dyDescent="0.25">
      <c r="A375" s="1">
        <v>45504</v>
      </c>
      <c r="B375" t="s">
        <v>384</v>
      </c>
      <c r="C375" t="s">
        <v>9</v>
      </c>
      <c r="D375" t="s">
        <v>10</v>
      </c>
      <c r="E375" t="s">
        <v>11</v>
      </c>
      <c r="F375" s="2">
        <v>1</v>
      </c>
      <c r="G375" t="s">
        <v>53</v>
      </c>
      <c r="H375" t="s">
        <v>13</v>
      </c>
    </row>
    <row r="376" spans="1:8" x14ac:dyDescent="0.25">
      <c r="A376" s="1">
        <v>45504</v>
      </c>
      <c r="B376" t="s">
        <v>384</v>
      </c>
      <c r="C376" t="s">
        <v>28</v>
      </c>
      <c r="D376" t="s">
        <v>10</v>
      </c>
      <c r="E376" t="s">
        <v>11</v>
      </c>
      <c r="F376" s="2">
        <v>1</v>
      </c>
      <c r="G376" t="s">
        <v>53</v>
      </c>
      <c r="H376" t="s">
        <v>13</v>
      </c>
    </row>
    <row r="377" spans="1:8" x14ac:dyDescent="0.25">
      <c r="A377" s="1">
        <v>45504</v>
      </c>
      <c r="B377" t="s">
        <v>384</v>
      </c>
      <c r="C377" t="s">
        <v>29</v>
      </c>
      <c r="D377" t="s">
        <v>10</v>
      </c>
      <c r="E377" t="s">
        <v>11</v>
      </c>
      <c r="F377" s="2">
        <v>1</v>
      </c>
      <c r="G377" t="s">
        <v>53</v>
      </c>
      <c r="H377" t="s">
        <v>13</v>
      </c>
    </row>
    <row r="378" spans="1:8" x14ac:dyDescent="0.25">
      <c r="A378" s="1">
        <v>45504</v>
      </c>
      <c r="B378" t="s">
        <v>384</v>
      </c>
      <c r="C378" t="s">
        <v>35</v>
      </c>
      <c r="D378" t="s">
        <v>10</v>
      </c>
      <c r="E378" t="s">
        <v>11</v>
      </c>
      <c r="F378" s="2">
        <v>1</v>
      </c>
      <c r="G378" t="s">
        <v>53</v>
      </c>
      <c r="H378" t="s">
        <v>13</v>
      </c>
    </row>
    <row r="379" spans="1:8" x14ac:dyDescent="0.25">
      <c r="A379" s="1">
        <v>45503</v>
      </c>
      <c r="B379" t="s">
        <v>385</v>
      </c>
      <c r="C379" t="s">
        <v>9</v>
      </c>
      <c r="D379" t="s">
        <v>10</v>
      </c>
      <c r="E379" t="s">
        <v>11</v>
      </c>
      <c r="F379" s="2">
        <v>1</v>
      </c>
      <c r="G379" t="s">
        <v>386</v>
      </c>
      <c r="H379" t="s">
        <v>13</v>
      </c>
    </row>
    <row r="380" spans="1:8" x14ac:dyDescent="0.25">
      <c r="A380" s="1">
        <v>45503</v>
      </c>
      <c r="B380" t="s">
        <v>385</v>
      </c>
      <c r="C380" t="s">
        <v>47</v>
      </c>
      <c r="D380" t="s">
        <v>10</v>
      </c>
      <c r="E380" t="s">
        <v>11</v>
      </c>
      <c r="F380" s="2">
        <v>1</v>
      </c>
      <c r="G380" t="s">
        <v>386</v>
      </c>
      <c r="H380" t="s">
        <v>13</v>
      </c>
    </row>
    <row r="381" spans="1:8" x14ac:dyDescent="0.25">
      <c r="A381" s="1">
        <v>45503</v>
      </c>
      <c r="B381" t="s">
        <v>387</v>
      </c>
      <c r="C381" t="s">
        <v>9</v>
      </c>
      <c r="D381" t="s">
        <v>10</v>
      </c>
      <c r="E381" t="s">
        <v>11</v>
      </c>
      <c r="F381" s="2">
        <v>1</v>
      </c>
      <c r="G381" t="s">
        <v>53</v>
      </c>
      <c r="H381" t="s">
        <v>13</v>
      </c>
    </row>
    <row r="382" spans="1:8" x14ac:dyDescent="0.25">
      <c r="A382" s="1">
        <v>45503</v>
      </c>
      <c r="B382" t="s">
        <v>388</v>
      </c>
      <c r="C382" t="s">
        <v>28</v>
      </c>
      <c r="D382" t="s">
        <v>10</v>
      </c>
      <c r="E382" t="s">
        <v>11</v>
      </c>
      <c r="F382" s="2">
        <v>1</v>
      </c>
      <c r="G382" t="s">
        <v>46</v>
      </c>
      <c r="H382" t="s">
        <v>13</v>
      </c>
    </row>
    <row r="383" spans="1:8" x14ac:dyDescent="0.25">
      <c r="A383" s="1">
        <v>45503</v>
      </c>
      <c r="B383" t="s">
        <v>388</v>
      </c>
      <c r="C383" t="s">
        <v>29</v>
      </c>
      <c r="D383" t="s">
        <v>10</v>
      </c>
      <c r="E383" t="s">
        <v>11</v>
      </c>
      <c r="F383" s="2">
        <v>1</v>
      </c>
      <c r="G383" t="s">
        <v>46</v>
      </c>
      <c r="H383" t="s">
        <v>13</v>
      </c>
    </row>
    <row r="384" spans="1:8" x14ac:dyDescent="0.25">
      <c r="A384" s="1">
        <v>45503</v>
      </c>
      <c r="B384" t="s">
        <v>389</v>
      </c>
      <c r="C384" t="s">
        <v>9</v>
      </c>
      <c r="D384" t="s">
        <v>10</v>
      </c>
      <c r="E384" t="s">
        <v>11</v>
      </c>
      <c r="F384" s="2">
        <v>1</v>
      </c>
      <c r="G384" t="s">
        <v>63</v>
      </c>
      <c r="H384" t="s">
        <v>13</v>
      </c>
    </row>
    <row r="385" spans="1:8" x14ac:dyDescent="0.25">
      <c r="A385" s="1">
        <v>45503</v>
      </c>
      <c r="B385" t="s">
        <v>389</v>
      </c>
      <c r="C385" t="s">
        <v>35</v>
      </c>
      <c r="D385" t="s">
        <v>10</v>
      </c>
      <c r="E385" t="s">
        <v>11</v>
      </c>
      <c r="F385" s="2">
        <v>1</v>
      </c>
      <c r="G385" t="s">
        <v>63</v>
      </c>
      <c r="H385" t="s">
        <v>13</v>
      </c>
    </row>
    <row r="386" spans="1:8" x14ac:dyDescent="0.25">
      <c r="A386" s="1">
        <v>45502</v>
      </c>
      <c r="B386" t="s">
        <v>390</v>
      </c>
      <c r="C386" t="s">
        <v>271</v>
      </c>
      <c r="D386" t="s">
        <v>10</v>
      </c>
      <c r="E386" t="s">
        <v>11</v>
      </c>
      <c r="F386" s="2">
        <v>1</v>
      </c>
      <c r="G386" t="s">
        <v>37</v>
      </c>
      <c r="H386" t="s">
        <v>13</v>
      </c>
    </row>
    <row r="387" spans="1:8" x14ac:dyDescent="0.25">
      <c r="A387" s="1">
        <v>45502</v>
      </c>
      <c r="B387" t="s">
        <v>391</v>
      </c>
      <c r="C387" t="s">
        <v>9</v>
      </c>
      <c r="D387" t="s">
        <v>10</v>
      </c>
      <c r="E387" t="s">
        <v>11</v>
      </c>
      <c r="F387" s="2">
        <v>1</v>
      </c>
      <c r="G387" t="s">
        <v>111</v>
      </c>
      <c r="H387" t="s">
        <v>13</v>
      </c>
    </row>
    <row r="388" spans="1:8" x14ac:dyDescent="0.25">
      <c r="A388" s="1">
        <v>45501</v>
      </c>
      <c r="B388" t="s">
        <v>392</v>
      </c>
      <c r="C388" t="s">
        <v>9</v>
      </c>
      <c r="D388" t="s">
        <v>10</v>
      </c>
      <c r="E388" t="s">
        <v>11</v>
      </c>
      <c r="F388" s="2">
        <v>1</v>
      </c>
      <c r="G388" t="s">
        <v>214</v>
      </c>
      <c r="H388" t="s">
        <v>13</v>
      </c>
    </row>
    <row r="389" spans="1:8" x14ac:dyDescent="0.25">
      <c r="A389" s="1">
        <v>45500</v>
      </c>
      <c r="B389" t="s">
        <v>393</v>
      </c>
      <c r="C389" t="s">
        <v>394</v>
      </c>
      <c r="D389" t="s">
        <v>10</v>
      </c>
      <c r="E389" t="s">
        <v>11</v>
      </c>
      <c r="F389" s="2">
        <v>1</v>
      </c>
      <c r="G389" t="s">
        <v>100</v>
      </c>
      <c r="H389" t="s">
        <v>13</v>
      </c>
    </row>
    <row r="390" spans="1:8" x14ac:dyDescent="0.25">
      <c r="A390" s="1">
        <v>45500</v>
      </c>
      <c r="B390" t="s">
        <v>395</v>
      </c>
      <c r="C390" t="s">
        <v>9</v>
      </c>
      <c r="D390" t="s">
        <v>10</v>
      </c>
      <c r="E390" t="s">
        <v>11</v>
      </c>
      <c r="F390" s="2">
        <v>1</v>
      </c>
      <c r="G390" t="s">
        <v>197</v>
      </c>
      <c r="H390" t="s">
        <v>13</v>
      </c>
    </row>
    <row r="391" spans="1:8" x14ac:dyDescent="0.25">
      <c r="A391" s="1">
        <v>45500</v>
      </c>
      <c r="B391" t="s">
        <v>396</v>
      </c>
      <c r="C391" t="s">
        <v>19</v>
      </c>
      <c r="D391" t="s">
        <v>10</v>
      </c>
      <c r="E391" t="s">
        <v>11</v>
      </c>
      <c r="F391" s="2">
        <v>1</v>
      </c>
      <c r="G391" t="s">
        <v>135</v>
      </c>
      <c r="H391" t="s">
        <v>13</v>
      </c>
    </row>
    <row r="392" spans="1:8" x14ac:dyDescent="0.25">
      <c r="A392" s="1">
        <v>45499</v>
      </c>
      <c r="B392" t="s">
        <v>397</v>
      </c>
      <c r="C392" t="s">
        <v>379</v>
      </c>
      <c r="D392" t="s">
        <v>10</v>
      </c>
      <c r="E392" t="s">
        <v>11</v>
      </c>
      <c r="F392" s="2">
        <v>1</v>
      </c>
      <c r="G392" t="s">
        <v>37</v>
      </c>
      <c r="H392" t="s">
        <v>13</v>
      </c>
    </row>
    <row r="393" spans="1:8" x14ac:dyDescent="0.25">
      <c r="A393" s="1">
        <v>45499</v>
      </c>
      <c r="B393" t="s">
        <v>397</v>
      </c>
      <c r="C393" t="s">
        <v>379</v>
      </c>
      <c r="D393" t="s">
        <v>10</v>
      </c>
      <c r="E393" t="s">
        <v>11</v>
      </c>
      <c r="F393" s="2">
        <v>1</v>
      </c>
      <c r="G393" t="s">
        <v>37</v>
      </c>
      <c r="H393" t="s">
        <v>13</v>
      </c>
    </row>
    <row r="394" spans="1:8" x14ac:dyDescent="0.25">
      <c r="A394" s="1">
        <v>45499</v>
      </c>
      <c r="B394" t="s">
        <v>398</v>
      </c>
      <c r="C394" t="s">
        <v>115</v>
      </c>
      <c r="D394" t="s">
        <v>10</v>
      </c>
      <c r="E394" t="s">
        <v>11</v>
      </c>
      <c r="F394" s="2">
        <v>1</v>
      </c>
      <c r="G394" t="s">
        <v>197</v>
      </c>
      <c r="H394" t="s">
        <v>13</v>
      </c>
    </row>
    <row r="395" spans="1:8" x14ac:dyDescent="0.25">
      <c r="A395" s="1">
        <v>45499</v>
      </c>
      <c r="B395" t="s">
        <v>399</v>
      </c>
      <c r="C395" t="s">
        <v>9</v>
      </c>
      <c r="D395" t="s">
        <v>10</v>
      </c>
      <c r="E395" t="s">
        <v>11</v>
      </c>
      <c r="F395" s="2">
        <v>1</v>
      </c>
      <c r="G395" t="s">
        <v>400</v>
      </c>
      <c r="H395" t="s">
        <v>13</v>
      </c>
    </row>
    <row r="396" spans="1:8" x14ac:dyDescent="0.25">
      <c r="A396" s="1">
        <v>45497</v>
      </c>
      <c r="B396" t="s">
        <v>401</v>
      </c>
      <c r="C396" t="s">
        <v>79</v>
      </c>
      <c r="D396" t="s">
        <v>10</v>
      </c>
      <c r="E396" t="s">
        <v>11</v>
      </c>
      <c r="F396" s="2">
        <v>1</v>
      </c>
      <c r="G396" t="s">
        <v>194</v>
      </c>
      <c r="H396" t="s">
        <v>13</v>
      </c>
    </row>
    <row r="397" spans="1:8" x14ac:dyDescent="0.25">
      <c r="A397" s="1">
        <v>45497</v>
      </c>
      <c r="B397" t="s">
        <v>401</v>
      </c>
      <c r="C397" t="s">
        <v>80</v>
      </c>
      <c r="D397" t="s">
        <v>10</v>
      </c>
      <c r="E397" t="s">
        <v>11</v>
      </c>
      <c r="F397" s="2">
        <v>1</v>
      </c>
      <c r="G397" t="s">
        <v>194</v>
      </c>
      <c r="H397" t="s">
        <v>13</v>
      </c>
    </row>
    <row r="398" spans="1:8" x14ac:dyDescent="0.25">
      <c r="A398" s="1">
        <v>45496</v>
      </c>
      <c r="B398" t="s">
        <v>402</v>
      </c>
      <c r="C398" t="s">
        <v>9</v>
      </c>
      <c r="D398" t="s">
        <v>10</v>
      </c>
      <c r="E398" t="s">
        <v>11</v>
      </c>
      <c r="F398" s="2">
        <v>1</v>
      </c>
      <c r="G398" t="s">
        <v>67</v>
      </c>
      <c r="H398" t="s">
        <v>13</v>
      </c>
    </row>
    <row r="399" spans="1:8" x14ac:dyDescent="0.25">
      <c r="A399" s="1">
        <v>45496</v>
      </c>
      <c r="B399" t="s">
        <v>402</v>
      </c>
      <c r="C399" t="s">
        <v>52</v>
      </c>
      <c r="D399" t="s">
        <v>10</v>
      </c>
      <c r="E399" t="s">
        <v>11</v>
      </c>
      <c r="F399" s="2">
        <v>1</v>
      </c>
      <c r="G399" t="s">
        <v>67</v>
      </c>
      <c r="H399" t="s">
        <v>13</v>
      </c>
    </row>
    <row r="400" spans="1:8" x14ac:dyDescent="0.25">
      <c r="A400" s="1">
        <v>45495</v>
      </c>
      <c r="B400" t="s">
        <v>403</v>
      </c>
      <c r="C400" t="s">
        <v>207</v>
      </c>
      <c r="D400" t="s">
        <v>10</v>
      </c>
      <c r="E400" t="s">
        <v>11</v>
      </c>
      <c r="F400" s="2">
        <v>1</v>
      </c>
      <c r="G400" t="s">
        <v>181</v>
      </c>
      <c r="H400" t="s">
        <v>13</v>
      </c>
    </row>
    <row r="401" spans="1:8" x14ac:dyDescent="0.25">
      <c r="A401" s="1">
        <v>45495</v>
      </c>
      <c r="B401" t="s">
        <v>404</v>
      </c>
      <c r="C401" t="s">
        <v>9</v>
      </c>
      <c r="D401" t="s">
        <v>10</v>
      </c>
      <c r="E401" t="s">
        <v>11</v>
      </c>
      <c r="F401" s="2">
        <v>1</v>
      </c>
      <c r="G401" t="s">
        <v>181</v>
      </c>
      <c r="H401" t="s">
        <v>13</v>
      </c>
    </row>
    <row r="402" spans="1:8" x14ac:dyDescent="0.25">
      <c r="A402" s="1">
        <v>45495</v>
      </c>
      <c r="B402" t="s">
        <v>404</v>
      </c>
      <c r="C402" t="s">
        <v>52</v>
      </c>
      <c r="D402" t="s">
        <v>10</v>
      </c>
      <c r="E402" t="s">
        <v>11</v>
      </c>
      <c r="F402" s="2">
        <v>1</v>
      </c>
      <c r="G402" t="s">
        <v>181</v>
      </c>
      <c r="H402" t="s">
        <v>13</v>
      </c>
    </row>
    <row r="403" spans="1:8" x14ac:dyDescent="0.25">
      <c r="A403" s="1">
        <v>45494</v>
      </c>
      <c r="B403" t="s">
        <v>405</v>
      </c>
      <c r="C403" t="s">
        <v>9</v>
      </c>
      <c r="D403" t="s">
        <v>10</v>
      </c>
      <c r="E403" t="s">
        <v>11</v>
      </c>
      <c r="F403" s="2">
        <v>1</v>
      </c>
      <c r="G403" t="s">
        <v>31</v>
      </c>
      <c r="H403" t="s">
        <v>13</v>
      </c>
    </row>
    <row r="404" spans="1:8" x14ac:dyDescent="0.25">
      <c r="A404" s="1">
        <v>45494</v>
      </c>
      <c r="B404" t="s">
        <v>405</v>
      </c>
      <c r="C404" t="s">
        <v>47</v>
      </c>
      <c r="D404" t="s">
        <v>10</v>
      </c>
      <c r="E404" t="s">
        <v>11</v>
      </c>
      <c r="F404" s="2">
        <v>1</v>
      </c>
      <c r="G404" t="s">
        <v>31</v>
      </c>
      <c r="H404" t="s">
        <v>13</v>
      </c>
    </row>
    <row r="405" spans="1:8" x14ac:dyDescent="0.25">
      <c r="A405" s="1">
        <v>45494</v>
      </c>
      <c r="B405" t="s">
        <v>406</v>
      </c>
      <c r="C405" t="s">
        <v>9</v>
      </c>
      <c r="D405" t="s">
        <v>10</v>
      </c>
      <c r="E405" t="s">
        <v>11</v>
      </c>
      <c r="F405" s="2">
        <v>1</v>
      </c>
      <c r="G405" t="s">
        <v>37</v>
      </c>
      <c r="H405" t="s">
        <v>13</v>
      </c>
    </row>
    <row r="406" spans="1:8" x14ac:dyDescent="0.25">
      <c r="A406" s="1">
        <v>45494</v>
      </c>
      <c r="B406" t="s">
        <v>406</v>
      </c>
      <c r="C406" t="s">
        <v>35</v>
      </c>
      <c r="D406" t="s">
        <v>10</v>
      </c>
      <c r="E406" t="s">
        <v>11</v>
      </c>
      <c r="F406" s="2">
        <v>1</v>
      </c>
      <c r="G406" t="s">
        <v>37</v>
      </c>
      <c r="H406" t="s">
        <v>13</v>
      </c>
    </row>
    <row r="407" spans="1:8" x14ac:dyDescent="0.25">
      <c r="A407" s="1">
        <v>45494</v>
      </c>
      <c r="B407" t="s">
        <v>407</v>
      </c>
      <c r="C407" t="s">
        <v>35</v>
      </c>
      <c r="D407" t="s">
        <v>10</v>
      </c>
      <c r="E407" t="s">
        <v>11</v>
      </c>
      <c r="F407" s="2">
        <v>1</v>
      </c>
      <c r="G407" t="s">
        <v>165</v>
      </c>
      <c r="H407" t="s">
        <v>13</v>
      </c>
    </row>
    <row r="408" spans="1:8" x14ac:dyDescent="0.25">
      <c r="A408" s="1">
        <v>45492</v>
      </c>
      <c r="B408" t="s">
        <v>408</v>
      </c>
      <c r="C408" t="s">
        <v>79</v>
      </c>
      <c r="D408" t="s">
        <v>26</v>
      </c>
      <c r="E408" t="s">
        <v>11</v>
      </c>
      <c r="F408" s="2">
        <v>1</v>
      </c>
      <c r="G408" t="s">
        <v>20</v>
      </c>
      <c r="H408" t="s">
        <v>13</v>
      </c>
    </row>
    <row r="409" spans="1:8" x14ac:dyDescent="0.25">
      <c r="A409" s="1">
        <v>45492</v>
      </c>
      <c r="B409" t="s">
        <v>408</v>
      </c>
      <c r="C409" t="s">
        <v>80</v>
      </c>
      <c r="D409" t="s">
        <v>26</v>
      </c>
      <c r="E409" t="s">
        <v>11</v>
      </c>
      <c r="F409" s="2">
        <v>1</v>
      </c>
      <c r="G409" t="s">
        <v>20</v>
      </c>
      <c r="H409" t="s">
        <v>13</v>
      </c>
    </row>
    <row r="410" spans="1:8" x14ac:dyDescent="0.25">
      <c r="A410" s="1">
        <v>45491</v>
      </c>
      <c r="B410" t="s">
        <v>409</v>
      </c>
      <c r="C410" t="s">
        <v>410</v>
      </c>
      <c r="D410" t="s">
        <v>10</v>
      </c>
      <c r="E410" t="s">
        <v>11</v>
      </c>
      <c r="F410" s="2">
        <v>1</v>
      </c>
      <c r="G410" t="s">
        <v>411</v>
      </c>
      <c r="H410" t="s">
        <v>13</v>
      </c>
    </row>
    <row r="411" spans="1:8" x14ac:dyDescent="0.25">
      <c r="A411" s="1">
        <v>45488</v>
      </c>
      <c r="B411" t="s">
        <v>412</v>
      </c>
      <c r="C411" t="s">
        <v>413</v>
      </c>
      <c r="D411" t="s">
        <v>10</v>
      </c>
      <c r="E411" t="s">
        <v>11</v>
      </c>
      <c r="F411" s="2">
        <v>1</v>
      </c>
      <c r="G411" t="s">
        <v>359</v>
      </c>
      <c r="H411" t="s">
        <v>13</v>
      </c>
    </row>
    <row r="412" spans="1:8" x14ac:dyDescent="0.25">
      <c r="A412" s="1">
        <v>45485</v>
      </c>
      <c r="B412" t="s">
        <v>414</v>
      </c>
      <c r="C412" t="s">
        <v>9</v>
      </c>
      <c r="D412" t="s">
        <v>10</v>
      </c>
      <c r="E412" t="s">
        <v>11</v>
      </c>
      <c r="F412" s="2">
        <v>1</v>
      </c>
      <c r="G412" t="s">
        <v>197</v>
      </c>
      <c r="H412" t="s">
        <v>13</v>
      </c>
    </row>
    <row r="413" spans="1:8" x14ac:dyDescent="0.25">
      <c r="A413" s="1">
        <v>45485</v>
      </c>
      <c r="B413" t="s">
        <v>414</v>
      </c>
      <c r="C413" t="s">
        <v>35</v>
      </c>
      <c r="D413" t="s">
        <v>10</v>
      </c>
      <c r="E413" t="s">
        <v>11</v>
      </c>
      <c r="F413" s="2">
        <v>1</v>
      </c>
      <c r="G413" t="s">
        <v>197</v>
      </c>
      <c r="H413" t="s">
        <v>13</v>
      </c>
    </row>
    <row r="414" spans="1:8" x14ac:dyDescent="0.25">
      <c r="A414" s="1">
        <v>45485</v>
      </c>
      <c r="B414" t="s">
        <v>414</v>
      </c>
      <c r="C414" t="s">
        <v>14</v>
      </c>
      <c r="D414" t="s">
        <v>10</v>
      </c>
      <c r="E414" t="s">
        <v>11</v>
      </c>
      <c r="F414" s="2">
        <v>1</v>
      </c>
      <c r="G414" t="s">
        <v>197</v>
      </c>
      <c r="H414" t="s">
        <v>13</v>
      </c>
    </row>
    <row r="415" spans="1:8" x14ac:dyDescent="0.25">
      <c r="A415" s="1">
        <v>45484</v>
      </c>
      <c r="B415" t="s">
        <v>415</v>
      </c>
      <c r="C415" t="s">
        <v>142</v>
      </c>
      <c r="D415" t="s">
        <v>10</v>
      </c>
      <c r="E415" t="s">
        <v>11</v>
      </c>
      <c r="F415" s="2">
        <v>1</v>
      </c>
      <c r="G415" t="s">
        <v>31</v>
      </c>
      <c r="H415" t="s">
        <v>13</v>
      </c>
    </row>
    <row r="416" spans="1:8" x14ac:dyDescent="0.25">
      <c r="A416" s="1">
        <v>45484</v>
      </c>
      <c r="B416" t="s">
        <v>415</v>
      </c>
      <c r="C416" t="s">
        <v>416</v>
      </c>
      <c r="D416" t="s">
        <v>10</v>
      </c>
      <c r="E416" t="s">
        <v>11</v>
      </c>
      <c r="F416" s="2">
        <v>1</v>
      </c>
      <c r="G416" t="s">
        <v>31</v>
      </c>
      <c r="H416" t="s">
        <v>13</v>
      </c>
    </row>
    <row r="417" spans="1:8" x14ac:dyDescent="0.25">
      <c r="A417" s="1">
        <v>45484</v>
      </c>
      <c r="B417" t="s">
        <v>415</v>
      </c>
      <c r="C417" t="s">
        <v>151</v>
      </c>
      <c r="D417" t="s">
        <v>10</v>
      </c>
      <c r="E417" t="s">
        <v>11</v>
      </c>
      <c r="F417" s="2">
        <v>1</v>
      </c>
      <c r="G417" t="s">
        <v>31</v>
      </c>
      <c r="H417" t="s">
        <v>13</v>
      </c>
    </row>
    <row r="418" spans="1:8" x14ac:dyDescent="0.25">
      <c r="A418" s="1">
        <v>45484</v>
      </c>
      <c r="B418" t="s">
        <v>415</v>
      </c>
      <c r="C418" t="s">
        <v>417</v>
      </c>
      <c r="D418" t="s">
        <v>10</v>
      </c>
      <c r="E418" t="s">
        <v>11</v>
      </c>
      <c r="F418" s="2">
        <v>1</v>
      </c>
      <c r="G418" t="s">
        <v>31</v>
      </c>
      <c r="H418" t="s">
        <v>13</v>
      </c>
    </row>
    <row r="419" spans="1:8" x14ac:dyDescent="0.25">
      <c r="A419" s="1">
        <v>45484</v>
      </c>
      <c r="B419" t="s">
        <v>418</v>
      </c>
      <c r="C419" t="s">
        <v>9</v>
      </c>
      <c r="D419" t="s">
        <v>10</v>
      </c>
      <c r="E419" t="s">
        <v>11</v>
      </c>
      <c r="F419" s="2">
        <v>1</v>
      </c>
      <c r="G419" t="s">
        <v>63</v>
      </c>
      <c r="H419" t="s">
        <v>13</v>
      </c>
    </row>
    <row r="420" spans="1:8" x14ac:dyDescent="0.25">
      <c r="A420" s="1">
        <v>45484</v>
      </c>
      <c r="B420" t="s">
        <v>418</v>
      </c>
      <c r="C420" t="s">
        <v>28</v>
      </c>
      <c r="D420" t="s">
        <v>10</v>
      </c>
      <c r="E420" t="s">
        <v>11</v>
      </c>
      <c r="F420" s="2">
        <v>1</v>
      </c>
      <c r="G420" t="s">
        <v>63</v>
      </c>
      <c r="H420" t="s">
        <v>13</v>
      </c>
    </row>
    <row r="421" spans="1:8" x14ac:dyDescent="0.25">
      <c r="A421" s="1">
        <v>45484</v>
      </c>
      <c r="B421" t="s">
        <v>418</v>
      </c>
      <c r="C421" t="s">
        <v>29</v>
      </c>
      <c r="D421" t="s">
        <v>10</v>
      </c>
      <c r="E421" t="s">
        <v>11</v>
      </c>
      <c r="F421" s="2">
        <v>1</v>
      </c>
      <c r="G421" t="s">
        <v>63</v>
      </c>
      <c r="H421" t="s">
        <v>13</v>
      </c>
    </row>
    <row r="422" spans="1:8" x14ac:dyDescent="0.25">
      <c r="A422" s="1">
        <v>45484</v>
      </c>
      <c r="B422" t="s">
        <v>419</v>
      </c>
      <c r="C422" t="s">
        <v>28</v>
      </c>
      <c r="D422" t="s">
        <v>10</v>
      </c>
      <c r="E422" t="s">
        <v>11</v>
      </c>
      <c r="F422" s="2">
        <v>1</v>
      </c>
      <c r="G422" t="s">
        <v>20</v>
      </c>
      <c r="H422" t="s">
        <v>13</v>
      </c>
    </row>
    <row r="423" spans="1:8" x14ac:dyDescent="0.25">
      <c r="A423" s="1">
        <v>45484</v>
      </c>
      <c r="B423" t="s">
        <v>419</v>
      </c>
      <c r="C423" t="s">
        <v>35</v>
      </c>
      <c r="D423" t="s">
        <v>10</v>
      </c>
      <c r="E423" t="s">
        <v>11</v>
      </c>
      <c r="F423" s="2">
        <v>1</v>
      </c>
      <c r="G423" t="s">
        <v>20</v>
      </c>
      <c r="H423" t="s">
        <v>13</v>
      </c>
    </row>
    <row r="424" spans="1:8" x14ac:dyDescent="0.25">
      <c r="A424" s="1">
        <v>45483</v>
      </c>
      <c r="B424" t="s">
        <v>420</v>
      </c>
      <c r="C424" t="s">
        <v>19</v>
      </c>
      <c r="D424" t="s">
        <v>10</v>
      </c>
      <c r="E424" t="s">
        <v>11</v>
      </c>
      <c r="F424" s="2">
        <v>1</v>
      </c>
      <c r="G424" t="s">
        <v>20</v>
      </c>
      <c r="H424" t="s">
        <v>13</v>
      </c>
    </row>
    <row r="425" spans="1:8" x14ac:dyDescent="0.25">
      <c r="A425" s="1">
        <v>45483</v>
      </c>
      <c r="B425" t="s">
        <v>421</v>
      </c>
      <c r="C425" t="s">
        <v>86</v>
      </c>
      <c r="D425" t="s">
        <v>10</v>
      </c>
      <c r="E425" t="s">
        <v>11</v>
      </c>
      <c r="F425" s="2">
        <v>1</v>
      </c>
      <c r="G425" t="s">
        <v>172</v>
      </c>
      <c r="H425" t="s">
        <v>13</v>
      </c>
    </row>
    <row r="426" spans="1:8" x14ac:dyDescent="0.25">
      <c r="A426" s="1">
        <v>45482</v>
      </c>
      <c r="B426" t="s">
        <v>422</v>
      </c>
      <c r="C426" t="s">
        <v>416</v>
      </c>
      <c r="D426" t="s">
        <v>10</v>
      </c>
      <c r="E426" t="s">
        <v>11</v>
      </c>
      <c r="F426" s="2">
        <v>1</v>
      </c>
      <c r="G426" t="s">
        <v>20</v>
      </c>
      <c r="H426" t="s">
        <v>13</v>
      </c>
    </row>
    <row r="427" spans="1:8" x14ac:dyDescent="0.25">
      <c r="A427" s="1">
        <v>45481</v>
      </c>
      <c r="B427" t="s">
        <v>423</v>
      </c>
      <c r="C427" t="s">
        <v>9</v>
      </c>
      <c r="D427" t="s">
        <v>10</v>
      </c>
      <c r="E427" t="s">
        <v>11</v>
      </c>
      <c r="F427" s="2">
        <v>1</v>
      </c>
      <c r="G427" t="s">
        <v>400</v>
      </c>
      <c r="H427" t="s">
        <v>13</v>
      </c>
    </row>
    <row r="428" spans="1:8" x14ac:dyDescent="0.25">
      <c r="A428" s="1">
        <v>45481</v>
      </c>
      <c r="B428" t="s">
        <v>424</v>
      </c>
      <c r="C428" t="s">
        <v>52</v>
      </c>
      <c r="D428" t="s">
        <v>10</v>
      </c>
      <c r="E428" t="s">
        <v>11</v>
      </c>
      <c r="F428" s="2">
        <v>1</v>
      </c>
      <c r="G428" t="s">
        <v>181</v>
      </c>
      <c r="H428" t="s">
        <v>13</v>
      </c>
    </row>
    <row r="429" spans="1:8" x14ac:dyDescent="0.25">
      <c r="A429" s="1">
        <v>45481</v>
      </c>
      <c r="B429" t="s">
        <v>424</v>
      </c>
      <c r="C429" t="s">
        <v>149</v>
      </c>
      <c r="D429" t="s">
        <v>10</v>
      </c>
      <c r="E429" t="s">
        <v>11</v>
      </c>
      <c r="F429" s="2">
        <v>1</v>
      </c>
      <c r="G429" t="s">
        <v>181</v>
      </c>
      <c r="H429" t="s">
        <v>13</v>
      </c>
    </row>
    <row r="430" spans="1:8" x14ac:dyDescent="0.25">
      <c r="A430" s="1">
        <v>45481</v>
      </c>
      <c r="B430" t="s">
        <v>424</v>
      </c>
      <c r="C430" t="s">
        <v>379</v>
      </c>
      <c r="D430" t="s">
        <v>10</v>
      </c>
      <c r="E430" t="s">
        <v>11</v>
      </c>
      <c r="F430" s="2">
        <v>1</v>
      </c>
      <c r="G430" t="s">
        <v>181</v>
      </c>
      <c r="H430" t="s">
        <v>13</v>
      </c>
    </row>
    <row r="431" spans="1:8" x14ac:dyDescent="0.25">
      <c r="A431" s="1">
        <v>45481</v>
      </c>
      <c r="B431" t="s">
        <v>425</v>
      </c>
      <c r="C431" t="s">
        <v>96</v>
      </c>
      <c r="D431" t="s">
        <v>10</v>
      </c>
      <c r="E431" t="s">
        <v>11</v>
      </c>
      <c r="F431" s="2">
        <v>1</v>
      </c>
      <c r="G431" t="s">
        <v>100</v>
      </c>
      <c r="H431" t="s">
        <v>13</v>
      </c>
    </row>
    <row r="432" spans="1:8" x14ac:dyDescent="0.25">
      <c r="A432" s="1">
        <v>45480</v>
      </c>
      <c r="B432" t="s">
        <v>426</v>
      </c>
      <c r="C432" t="s">
        <v>47</v>
      </c>
      <c r="D432" t="s">
        <v>10</v>
      </c>
      <c r="E432" t="s">
        <v>11</v>
      </c>
      <c r="F432" s="2">
        <v>1</v>
      </c>
      <c r="G432" t="s">
        <v>181</v>
      </c>
      <c r="H432" t="s">
        <v>13</v>
      </c>
    </row>
    <row r="433" spans="1:8" x14ac:dyDescent="0.25">
      <c r="A433" s="1">
        <v>45480</v>
      </c>
      <c r="B433" t="s">
        <v>427</v>
      </c>
      <c r="C433" t="s">
        <v>96</v>
      </c>
      <c r="D433" t="s">
        <v>10</v>
      </c>
      <c r="E433" t="s">
        <v>11</v>
      </c>
      <c r="F433" s="2">
        <v>1</v>
      </c>
      <c r="G433" t="s">
        <v>181</v>
      </c>
      <c r="H433" t="s">
        <v>13</v>
      </c>
    </row>
    <row r="434" spans="1:8" x14ac:dyDescent="0.25">
      <c r="A434" s="1">
        <v>45480</v>
      </c>
      <c r="B434" t="s">
        <v>428</v>
      </c>
      <c r="C434" t="s">
        <v>52</v>
      </c>
      <c r="D434" t="s">
        <v>10</v>
      </c>
      <c r="E434" t="s">
        <v>11</v>
      </c>
      <c r="F434" s="2">
        <v>1</v>
      </c>
      <c r="G434" t="s">
        <v>181</v>
      </c>
      <c r="H434" t="s">
        <v>13</v>
      </c>
    </row>
    <row r="435" spans="1:8" x14ac:dyDescent="0.25">
      <c r="A435" s="1">
        <v>45480</v>
      </c>
      <c r="B435" t="s">
        <v>428</v>
      </c>
      <c r="C435" t="s">
        <v>47</v>
      </c>
      <c r="D435" t="s">
        <v>10</v>
      </c>
      <c r="E435" t="s">
        <v>11</v>
      </c>
      <c r="F435" s="2">
        <v>1</v>
      </c>
      <c r="G435" t="s">
        <v>181</v>
      </c>
      <c r="H435" t="s">
        <v>13</v>
      </c>
    </row>
    <row r="436" spans="1:8" x14ac:dyDescent="0.25">
      <c r="A436" s="1">
        <v>45480</v>
      </c>
      <c r="B436" t="s">
        <v>428</v>
      </c>
      <c r="C436" t="s">
        <v>96</v>
      </c>
      <c r="D436" t="s">
        <v>10</v>
      </c>
      <c r="E436" t="s">
        <v>11</v>
      </c>
      <c r="F436" s="2">
        <v>1</v>
      </c>
      <c r="G436" t="s">
        <v>181</v>
      </c>
      <c r="H436" t="s">
        <v>13</v>
      </c>
    </row>
    <row r="437" spans="1:8" x14ac:dyDescent="0.25">
      <c r="A437" s="1">
        <v>45480</v>
      </c>
      <c r="B437" t="s">
        <v>429</v>
      </c>
      <c r="C437" t="s">
        <v>115</v>
      </c>
      <c r="D437" t="s">
        <v>10</v>
      </c>
      <c r="E437" t="s">
        <v>11</v>
      </c>
      <c r="F437" s="2">
        <v>1</v>
      </c>
      <c r="G437" t="s">
        <v>197</v>
      </c>
      <c r="H437" t="s">
        <v>13</v>
      </c>
    </row>
    <row r="438" spans="1:8" x14ac:dyDescent="0.25">
      <c r="A438" s="1">
        <v>45478</v>
      </c>
      <c r="B438" t="s">
        <v>430</v>
      </c>
      <c r="C438" t="s">
        <v>9</v>
      </c>
      <c r="D438" t="s">
        <v>10</v>
      </c>
      <c r="E438" t="s">
        <v>11</v>
      </c>
      <c r="F438" s="2">
        <v>1</v>
      </c>
      <c r="G438" t="s">
        <v>44</v>
      </c>
      <c r="H438" t="s">
        <v>13</v>
      </c>
    </row>
    <row r="439" spans="1:8" x14ac:dyDescent="0.25">
      <c r="A439" s="1">
        <v>45478</v>
      </c>
      <c r="B439" t="s">
        <v>430</v>
      </c>
      <c r="C439" t="s">
        <v>35</v>
      </c>
      <c r="D439" t="s">
        <v>10</v>
      </c>
      <c r="E439" t="s">
        <v>11</v>
      </c>
      <c r="F439" s="2">
        <v>1</v>
      </c>
      <c r="G439" t="s">
        <v>44</v>
      </c>
      <c r="H439" t="s">
        <v>13</v>
      </c>
    </row>
    <row r="440" spans="1:8" x14ac:dyDescent="0.25">
      <c r="A440" s="1">
        <v>45478</v>
      </c>
      <c r="B440" t="s">
        <v>431</v>
      </c>
      <c r="C440" t="s">
        <v>28</v>
      </c>
      <c r="D440" t="s">
        <v>10</v>
      </c>
      <c r="E440" t="s">
        <v>11</v>
      </c>
      <c r="F440" s="2">
        <v>1</v>
      </c>
      <c r="G440" t="s">
        <v>20</v>
      </c>
      <c r="H440" t="s">
        <v>13</v>
      </c>
    </row>
    <row r="441" spans="1:8" x14ac:dyDescent="0.25">
      <c r="A441" s="1">
        <v>45478</v>
      </c>
      <c r="B441" t="s">
        <v>431</v>
      </c>
      <c r="C441" t="s">
        <v>29</v>
      </c>
      <c r="D441" t="s">
        <v>10</v>
      </c>
      <c r="E441" t="s">
        <v>11</v>
      </c>
      <c r="F441" s="2">
        <v>1</v>
      </c>
      <c r="G441" t="s">
        <v>20</v>
      </c>
      <c r="H441" t="s">
        <v>13</v>
      </c>
    </row>
    <row r="442" spans="1:8" x14ac:dyDescent="0.25">
      <c r="A442" s="1">
        <v>45478</v>
      </c>
      <c r="B442" t="s">
        <v>431</v>
      </c>
      <c r="C442" t="s">
        <v>35</v>
      </c>
      <c r="D442" t="s">
        <v>10</v>
      </c>
      <c r="E442" t="s">
        <v>11</v>
      </c>
      <c r="F442" s="2">
        <v>1</v>
      </c>
      <c r="G442" t="s">
        <v>20</v>
      </c>
      <c r="H442" t="s">
        <v>13</v>
      </c>
    </row>
    <row r="443" spans="1:8" x14ac:dyDescent="0.25">
      <c r="A443" s="1">
        <v>45477</v>
      </c>
      <c r="B443" t="s">
        <v>432</v>
      </c>
      <c r="C443" t="s">
        <v>28</v>
      </c>
      <c r="D443" t="s">
        <v>10</v>
      </c>
      <c r="E443" t="s">
        <v>11</v>
      </c>
      <c r="F443" s="2">
        <v>1</v>
      </c>
      <c r="G443" t="s">
        <v>374</v>
      </c>
      <c r="H443" t="s">
        <v>13</v>
      </c>
    </row>
    <row r="444" spans="1:8" x14ac:dyDescent="0.25">
      <c r="A444" s="1">
        <v>45477</v>
      </c>
      <c r="B444" t="s">
        <v>432</v>
      </c>
      <c r="C444" t="s">
        <v>29</v>
      </c>
      <c r="D444" t="s">
        <v>10</v>
      </c>
      <c r="E444" t="s">
        <v>11</v>
      </c>
      <c r="F444" s="2">
        <v>1</v>
      </c>
      <c r="G444" t="s">
        <v>374</v>
      </c>
      <c r="H444" t="s">
        <v>13</v>
      </c>
    </row>
    <row r="445" spans="1:8" x14ac:dyDescent="0.25">
      <c r="A445" s="1">
        <v>45477</v>
      </c>
      <c r="B445" t="s">
        <v>432</v>
      </c>
      <c r="C445" t="s">
        <v>35</v>
      </c>
      <c r="D445" t="s">
        <v>10</v>
      </c>
      <c r="E445" t="s">
        <v>11</v>
      </c>
      <c r="F445" s="2">
        <v>1</v>
      </c>
      <c r="G445" t="s">
        <v>374</v>
      </c>
      <c r="H445" t="s">
        <v>13</v>
      </c>
    </row>
    <row r="446" spans="1:8" x14ac:dyDescent="0.25">
      <c r="A446" s="1">
        <v>45477</v>
      </c>
      <c r="B446" t="s">
        <v>433</v>
      </c>
      <c r="C446" t="s">
        <v>9</v>
      </c>
      <c r="D446" t="s">
        <v>10</v>
      </c>
      <c r="E446" t="s">
        <v>11</v>
      </c>
      <c r="F446" s="2">
        <v>1</v>
      </c>
      <c r="G446" t="s">
        <v>37</v>
      </c>
      <c r="H446" t="s">
        <v>13</v>
      </c>
    </row>
    <row r="447" spans="1:8" x14ac:dyDescent="0.25">
      <c r="A447" s="1">
        <v>45477</v>
      </c>
      <c r="B447" t="s">
        <v>433</v>
      </c>
      <c r="C447" t="s">
        <v>118</v>
      </c>
      <c r="D447" t="s">
        <v>10</v>
      </c>
      <c r="E447" t="s">
        <v>11</v>
      </c>
      <c r="F447" s="2">
        <v>1</v>
      </c>
      <c r="G447" t="s">
        <v>37</v>
      </c>
      <c r="H447" t="s">
        <v>13</v>
      </c>
    </row>
    <row r="448" spans="1:8" x14ac:dyDescent="0.25">
      <c r="A448" s="1">
        <v>45477</v>
      </c>
      <c r="B448" t="s">
        <v>433</v>
      </c>
      <c r="C448" t="s">
        <v>142</v>
      </c>
      <c r="D448" t="s">
        <v>10</v>
      </c>
      <c r="E448" t="s">
        <v>11</v>
      </c>
      <c r="F448" s="2">
        <v>1</v>
      </c>
      <c r="G448" t="s">
        <v>37</v>
      </c>
      <c r="H448" t="s">
        <v>13</v>
      </c>
    </row>
    <row r="449" spans="1:8" x14ac:dyDescent="0.25">
      <c r="A449" s="1">
        <v>45477</v>
      </c>
      <c r="B449" t="s">
        <v>433</v>
      </c>
      <c r="C449" t="s">
        <v>47</v>
      </c>
      <c r="D449" t="s">
        <v>10</v>
      </c>
      <c r="E449" t="s">
        <v>11</v>
      </c>
      <c r="F449" s="2">
        <v>1</v>
      </c>
      <c r="G449" t="s">
        <v>37</v>
      </c>
      <c r="H449" t="s">
        <v>13</v>
      </c>
    </row>
    <row r="450" spans="1:8" x14ac:dyDescent="0.25">
      <c r="A450" s="1">
        <v>45477</v>
      </c>
      <c r="B450" t="s">
        <v>433</v>
      </c>
      <c r="C450" t="s">
        <v>151</v>
      </c>
      <c r="D450" t="s">
        <v>10</v>
      </c>
      <c r="E450" t="s">
        <v>11</v>
      </c>
      <c r="F450" s="2">
        <v>1</v>
      </c>
      <c r="G450" t="s">
        <v>37</v>
      </c>
      <c r="H450" t="s">
        <v>13</v>
      </c>
    </row>
    <row r="451" spans="1:8" x14ac:dyDescent="0.25">
      <c r="A451" s="1">
        <v>45476</v>
      </c>
      <c r="B451" t="s">
        <v>434</v>
      </c>
      <c r="C451" t="s">
        <v>58</v>
      </c>
      <c r="D451" t="s">
        <v>10</v>
      </c>
      <c r="E451" t="s">
        <v>11</v>
      </c>
      <c r="F451" s="2">
        <v>1</v>
      </c>
      <c r="G451" t="s">
        <v>46</v>
      </c>
      <c r="H451" t="s">
        <v>13</v>
      </c>
    </row>
    <row r="452" spans="1:8" x14ac:dyDescent="0.25">
      <c r="A452" s="1">
        <v>45476</v>
      </c>
      <c r="B452" t="s">
        <v>435</v>
      </c>
      <c r="C452" t="s">
        <v>9</v>
      </c>
      <c r="D452" t="s">
        <v>10</v>
      </c>
      <c r="E452" t="s">
        <v>11</v>
      </c>
      <c r="F452" s="2">
        <v>1</v>
      </c>
      <c r="G452" t="s">
        <v>100</v>
      </c>
      <c r="H452" t="s">
        <v>13</v>
      </c>
    </row>
    <row r="453" spans="1:8" x14ac:dyDescent="0.25">
      <c r="A453" s="1">
        <v>45476</v>
      </c>
      <c r="B453" t="s">
        <v>435</v>
      </c>
      <c r="C453" t="s">
        <v>28</v>
      </c>
      <c r="D453" t="s">
        <v>10</v>
      </c>
      <c r="E453" t="s">
        <v>11</v>
      </c>
      <c r="F453" s="2">
        <v>1</v>
      </c>
      <c r="G453" t="s">
        <v>100</v>
      </c>
      <c r="H453" t="s">
        <v>13</v>
      </c>
    </row>
    <row r="454" spans="1:8" x14ac:dyDescent="0.25">
      <c r="A454" s="1">
        <v>45476</v>
      </c>
      <c r="B454" t="s">
        <v>435</v>
      </c>
      <c r="C454" t="s">
        <v>29</v>
      </c>
      <c r="D454" t="s">
        <v>10</v>
      </c>
      <c r="E454" t="s">
        <v>11</v>
      </c>
      <c r="F454" s="2">
        <v>1</v>
      </c>
      <c r="G454" t="s">
        <v>100</v>
      </c>
      <c r="H454" t="s">
        <v>13</v>
      </c>
    </row>
    <row r="455" spans="1:8" x14ac:dyDescent="0.25">
      <c r="A455" s="1">
        <v>45476</v>
      </c>
      <c r="B455" t="s">
        <v>435</v>
      </c>
      <c r="C455" t="s">
        <v>35</v>
      </c>
      <c r="D455" t="s">
        <v>10</v>
      </c>
      <c r="E455" t="s">
        <v>11</v>
      </c>
      <c r="F455" s="2">
        <v>1</v>
      </c>
      <c r="G455" t="s">
        <v>100</v>
      </c>
      <c r="H455" t="s">
        <v>13</v>
      </c>
    </row>
    <row r="456" spans="1:8" x14ac:dyDescent="0.25">
      <c r="A456" s="1">
        <v>45476</v>
      </c>
      <c r="B456" t="s">
        <v>436</v>
      </c>
      <c r="C456" t="s">
        <v>19</v>
      </c>
      <c r="D456" t="s">
        <v>10</v>
      </c>
      <c r="E456" t="s">
        <v>11</v>
      </c>
      <c r="F456" s="2">
        <v>1</v>
      </c>
      <c r="G456" t="s">
        <v>93</v>
      </c>
      <c r="H456" t="s">
        <v>13</v>
      </c>
    </row>
    <row r="457" spans="1:8" x14ac:dyDescent="0.25">
      <c r="A457" s="1">
        <v>45475</v>
      </c>
      <c r="B457" t="s">
        <v>437</v>
      </c>
      <c r="C457" t="s">
        <v>35</v>
      </c>
      <c r="D457" t="s">
        <v>10</v>
      </c>
      <c r="E457" t="s">
        <v>11</v>
      </c>
      <c r="F457" s="2">
        <v>1</v>
      </c>
      <c r="G457" t="s">
        <v>145</v>
      </c>
      <c r="H457" t="s">
        <v>13</v>
      </c>
    </row>
    <row r="458" spans="1:8" x14ac:dyDescent="0.25">
      <c r="A458" s="1">
        <v>45475</v>
      </c>
      <c r="B458" t="s">
        <v>438</v>
      </c>
      <c r="C458" t="s">
        <v>439</v>
      </c>
      <c r="D458" t="s">
        <v>10</v>
      </c>
      <c r="E458" t="s">
        <v>11</v>
      </c>
      <c r="F458" s="2">
        <v>1</v>
      </c>
      <c r="G458" t="s">
        <v>100</v>
      </c>
      <c r="H458" t="s">
        <v>13</v>
      </c>
    </row>
    <row r="459" spans="1:8" x14ac:dyDescent="0.25">
      <c r="A459" s="1">
        <v>45474</v>
      </c>
      <c r="B459" t="s">
        <v>440</v>
      </c>
      <c r="C459" t="s">
        <v>9</v>
      </c>
      <c r="D459" t="s">
        <v>10</v>
      </c>
      <c r="E459" t="s">
        <v>11</v>
      </c>
      <c r="F459" s="2">
        <v>1</v>
      </c>
      <c r="G459" t="s">
        <v>411</v>
      </c>
      <c r="H459" t="s">
        <v>13</v>
      </c>
    </row>
    <row r="460" spans="1:8" x14ac:dyDescent="0.25">
      <c r="A460" s="1">
        <v>45474</v>
      </c>
      <c r="B460" t="s">
        <v>441</v>
      </c>
      <c r="C460" t="s">
        <v>9</v>
      </c>
      <c r="D460" t="s">
        <v>10</v>
      </c>
      <c r="E460" t="s">
        <v>11</v>
      </c>
      <c r="F460" s="2">
        <v>1</v>
      </c>
      <c r="G460" t="s">
        <v>31</v>
      </c>
      <c r="H460" t="s">
        <v>13</v>
      </c>
    </row>
    <row r="461" spans="1:8" x14ac:dyDescent="0.25">
      <c r="A461" s="1">
        <v>45473</v>
      </c>
      <c r="B461" t="s">
        <v>442</v>
      </c>
      <c r="C461" t="s">
        <v>47</v>
      </c>
      <c r="D461" t="s">
        <v>10</v>
      </c>
      <c r="E461" t="s">
        <v>11</v>
      </c>
      <c r="F461" s="2">
        <v>1</v>
      </c>
      <c r="G461" t="s">
        <v>37</v>
      </c>
      <c r="H461" t="s">
        <v>13</v>
      </c>
    </row>
    <row r="462" spans="1:8" x14ac:dyDescent="0.25">
      <c r="A462" s="1">
        <v>45473</v>
      </c>
      <c r="B462" t="s">
        <v>443</v>
      </c>
      <c r="C462" t="s">
        <v>56</v>
      </c>
      <c r="D462" t="s">
        <v>10</v>
      </c>
      <c r="E462" t="s">
        <v>11</v>
      </c>
      <c r="F462" s="2">
        <v>1</v>
      </c>
      <c r="G462" t="s">
        <v>37</v>
      </c>
      <c r="H462" t="s">
        <v>13</v>
      </c>
    </row>
    <row r="463" spans="1:8" x14ac:dyDescent="0.25">
      <c r="A463" s="1">
        <v>45473</v>
      </c>
      <c r="B463" t="s">
        <v>444</v>
      </c>
      <c r="C463" t="s">
        <v>47</v>
      </c>
      <c r="D463" t="s">
        <v>10</v>
      </c>
      <c r="E463" t="s">
        <v>11</v>
      </c>
      <c r="F463" s="2">
        <v>1</v>
      </c>
      <c r="G463" t="s">
        <v>445</v>
      </c>
      <c r="H463" t="s">
        <v>13</v>
      </c>
    </row>
    <row r="464" spans="1:8" x14ac:dyDescent="0.25">
      <c r="A464" s="1">
        <v>45471</v>
      </c>
      <c r="B464" t="s">
        <v>446</v>
      </c>
      <c r="C464" t="s">
        <v>47</v>
      </c>
      <c r="D464" t="s">
        <v>10</v>
      </c>
      <c r="E464" t="s">
        <v>11</v>
      </c>
      <c r="F464" s="2">
        <v>1</v>
      </c>
      <c r="G464" t="s">
        <v>447</v>
      </c>
      <c r="H464" t="s">
        <v>13</v>
      </c>
    </row>
    <row r="465" spans="1:8" x14ac:dyDescent="0.25">
      <c r="A465" s="1">
        <v>45470</v>
      </c>
      <c r="B465" t="s">
        <v>448</v>
      </c>
      <c r="C465" t="s">
        <v>47</v>
      </c>
      <c r="D465" t="s">
        <v>10</v>
      </c>
      <c r="E465" t="s">
        <v>11</v>
      </c>
      <c r="F465" s="2">
        <v>1</v>
      </c>
      <c r="G465" t="s">
        <v>53</v>
      </c>
      <c r="H465" t="s">
        <v>13</v>
      </c>
    </row>
    <row r="466" spans="1:8" x14ac:dyDescent="0.25">
      <c r="A466" s="1">
        <v>45470</v>
      </c>
      <c r="B466" t="s">
        <v>449</v>
      </c>
      <c r="C466" t="s">
        <v>9</v>
      </c>
      <c r="D466" t="s">
        <v>10</v>
      </c>
      <c r="E466" t="s">
        <v>11</v>
      </c>
      <c r="F466" s="2">
        <v>1</v>
      </c>
      <c r="G466" t="s">
        <v>135</v>
      </c>
      <c r="H466" t="s">
        <v>13</v>
      </c>
    </row>
    <row r="467" spans="1:8" x14ac:dyDescent="0.25">
      <c r="A467" s="1">
        <v>45470</v>
      </c>
      <c r="B467" t="s">
        <v>449</v>
      </c>
      <c r="C467" t="s">
        <v>35</v>
      </c>
      <c r="D467" t="s">
        <v>10</v>
      </c>
      <c r="E467" t="s">
        <v>11</v>
      </c>
      <c r="F467" s="2">
        <v>1</v>
      </c>
      <c r="G467" t="s">
        <v>135</v>
      </c>
      <c r="H467" t="s">
        <v>13</v>
      </c>
    </row>
    <row r="468" spans="1:8" x14ac:dyDescent="0.25">
      <c r="A468" s="1">
        <v>45470</v>
      </c>
      <c r="B468" t="s">
        <v>449</v>
      </c>
      <c r="C468" t="s">
        <v>47</v>
      </c>
      <c r="D468" t="s">
        <v>10</v>
      </c>
      <c r="E468" t="s">
        <v>11</v>
      </c>
      <c r="F468" s="2">
        <v>1</v>
      </c>
      <c r="G468" t="s">
        <v>135</v>
      </c>
      <c r="H468" t="s">
        <v>13</v>
      </c>
    </row>
    <row r="469" spans="1:8" x14ac:dyDescent="0.25">
      <c r="A469" s="1">
        <v>45469</v>
      </c>
      <c r="B469" t="s">
        <v>450</v>
      </c>
      <c r="C469" t="s">
        <v>19</v>
      </c>
      <c r="D469" t="s">
        <v>10</v>
      </c>
      <c r="E469" t="s">
        <v>11</v>
      </c>
      <c r="F469" s="2">
        <v>1</v>
      </c>
      <c r="G469" t="s">
        <v>37</v>
      </c>
      <c r="H469" t="s">
        <v>13</v>
      </c>
    </row>
    <row r="470" spans="1:8" x14ac:dyDescent="0.25">
      <c r="A470" s="1">
        <v>45469</v>
      </c>
      <c r="B470" t="s">
        <v>451</v>
      </c>
      <c r="C470" t="s">
        <v>74</v>
      </c>
      <c r="D470" t="s">
        <v>10</v>
      </c>
      <c r="E470" t="s">
        <v>11</v>
      </c>
      <c r="F470" s="2">
        <v>1</v>
      </c>
      <c r="G470" t="s">
        <v>279</v>
      </c>
      <c r="H470" t="s">
        <v>13</v>
      </c>
    </row>
    <row r="471" spans="1:8" x14ac:dyDescent="0.25">
      <c r="A471" s="1">
        <v>45469</v>
      </c>
      <c r="B471" t="s">
        <v>452</v>
      </c>
      <c r="C471" t="s">
        <v>453</v>
      </c>
      <c r="D471" t="s">
        <v>10</v>
      </c>
      <c r="E471" t="s">
        <v>11</v>
      </c>
      <c r="F471" s="2">
        <v>1</v>
      </c>
      <c r="G471" t="s">
        <v>20</v>
      </c>
      <c r="H471" t="s">
        <v>13</v>
      </c>
    </row>
    <row r="472" spans="1:8" x14ac:dyDescent="0.25">
      <c r="A472" s="1">
        <v>45468</v>
      </c>
      <c r="B472" t="s">
        <v>454</v>
      </c>
      <c r="C472" t="s">
        <v>120</v>
      </c>
      <c r="D472" t="s">
        <v>10</v>
      </c>
      <c r="E472" t="s">
        <v>11</v>
      </c>
      <c r="F472" s="2">
        <v>1</v>
      </c>
      <c r="G472" t="s">
        <v>445</v>
      </c>
      <c r="H472" t="s">
        <v>13</v>
      </c>
    </row>
    <row r="473" spans="1:8" x14ac:dyDescent="0.25">
      <c r="A473" s="1">
        <v>45467</v>
      </c>
      <c r="B473" t="s">
        <v>455</v>
      </c>
      <c r="C473" t="s">
        <v>74</v>
      </c>
      <c r="D473" t="s">
        <v>10</v>
      </c>
      <c r="E473" t="s">
        <v>11</v>
      </c>
      <c r="F473" s="2">
        <v>1</v>
      </c>
      <c r="G473" t="s">
        <v>181</v>
      </c>
      <c r="H473" t="s">
        <v>13</v>
      </c>
    </row>
    <row r="474" spans="1:8" x14ac:dyDescent="0.25">
      <c r="A474" s="1">
        <v>45465</v>
      </c>
      <c r="B474" t="s">
        <v>456</v>
      </c>
      <c r="C474" t="s">
        <v>9</v>
      </c>
      <c r="D474" t="s">
        <v>10</v>
      </c>
      <c r="E474" t="s">
        <v>11</v>
      </c>
      <c r="F474" s="2">
        <v>1</v>
      </c>
      <c r="G474" t="s">
        <v>194</v>
      </c>
      <c r="H474" t="s">
        <v>13</v>
      </c>
    </row>
    <row r="475" spans="1:8" x14ac:dyDescent="0.25">
      <c r="A475" s="1">
        <v>45464</v>
      </c>
      <c r="B475" t="s">
        <v>457</v>
      </c>
      <c r="C475" t="s">
        <v>32</v>
      </c>
      <c r="D475" t="s">
        <v>10</v>
      </c>
      <c r="E475" t="s">
        <v>11</v>
      </c>
      <c r="F475" s="2">
        <v>1</v>
      </c>
      <c r="G475" t="s">
        <v>181</v>
      </c>
      <c r="H475" t="s">
        <v>13</v>
      </c>
    </row>
    <row r="476" spans="1:8" x14ac:dyDescent="0.25">
      <c r="A476" s="1">
        <v>45463</v>
      </c>
      <c r="B476" t="s">
        <v>458</v>
      </c>
      <c r="C476" t="s">
        <v>79</v>
      </c>
      <c r="D476" t="s">
        <v>10</v>
      </c>
      <c r="E476" t="s">
        <v>11</v>
      </c>
      <c r="F476" s="2">
        <v>1</v>
      </c>
      <c r="G476" t="s">
        <v>37</v>
      </c>
      <c r="H476" t="s">
        <v>13</v>
      </c>
    </row>
    <row r="477" spans="1:8" x14ac:dyDescent="0.25">
      <c r="A477" s="1">
        <v>45463</v>
      </c>
      <c r="B477" t="s">
        <v>458</v>
      </c>
      <c r="C477" t="s">
        <v>80</v>
      </c>
      <c r="D477" t="s">
        <v>10</v>
      </c>
      <c r="E477" t="s">
        <v>11</v>
      </c>
      <c r="F477" s="2">
        <v>1</v>
      </c>
      <c r="G477" t="s">
        <v>37</v>
      </c>
      <c r="H477" t="s">
        <v>13</v>
      </c>
    </row>
    <row r="478" spans="1:8" x14ac:dyDescent="0.25">
      <c r="A478" s="1">
        <v>45463</v>
      </c>
      <c r="B478" t="s">
        <v>459</v>
      </c>
      <c r="C478" t="s">
        <v>9</v>
      </c>
      <c r="D478" t="s">
        <v>10</v>
      </c>
      <c r="E478" t="s">
        <v>11</v>
      </c>
      <c r="F478" s="2">
        <v>1</v>
      </c>
      <c r="G478" t="s">
        <v>98</v>
      </c>
      <c r="H478" t="s">
        <v>13</v>
      </c>
    </row>
    <row r="479" spans="1:8" x14ac:dyDescent="0.25">
      <c r="A479" s="1">
        <v>45463</v>
      </c>
      <c r="B479" t="s">
        <v>459</v>
      </c>
      <c r="C479" t="s">
        <v>28</v>
      </c>
      <c r="D479" t="s">
        <v>10</v>
      </c>
      <c r="E479" t="s">
        <v>11</v>
      </c>
      <c r="F479" s="2">
        <v>1</v>
      </c>
      <c r="G479" t="s">
        <v>98</v>
      </c>
      <c r="H479" t="s">
        <v>13</v>
      </c>
    </row>
    <row r="480" spans="1:8" x14ac:dyDescent="0.25">
      <c r="A480" s="1">
        <v>45463</v>
      </c>
      <c r="B480" t="s">
        <v>459</v>
      </c>
      <c r="C480" t="s">
        <v>29</v>
      </c>
      <c r="D480" t="s">
        <v>10</v>
      </c>
      <c r="E480" t="s">
        <v>11</v>
      </c>
      <c r="F480" s="2">
        <v>1</v>
      </c>
      <c r="G480" t="s">
        <v>98</v>
      </c>
      <c r="H480" t="s">
        <v>13</v>
      </c>
    </row>
    <row r="481" spans="1:8" x14ac:dyDescent="0.25">
      <c r="A481" s="1">
        <v>45463</v>
      </c>
      <c r="B481" t="s">
        <v>459</v>
      </c>
      <c r="C481" t="s">
        <v>96</v>
      </c>
      <c r="D481" t="s">
        <v>10</v>
      </c>
      <c r="E481" t="s">
        <v>11</v>
      </c>
      <c r="F481" s="2">
        <v>1</v>
      </c>
      <c r="G481" t="s">
        <v>98</v>
      </c>
      <c r="H481" t="s">
        <v>13</v>
      </c>
    </row>
    <row r="482" spans="1:8" x14ac:dyDescent="0.25">
      <c r="A482" s="1">
        <v>45461</v>
      </c>
      <c r="B482" t="s">
        <v>460</v>
      </c>
      <c r="C482" t="s">
        <v>79</v>
      </c>
      <c r="D482" t="s">
        <v>10</v>
      </c>
      <c r="E482" t="s">
        <v>11</v>
      </c>
      <c r="F482" s="2">
        <v>1</v>
      </c>
      <c r="G482" t="s">
        <v>187</v>
      </c>
      <c r="H482" t="s">
        <v>13</v>
      </c>
    </row>
    <row r="483" spans="1:8" x14ac:dyDescent="0.25">
      <c r="A483" s="1">
        <v>45461</v>
      </c>
      <c r="B483" t="s">
        <v>460</v>
      </c>
      <c r="C483" t="s">
        <v>80</v>
      </c>
      <c r="D483" t="s">
        <v>10</v>
      </c>
      <c r="E483" t="s">
        <v>11</v>
      </c>
      <c r="F483" s="2">
        <v>1</v>
      </c>
      <c r="G483" t="s">
        <v>187</v>
      </c>
      <c r="H483" t="s">
        <v>13</v>
      </c>
    </row>
    <row r="484" spans="1:8" x14ac:dyDescent="0.25">
      <c r="A484" s="1">
        <v>45460</v>
      </c>
      <c r="B484" t="s">
        <v>461</v>
      </c>
      <c r="C484" t="s">
        <v>271</v>
      </c>
      <c r="D484" t="s">
        <v>10</v>
      </c>
      <c r="E484" t="s">
        <v>11</v>
      </c>
      <c r="F484" s="2">
        <v>1</v>
      </c>
      <c r="G484" t="s">
        <v>462</v>
      </c>
      <c r="H484" t="s">
        <v>13</v>
      </c>
    </row>
    <row r="485" spans="1:8" x14ac:dyDescent="0.25">
      <c r="A485" s="1">
        <v>45458</v>
      </c>
      <c r="B485" t="s">
        <v>463</v>
      </c>
      <c r="C485" t="s">
        <v>416</v>
      </c>
      <c r="D485" t="s">
        <v>10</v>
      </c>
      <c r="E485" t="s">
        <v>11</v>
      </c>
      <c r="F485" s="2">
        <v>1</v>
      </c>
      <c r="G485" t="s">
        <v>40</v>
      </c>
      <c r="H485" t="s">
        <v>13</v>
      </c>
    </row>
    <row r="486" spans="1:8" x14ac:dyDescent="0.25">
      <c r="A486" s="1">
        <v>45457</v>
      </c>
      <c r="B486" t="s">
        <v>464</v>
      </c>
      <c r="C486" t="s">
        <v>50</v>
      </c>
      <c r="D486" t="s">
        <v>10</v>
      </c>
      <c r="E486" t="s">
        <v>11</v>
      </c>
      <c r="F486" s="2">
        <v>1</v>
      </c>
      <c r="G486" t="s">
        <v>44</v>
      </c>
      <c r="H486" t="s">
        <v>13</v>
      </c>
    </row>
    <row r="487" spans="1:8" x14ac:dyDescent="0.25">
      <c r="A487" s="1">
        <v>45457</v>
      </c>
      <c r="B487" t="s">
        <v>465</v>
      </c>
      <c r="C487" t="s">
        <v>19</v>
      </c>
      <c r="D487" t="s">
        <v>10</v>
      </c>
      <c r="E487" t="s">
        <v>11</v>
      </c>
      <c r="F487" s="2">
        <v>1</v>
      </c>
      <c r="G487" t="s">
        <v>44</v>
      </c>
      <c r="H487" t="s">
        <v>13</v>
      </c>
    </row>
    <row r="488" spans="1:8" x14ac:dyDescent="0.25">
      <c r="A488" s="1">
        <v>45456</v>
      </c>
      <c r="B488" t="s">
        <v>466</v>
      </c>
      <c r="C488" t="s">
        <v>79</v>
      </c>
      <c r="D488" t="s">
        <v>10</v>
      </c>
      <c r="E488" t="s">
        <v>11</v>
      </c>
      <c r="F488" s="2">
        <v>1</v>
      </c>
      <c r="G488" t="s">
        <v>205</v>
      </c>
      <c r="H488" t="s">
        <v>13</v>
      </c>
    </row>
    <row r="489" spans="1:8" x14ac:dyDescent="0.25">
      <c r="A489" s="1">
        <v>45456</v>
      </c>
      <c r="B489" t="s">
        <v>466</v>
      </c>
      <c r="C489" t="s">
        <v>80</v>
      </c>
      <c r="D489" t="s">
        <v>10</v>
      </c>
      <c r="E489" t="s">
        <v>11</v>
      </c>
      <c r="F489" s="2">
        <v>1</v>
      </c>
      <c r="G489" t="s">
        <v>205</v>
      </c>
      <c r="H489" t="s">
        <v>13</v>
      </c>
    </row>
    <row r="490" spans="1:8" x14ac:dyDescent="0.25">
      <c r="A490" s="1">
        <v>45456</v>
      </c>
      <c r="B490" t="s">
        <v>467</v>
      </c>
      <c r="C490" t="s">
        <v>9</v>
      </c>
      <c r="D490" t="s">
        <v>10</v>
      </c>
      <c r="E490" t="s">
        <v>11</v>
      </c>
      <c r="F490" s="2">
        <v>1</v>
      </c>
      <c r="G490" t="s">
        <v>468</v>
      </c>
      <c r="H490" t="s">
        <v>13</v>
      </c>
    </row>
    <row r="491" spans="1:8" x14ac:dyDescent="0.25">
      <c r="A491" s="1">
        <v>45456</v>
      </c>
      <c r="B491" t="s">
        <v>469</v>
      </c>
      <c r="C491" t="s">
        <v>9</v>
      </c>
      <c r="D491" t="s">
        <v>10</v>
      </c>
      <c r="E491" t="s">
        <v>11</v>
      </c>
      <c r="F491" s="2">
        <v>1</v>
      </c>
      <c r="G491" t="s">
        <v>40</v>
      </c>
      <c r="H491" t="s">
        <v>13</v>
      </c>
    </row>
    <row r="492" spans="1:8" x14ac:dyDescent="0.25">
      <c r="A492" s="1">
        <v>45456</v>
      </c>
      <c r="B492" t="s">
        <v>469</v>
      </c>
      <c r="C492" t="s">
        <v>118</v>
      </c>
      <c r="D492" t="s">
        <v>10</v>
      </c>
      <c r="E492" t="s">
        <v>11</v>
      </c>
      <c r="F492" s="2">
        <v>1</v>
      </c>
      <c r="G492" t="s">
        <v>40</v>
      </c>
      <c r="H492" t="s">
        <v>13</v>
      </c>
    </row>
    <row r="493" spans="1:8" x14ac:dyDescent="0.25">
      <c r="A493" s="1">
        <v>45455</v>
      </c>
      <c r="B493" t="s">
        <v>470</v>
      </c>
      <c r="C493" t="s">
        <v>19</v>
      </c>
      <c r="D493" t="s">
        <v>10</v>
      </c>
      <c r="E493" t="s">
        <v>11</v>
      </c>
      <c r="F493" s="2">
        <v>1</v>
      </c>
      <c r="G493" t="s">
        <v>37</v>
      </c>
      <c r="H493" t="s">
        <v>13</v>
      </c>
    </row>
    <row r="494" spans="1:8" x14ac:dyDescent="0.25">
      <c r="A494" s="1">
        <v>45455</v>
      </c>
      <c r="B494" t="s">
        <v>470</v>
      </c>
      <c r="C494" t="s">
        <v>9</v>
      </c>
      <c r="D494" t="s">
        <v>10</v>
      </c>
      <c r="E494" t="s">
        <v>11</v>
      </c>
      <c r="F494" s="2">
        <v>1</v>
      </c>
      <c r="G494" t="s">
        <v>37</v>
      </c>
      <c r="H494" t="s">
        <v>13</v>
      </c>
    </row>
    <row r="495" spans="1:8" x14ac:dyDescent="0.25">
      <c r="A495" s="1">
        <v>45455</v>
      </c>
      <c r="B495" t="s">
        <v>471</v>
      </c>
      <c r="C495" t="s">
        <v>58</v>
      </c>
      <c r="D495" t="s">
        <v>10</v>
      </c>
      <c r="E495" t="s">
        <v>11</v>
      </c>
      <c r="F495" s="2">
        <v>1</v>
      </c>
      <c r="G495" t="s">
        <v>61</v>
      </c>
      <c r="H495" t="s">
        <v>13</v>
      </c>
    </row>
    <row r="496" spans="1:8" x14ac:dyDescent="0.25">
      <c r="A496" s="1">
        <v>45455</v>
      </c>
      <c r="B496" t="s">
        <v>472</v>
      </c>
      <c r="C496" t="s">
        <v>79</v>
      </c>
      <c r="D496" t="s">
        <v>10</v>
      </c>
      <c r="E496" t="s">
        <v>11</v>
      </c>
      <c r="F496" s="2">
        <v>1</v>
      </c>
      <c r="G496" t="s">
        <v>279</v>
      </c>
      <c r="H496" t="s">
        <v>13</v>
      </c>
    </row>
    <row r="497" spans="1:8" x14ac:dyDescent="0.25">
      <c r="A497" s="1">
        <v>45455</v>
      </c>
      <c r="B497" t="s">
        <v>472</v>
      </c>
      <c r="C497" t="s">
        <v>80</v>
      </c>
      <c r="D497" t="s">
        <v>10</v>
      </c>
      <c r="E497" t="s">
        <v>11</v>
      </c>
      <c r="F497" s="2">
        <v>1</v>
      </c>
      <c r="G497" t="s">
        <v>279</v>
      </c>
      <c r="H497" t="s">
        <v>13</v>
      </c>
    </row>
    <row r="498" spans="1:8" x14ac:dyDescent="0.25">
      <c r="A498" s="1">
        <v>45455</v>
      </c>
      <c r="B498" t="s">
        <v>472</v>
      </c>
      <c r="C498" t="s">
        <v>47</v>
      </c>
      <c r="D498" t="s">
        <v>10</v>
      </c>
      <c r="E498" t="s">
        <v>11</v>
      </c>
      <c r="F498" s="2">
        <v>1</v>
      </c>
      <c r="G498" t="s">
        <v>279</v>
      </c>
      <c r="H498" t="s">
        <v>13</v>
      </c>
    </row>
    <row r="499" spans="1:8" x14ac:dyDescent="0.25">
      <c r="A499" s="1">
        <v>45455</v>
      </c>
      <c r="B499" t="s">
        <v>473</v>
      </c>
      <c r="C499" t="s">
        <v>9</v>
      </c>
      <c r="D499" t="s">
        <v>10</v>
      </c>
      <c r="E499" t="s">
        <v>11</v>
      </c>
      <c r="F499" s="2">
        <v>1</v>
      </c>
      <c r="G499" t="s">
        <v>279</v>
      </c>
      <c r="H499" t="s">
        <v>13</v>
      </c>
    </row>
    <row r="500" spans="1:8" x14ac:dyDescent="0.25">
      <c r="A500" s="1">
        <v>45455</v>
      </c>
      <c r="B500" t="s">
        <v>473</v>
      </c>
      <c r="C500" t="s">
        <v>47</v>
      </c>
      <c r="D500" t="s">
        <v>10</v>
      </c>
      <c r="E500" t="s">
        <v>11</v>
      </c>
      <c r="F500" s="2">
        <v>1</v>
      </c>
      <c r="G500" t="s">
        <v>279</v>
      </c>
      <c r="H500" t="s">
        <v>13</v>
      </c>
    </row>
    <row r="501" spans="1:8" x14ac:dyDescent="0.25">
      <c r="A501" s="1">
        <v>45455</v>
      </c>
      <c r="B501" t="s">
        <v>474</v>
      </c>
      <c r="C501" t="s">
        <v>9</v>
      </c>
      <c r="D501" t="s">
        <v>10</v>
      </c>
      <c r="E501" t="s">
        <v>11</v>
      </c>
      <c r="F501" s="2">
        <v>1</v>
      </c>
      <c r="G501" t="s">
        <v>347</v>
      </c>
      <c r="H501" t="s">
        <v>13</v>
      </c>
    </row>
    <row r="502" spans="1:8" x14ac:dyDescent="0.25">
      <c r="A502" s="1">
        <v>45454</v>
      </c>
      <c r="B502" t="s">
        <v>475</v>
      </c>
      <c r="C502" t="s">
        <v>96</v>
      </c>
      <c r="D502" t="s">
        <v>10</v>
      </c>
      <c r="E502" t="s">
        <v>11</v>
      </c>
      <c r="F502" s="2">
        <v>1</v>
      </c>
      <c r="G502" t="s">
        <v>374</v>
      </c>
      <c r="H502" t="s">
        <v>13</v>
      </c>
    </row>
    <row r="503" spans="1:8" x14ac:dyDescent="0.25">
      <c r="A503" s="1">
        <v>45454</v>
      </c>
      <c r="B503" t="s">
        <v>476</v>
      </c>
      <c r="C503" t="s">
        <v>9</v>
      </c>
      <c r="D503" t="s">
        <v>10</v>
      </c>
      <c r="E503" t="s">
        <v>11</v>
      </c>
      <c r="F503" s="2">
        <v>1</v>
      </c>
      <c r="G503" t="s">
        <v>374</v>
      </c>
      <c r="H503" t="s">
        <v>13</v>
      </c>
    </row>
    <row r="504" spans="1:8" x14ac:dyDescent="0.25">
      <c r="A504" s="1">
        <v>45454</v>
      </c>
      <c r="B504" t="s">
        <v>476</v>
      </c>
      <c r="C504" t="s">
        <v>118</v>
      </c>
      <c r="D504" t="s">
        <v>10</v>
      </c>
      <c r="E504" t="s">
        <v>11</v>
      </c>
      <c r="F504" s="2">
        <v>1</v>
      </c>
      <c r="G504" t="s">
        <v>374</v>
      </c>
      <c r="H504" t="s">
        <v>13</v>
      </c>
    </row>
    <row r="505" spans="1:8" x14ac:dyDescent="0.25">
      <c r="A505" s="1">
        <v>45454</v>
      </c>
      <c r="B505" t="s">
        <v>476</v>
      </c>
      <c r="C505" t="s">
        <v>35</v>
      </c>
      <c r="D505" t="s">
        <v>10</v>
      </c>
      <c r="E505" t="s">
        <v>11</v>
      </c>
      <c r="F505" s="2">
        <v>1</v>
      </c>
      <c r="G505" t="s">
        <v>374</v>
      </c>
      <c r="H505" t="s">
        <v>13</v>
      </c>
    </row>
    <row r="506" spans="1:8" x14ac:dyDescent="0.25">
      <c r="A506" s="1">
        <v>45453</v>
      </c>
      <c r="B506" t="s">
        <v>477</v>
      </c>
      <c r="C506" t="s">
        <v>9</v>
      </c>
      <c r="D506" t="s">
        <v>10</v>
      </c>
      <c r="E506" t="s">
        <v>11</v>
      </c>
      <c r="F506" s="2">
        <v>1</v>
      </c>
      <c r="G506" t="s">
        <v>44</v>
      </c>
      <c r="H506" t="s">
        <v>13</v>
      </c>
    </row>
    <row r="507" spans="1:8" x14ac:dyDescent="0.25">
      <c r="A507" s="1">
        <v>45452</v>
      </c>
      <c r="B507" t="s">
        <v>478</v>
      </c>
      <c r="C507" t="s">
        <v>52</v>
      </c>
      <c r="D507" t="s">
        <v>10</v>
      </c>
      <c r="E507" t="s">
        <v>11</v>
      </c>
      <c r="F507" s="2">
        <v>1</v>
      </c>
      <c r="G507" t="s">
        <v>191</v>
      </c>
      <c r="H507" t="s">
        <v>13</v>
      </c>
    </row>
    <row r="508" spans="1:8" x14ac:dyDescent="0.25">
      <c r="A508" s="1">
        <v>45452</v>
      </c>
      <c r="B508" t="s">
        <v>478</v>
      </c>
      <c r="C508" t="s">
        <v>47</v>
      </c>
      <c r="D508" t="s">
        <v>10</v>
      </c>
      <c r="E508" t="s">
        <v>11</v>
      </c>
      <c r="F508" s="2">
        <v>1</v>
      </c>
      <c r="G508" t="s">
        <v>191</v>
      </c>
      <c r="H508" t="s">
        <v>13</v>
      </c>
    </row>
    <row r="509" spans="1:8" x14ac:dyDescent="0.25">
      <c r="A509" s="1">
        <v>45451</v>
      </c>
      <c r="B509" t="s">
        <v>479</v>
      </c>
      <c r="C509" t="s">
        <v>9</v>
      </c>
      <c r="D509" t="s">
        <v>10</v>
      </c>
      <c r="E509" t="s">
        <v>11</v>
      </c>
      <c r="F509" s="2">
        <v>1</v>
      </c>
      <c r="G509" t="s">
        <v>181</v>
      </c>
      <c r="H509" t="s">
        <v>13</v>
      </c>
    </row>
    <row r="510" spans="1:8" x14ac:dyDescent="0.25">
      <c r="A510" s="1">
        <v>45451</v>
      </c>
      <c r="B510" t="s">
        <v>479</v>
      </c>
      <c r="C510" t="s">
        <v>35</v>
      </c>
      <c r="D510" t="s">
        <v>10</v>
      </c>
      <c r="E510" t="s">
        <v>11</v>
      </c>
      <c r="F510" s="2">
        <v>1</v>
      </c>
      <c r="G510" t="s">
        <v>181</v>
      </c>
      <c r="H510" t="s">
        <v>13</v>
      </c>
    </row>
    <row r="511" spans="1:8" x14ac:dyDescent="0.25">
      <c r="A511" s="1">
        <v>45450</v>
      </c>
      <c r="B511" t="s">
        <v>480</v>
      </c>
      <c r="C511" t="s">
        <v>481</v>
      </c>
      <c r="D511" t="s">
        <v>10</v>
      </c>
      <c r="E511" t="s">
        <v>11</v>
      </c>
      <c r="F511" s="2">
        <v>1</v>
      </c>
      <c r="G511" t="s">
        <v>411</v>
      </c>
      <c r="H511" t="s">
        <v>13</v>
      </c>
    </row>
    <row r="512" spans="1:8" x14ac:dyDescent="0.25">
      <c r="A512" s="1">
        <v>45450</v>
      </c>
      <c r="B512" t="s">
        <v>482</v>
      </c>
      <c r="C512" t="s">
        <v>9</v>
      </c>
      <c r="D512" t="s">
        <v>10</v>
      </c>
      <c r="E512" t="s">
        <v>11</v>
      </c>
      <c r="F512" s="2">
        <v>1</v>
      </c>
      <c r="G512" t="s">
        <v>483</v>
      </c>
      <c r="H512" t="s">
        <v>13</v>
      </c>
    </row>
    <row r="513" spans="1:8" x14ac:dyDescent="0.25">
      <c r="A513" s="1">
        <v>45450</v>
      </c>
      <c r="B513" t="s">
        <v>482</v>
      </c>
      <c r="C513" t="s">
        <v>484</v>
      </c>
      <c r="D513" t="s">
        <v>10</v>
      </c>
      <c r="E513" t="s">
        <v>11</v>
      </c>
      <c r="F513" s="2">
        <v>1</v>
      </c>
      <c r="G513" t="s">
        <v>483</v>
      </c>
      <c r="H513" t="s">
        <v>13</v>
      </c>
    </row>
    <row r="514" spans="1:8" x14ac:dyDescent="0.25">
      <c r="A514" s="1">
        <v>45448</v>
      </c>
      <c r="B514" t="s">
        <v>485</v>
      </c>
      <c r="C514" t="s">
        <v>486</v>
      </c>
      <c r="D514" t="s">
        <v>26</v>
      </c>
      <c r="E514" t="s">
        <v>11</v>
      </c>
      <c r="F514" s="2">
        <v>1</v>
      </c>
      <c r="G514" t="s">
        <v>487</v>
      </c>
      <c r="H514" t="s">
        <v>13</v>
      </c>
    </row>
    <row r="515" spans="1:8" x14ac:dyDescent="0.25">
      <c r="A515" s="1">
        <v>45448</v>
      </c>
      <c r="B515" t="s">
        <v>488</v>
      </c>
      <c r="C515" t="s">
        <v>47</v>
      </c>
      <c r="D515" t="s">
        <v>10</v>
      </c>
      <c r="E515" t="s">
        <v>11</v>
      </c>
      <c r="F515" s="2">
        <v>1</v>
      </c>
      <c r="G515" t="s">
        <v>20</v>
      </c>
      <c r="H515" t="s">
        <v>13</v>
      </c>
    </row>
    <row r="516" spans="1:8" x14ac:dyDescent="0.25">
      <c r="A516" s="1">
        <v>45448</v>
      </c>
      <c r="B516" t="s">
        <v>489</v>
      </c>
      <c r="C516" t="s">
        <v>490</v>
      </c>
      <c r="D516" t="s">
        <v>10</v>
      </c>
      <c r="E516" t="s">
        <v>11</v>
      </c>
      <c r="F516" s="2">
        <v>1</v>
      </c>
      <c r="G516" t="s">
        <v>100</v>
      </c>
      <c r="H516" t="s">
        <v>13</v>
      </c>
    </row>
    <row r="517" spans="1:8" x14ac:dyDescent="0.25">
      <c r="A517" s="1">
        <v>45447</v>
      </c>
      <c r="B517" t="s">
        <v>491</v>
      </c>
      <c r="C517" t="s">
        <v>9</v>
      </c>
      <c r="D517" t="s">
        <v>10</v>
      </c>
      <c r="E517" t="s">
        <v>11</v>
      </c>
      <c r="F517" s="2">
        <v>1</v>
      </c>
      <c r="G517" t="s">
        <v>492</v>
      </c>
      <c r="H517" t="s">
        <v>13</v>
      </c>
    </row>
    <row r="518" spans="1:8" x14ac:dyDescent="0.25">
      <c r="A518" s="1">
        <v>45447</v>
      </c>
      <c r="B518" t="s">
        <v>491</v>
      </c>
      <c r="C518" t="s">
        <v>96</v>
      </c>
      <c r="D518" t="s">
        <v>10</v>
      </c>
      <c r="E518" t="s">
        <v>11</v>
      </c>
      <c r="F518" s="2">
        <v>1</v>
      </c>
      <c r="G518" t="s">
        <v>492</v>
      </c>
      <c r="H518" t="s">
        <v>13</v>
      </c>
    </row>
    <row r="519" spans="1:8" x14ac:dyDescent="0.25">
      <c r="A519" s="1">
        <v>45447</v>
      </c>
      <c r="B519" t="s">
        <v>493</v>
      </c>
      <c r="C519" t="s">
        <v>28</v>
      </c>
      <c r="D519" t="s">
        <v>10</v>
      </c>
      <c r="E519" t="s">
        <v>11</v>
      </c>
      <c r="F519" s="2">
        <v>1</v>
      </c>
      <c r="G519" t="s">
        <v>98</v>
      </c>
      <c r="H519" t="s">
        <v>13</v>
      </c>
    </row>
    <row r="520" spans="1:8" x14ac:dyDescent="0.25">
      <c r="A520" s="1">
        <v>45447</v>
      </c>
      <c r="B520" t="s">
        <v>493</v>
      </c>
      <c r="C520" t="s">
        <v>29</v>
      </c>
      <c r="D520" t="s">
        <v>10</v>
      </c>
      <c r="E520" t="s">
        <v>11</v>
      </c>
      <c r="F520" s="2">
        <v>1</v>
      </c>
      <c r="G520" t="s">
        <v>98</v>
      </c>
      <c r="H520" t="s">
        <v>13</v>
      </c>
    </row>
    <row r="521" spans="1:8" x14ac:dyDescent="0.25">
      <c r="A521" s="1">
        <v>45446</v>
      </c>
      <c r="B521" t="s">
        <v>494</v>
      </c>
      <c r="C521" t="s">
        <v>9</v>
      </c>
      <c r="D521" t="s">
        <v>10</v>
      </c>
      <c r="E521" t="s">
        <v>11</v>
      </c>
      <c r="F521" s="2">
        <v>1</v>
      </c>
      <c r="G521" t="s">
        <v>98</v>
      </c>
      <c r="H521" t="s">
        <v>13</v>
      </c>
    </row>
    <row r="522" spans="1:8" x14ac:dyDescent="0.25">
      <c r="A522" s="1">
        <v>45446</v>
      </c>
      <c r="B522" t="s">
        <v>494</v>
      </c>
      <c r="C522" t="s">
        <v>52</v>
      </c>
      <c r="D522" t="s">
        <v>10</v>
      </c>
      <c r="E522" t="s">
        <v>11</v>
      </c>
      <c r="F522" s="2">
        <v>1</v>
      </c>
      <c r="G522" t="s">
        <v>98</v>
      </c>
      <c r="H522" t="s">
        <v>13</v>
      </c>
    </row>
    <row r="523" spans="1:8" x14ac:dyDescent="0.25">
      <c r="A523" s="1">
        <v>45445</v>
      </c>
      <c r="B523" t="s">
        <v>495</v>
      </c>
      <c r="C523" t="s">
        <v>92</v>
      </c>
      <c r="D523" t="s">
        <v>10</v>
      </c>
      <c r="E523" t="s">
        <v>11</v>
      </c>
      <c r="F523" s="2">
        <v>1</v>
      </c>
      <c r="G523" t="s">
        <v>496</v>
      </c>
      <c r="H523" t="s">
        <v>13</v>
      </c>
    </row>
    <row r="524" spans="1:8" x14ac:dyDescent="0.25">
      <c r="A524" s="1">
        <v>45444</v>
      </c>
      <c r="B524" t="s">
        <v>497</v>
      </c>
      <c r="C524" t="s">
        <v>9</v>
      </c>
      <c r="D524" t="s">
        <v>26</v>
      </c>
      <c r="E524" t="s">
        <v>11</v>
      </c>
      <c r="F524" s="2">
        <v>1</v>
      </c>
      <c r="G524" t="s">
        <v>498</v>
      </c>
      <c r="H524" t="s">
        <v>13</v>
      </c>
    </row>
    <row r="525" spans="1:8" x14ac:dyDescent="0.25">
      <c r="A525" s="1">
        <v>45444</v>
      </c>
      <c r="B525" t="s">
        <v>497</v>
      </c>
      <c r="C525" t="s">
        <v>35</v>
      </c>
      <c r="D525" t="s">
        <v>26</v>
      </c>
      <c r="E525" t="s">
        <v>11</v>
      </c>
      <c r="F525" s="2">
        <v>1</v>
      </c>
      <c r="G525" t="s">
        <v>498</v>
      </c>
      <c r="H525" t="s">
        <v>13</v>
      </c>
    </row>
    <row r="526" spans="1:8" x14ac:dyDescent="0.25">
      <c r="A526" s="1">
        <v>45443</v>
      </c>
      <c r="B526" t="s">
        <v>499</v>
      </c>
      <c r="C526" t="s">
        <v>282</v>
      </c>
      <c r="D526" t="s">
        <v>10</v>
      </c>
      <c r="E526" t="s">
        <v>11</v>
      </c>
      <c r="F526" s="2">
        <v>1</v>
      </c>
      <c r="G526" t="s">
        <v>98</v>
      </c>
      <c r="H526" t="s">
        <v>13</v>
      </c>
    </row>
    <row r="527" spans="1:8" x14ac:dyDescent="0.25">
      <c r="A527" s="1">
        <v>45442</v>
      </c>
      <c r="B527" t="s">
        <v>500</v>
      </c>
      <c r="C527" t="s">
        <v>9</v>
      </c>
      <c r="D527" t="s">
        <v>10</v>
      </c>
      <c r="E527" t="s">
        <v>11</v>
      </c>
      <c r="F527" s="2">
        <v>1</v>
      </c>
      <c r="G527" t="s">
        <v>49</v>
      </c>
      <c r="H527" t="s">
        <v>13</v>
      </c>
    </row>
    <row r="528" spans="1:8" x14ac:dyDescent="0.25">
      <c r="A528" s="1">
        <v>45442</v>
      </c>
      <c r="B528" t="s">
        <v>500</v>
      </c>
      <c r="C528" t="s">
        <v>271</v>
      </c>
      <c r="D528" t="s">
        <v>10</v>
      </c>
      <c r="E528" t="s">
        <v>11</v>
      </c>
      <c r="F528" s="2">
        <v>1</v>
      </c>
      <c r="G528" t="s">
        <v>49</v>
      </c>
      <c r="H528" t="s">
        <v>13</v>
      </c>
    </row>
    <row r="529" spans="1:8" x14ac:dyDescent="0.25">
      <c r="A529" s="1">
        <v>45441</v>
      </c>
      <c r="B529" t="s">
        <v>501</v>
      </c>
      <c r="C529" t="s">
        <v>413</v>
      </c>
      <c r="D529" t="s">
        <v>10</v>
      </c>
      <c r="E529" t="s">
        <v>11</v>
      </c>
      <c r="F529" s="2">
        <v>1</v>
      </c>
      <c r="G529" t="s">
        <v>31</v>
      </c>
      <c r="H529" t="s">
        <v>13</v>
      </c>
    </row>
    <row r="530" spans="1:8" x14ac:dyDescent="0.25">
      <c r="A530" s="1">
        <v>45441</v>
      </c>
      <c r="B530" t="s">
        <v>502</v>
      </c>
      <c r="C530" t="s">
        <v>47</v>
      </c>
      <c r="D530" t="s">
        <v>10</v>
      </c>
      <c r="E530" t="s">
        <v>11</v>
      </c>
      <c r="F530" s="2">
        <v>1</v>
      </c>
      <c r="G530" t="s">
        <v>191</v>
      </c>
      <c r="H530" t="s">
        <v>13</v>
      </c>
    </row>
    <row r="531" spans="1:8" x14ac:dyDescent="0.25">
      <c r="A531" s="1">
        <v>45441</v>
      </c>
      <c r="B531" t="s">
        <v>502</v>
      </c>
      <c r="C531" t="s">
        <v>14</v>
      </c>
      <c r="D531" t="s">
        <v>10</v>
      </c>
      <c r="E531" t="s">
        <v>11</v>
      </c>
      <c r="F531" s="2">
        <v>1</v>
      </c>
      <c r="G531" t="s">
        <v>191</v>
      </c>
      <c r="H531" t="s">
        <v>13</v>
      </c>
    </row>
    <row r="532" spans="1:8" x14ac:dyDescent="0.25">
      <c r="A532" s="1">
        <v>45440</v>
      </c>
      <c r="B532" t="s">
        <v>503</v>
      </c>
      <c r="C532" t="s">
        <v>9</v>
      </c>
      <c r="D532" t="s">
        <v>26</v>
      </c>
      <c r="E532" t="s">
        <v>11</v>
      </c>
      <c r="F532" s="2">
        <v>1</v>
      </c>
      <c r="G532" t="s">
        <v>154</v>
      </c>
      <c r="H532" t="s">
        <v>13</v>
      </c>
    </row>
    <row r="533" spans="1:8" x14ac:dyDescent="0.25">
      <c r="A533" s="1">
        <v>45437</v>
      </c>
      <c r="B533" t="s">
        <v>504</v>
      </c>
      <c r="C533" t="s">
        <v>19</v>
      </c>
      <c r="D533" t="s">
        <v>10</v>
      </c>
      <c r="E533" t="s">
        <v>11</v>
      </c>
      <c r="F533" s="2">
        <v>1</v>
      </c>
      <c r="G533" t="s">
        <v>111</v>
      </c>
      <c r="H533" t="s">
        <v>13</v>
      </c>
    </row>
    <row r="534" spans="1:8" x14ac:dyDescent="0.25">
      <c r="A534" s="1">
        <v>45437</v>
      </c>
      <c r="B534" t="s">
        <v>505</v>
      </c>
      <c r="C534" t="s">
        <v>47</v>
      </c>
      <c r="D534" t="s">
        <v>10</v>
      </c>
      <c r="E534" t="s">
        <v>11</v>
      </c>
      <c r="F534" s="2">
        <v>1</v>
      </c>
      <c r="G534" t="s">
        <v>135</v>
      </c>
      <c r="H534" t="s">
        <v>13</v>
      </c>
    </row>
    <row r="535" spans="1:8" x14ac:dyDescent="0.25">
      <c r="A535" s="1">
        <v>45436</v>
      </c>
      <c r="B535" t="s">
        <v>506</v>
      </c>
      <c r="C535" t="s">
        <v>9</v>
      </c>
      <c r="D535" t="s">
        <v>10</v>
      </c>
      <c r="E535" t="s">
        <v>11</v>
      </c>
      <c r="F535" s="2">
        <v>1</v>
      </c>
      <c r="G535" t="s">
        <v>31</v>
      </c>
      <c r="H535" t="s">
        <v>13</v>
      </c>
    </row>
    <row r="536" spans="1:8" x14ac:dyDescent="0.25">
      <c r="A536" s="1">
        <v>45436</v>
      </c>
      <c r="B536" t="s">
        <v>506</v>
      </c>
      <c r="C536" t="s">
        <v>35</v>
      </c>
      <c r="D536" t="s">
        <v>10</v>
      </c>
      <c r="E536" t="s">
        <v>11</v>
      </c>
      <c r="F536" s="2">
        <v>1</v>
      </c>
      <c r="G536" t="s">
        <v>31</v>
      </c>
      <c r="H536" t="s">
        <v>13</v>
      </c>
    </row>
    <row r="537" spans="1:8" x14ac:dyDescent="0.25">
      <c r="A537" s="1">
        <v>45436</v>
      </c>
      <c r="B537" t="s">
        <v>506</v>
      </c>
      <c r="C537" t="s">
        <v>507</v>
      </c>
      <c r="D537" t="s">
        <v>10</v>
      </c>
      <c r="E537" t="s">
        <v>11</v>
      </c>
      <c r="F537" s="2">
        <v>1</v>
      </c>
      <c r="G537" t="s">
        <v>31</v>
      </c>
      <c r="H537" t="s">
        <v>13</v>
      </c>
    </row>
    <row r="538" spans="1:8" x14ac:dyDescent="0.25">
      <c r="A538" s="1">
        <v>45436</v>
      </c>
      <c r="B538" t="s">
        <v>508</v>
      </c>
      <c r="C538" t="s">
        <v>34</v>
      </c>
      <c r="D538" t="s">
        <v>10</v>
      </c>
      <c r="E538" t="s">
        <v>11</v>
      </c>
      <c r="F538" s="2">
        <v>1</v>
      </c>
      <c r="G538" t="s">
        <v>181</v>
      </c>
      <c r="H538" t="s">
        <v>13</v>
      </c>
    </row>
    <row r="539" spans="1:8" x14ac:dyDescent="0.25">
      <c r="A539" s="1">
        <v>45435</v>
      </c>
      <c r="B539" t="s">
        <v>509</v>
      </c>
      <c r="C539" t="s">
        <v>510</v>
      </c>
      <c r="D539" t="s">
        <v>10</v>
      </c>
      <c r="E539" t="s">
        <v>11</v>
      </c>
      <c r="F539" s="2">
        <v>1</v>
      </c>
      <c r="G539" t="s">
        <v>511</v>
      </c>
      <c r="H539" t="s">
        <v>13</v>
      </c>
    </row>
    <row r="540" spans="1:8" x14ac:dyDescent="0.25">
      <c r="A540" s="1">
        <v>45434</v>
      </c>
      <c r="B540" t="s">
        <v>512</v>
      </c>
      <c r="C540" t="s">
        <v>9</v>
      </c>
      <c r="D540" t="s">
        <v>10</v>
      </c>
      <c r="E540" t="s">
        <v>11</v>
      </c>
      <c r="F540" s="2">
        <v>1</v>
      </c>
      <c r="G540" t="s">
        <v>37</v>
      </c>
      <c r="H540" t="s">
        <v>13</v>
      </c>
    </row>
    <row r="541" spans="1:8" x14ac:dyDescent="0.25">
      <c r="A541" s="1">
        <v>45434</v>
      </c>
      <c r="B541" t="s">
        <v>512</v>
      </c>
      <c r="C541" t="s">
        <v>42</v>
      </c>
      <c r="D541" t="s">
        <v>10</v>
      </c>
      <c r="E541" t="s">
        <v>11</v>
      </c>
      <c r="F541" s="2">
        <v>1</v>
      </c>
      <c r="G541" t="s">
        <v>37</v>
      </c>
      <c r="H541" t="s">
        <v>13</v>
      </c>
    </row>
    <row r="542" spans="1:8" x14ac:dyDescent="0.25">
      <c r="A542" s="1">
        <v>45434</v>
      </c>
      <c r="B542" t="s">
        <v>512</v>
      </c>
      <c r="C542" t="s">
        <v>96</v>
      </c>
      <c r="D542" t="s">
        <v>10</v>
      </c>
      <c r="E542" t="s">
        <v>11</v>
      </c>
      <c r="F542" s="2">
        <v>1</v>
      </c>
      <c r="G542" t="s">
        <v>37</v>
      </c>
      <c r="H542" t="s">
        <v>13</v>
      </c>
    </row>
    <row r="543" spans="1:8" x14ac:dyDescent="0.25">
      <c r="A543" s="1">
        <v>45433</v>
      </c>
      <c r="B543" t="s">
        <v>513</v>
      </c>
      <c r="C543" t="s">
        <v>9</v>
      </c>
      <c r="D543" t="s">
        <v>10</v>
      </c>
      <c r="E543" t="s">
        <v>11</v>
      </c>
      <c r="F543" s="2">
        <v>1</v>
      </c>
      <c r="G543" t="s">
        <v>24</v>
      </c>
      <c r="H543" t="s">
        <v>13</v>
      </c>
    </row>
    <row r="544" spans="1:8" x14ac:dyDescent="0.25">
      <c r="A544" s="1">
        <v>45433</v>
      </c>
      <c r="B544" t="s">
        <v>514</v>
      </c>
      <c r="C544" t="s">
        <v>96</v>
      </c>
      <c r="D544" t="s">
        <v>10</v>
      </c>
      <c r="E544" t="s">
        <v>11</v>
      </c>
      <c r="F544" s="2">
        <v>1</v>
      </c>
      <c r="G544" t="s">
        <v>515</v>
      </c>
      <c r="H544" t="s">
        <v>13</v>
      </c>
    </row>
    <row r="545" spans="1:8" x14ac:dyDescent="0.25">
      <c r="A545" s="1">
        <v>45432</v>
      </c>
      <c r="B545" t="s">
        <v>516</v>
      </c>
      <c r="C545" t="s">
        <v>9</v>
      </c>
      <c r="D545" t="s">
        <v>10</v>
      </c>
      <c r="E545" t="s">
        <v>11</v>
      </c>
      <c r="F545" s="2">
        <v>1</v>
      </c>
      <c r="G545" t="s">
        <v>20</v>
      </c>
      <c r="H545" t="s">
        <v>13</v>
      </c>
    </row>
    <row r="546" spans="1:8" x14ac:dyDescent="0.25">
      <c r="A546" s="1">
        <v>45431</v>
      </c>
      <c r="B546" t="s">
        <v>517</v>
      </c>
      <c r="C546" t="s">
        <v>9</v>
      </c>
      <c r="D546" t="s">
        <v>10</v>
      </c>
      <c r="E546" t="s">
        <v>11</v>
      </c>
      <c r="F546" s="2">
        <v>1</v>
      </c>
      <c r="G546" t="s">
        <v>194</v>
      </c>
      <c r="H546" t="s">
        <v>13</v>
      </c>
    </row>
    <row r="547" spans="1:8" x14ac:dyDescent="0.25">
      <c r="A547" s="1">
        <v>45431</v>
      </c>
      <c r="B547" t="s">
        <v>517</v>
      </c>
      <c r="C547" t="s">
        <v>9</v>
      </c>
      <c r="D547" t="s">
        <v>10</v>
      </c>
      <c r="E547" t="s">
        <v>11</v>
      </c>
      <c r="F547" s="2">
        <v>1</v>
      </c>
      <c r="G547" t="s">
        <v>194</v>
      </c>
      <c r="H547" t="s">
        <v>13</v>
      </c>
    </row>
    <row r="548" spans="1:8" x14ac:dyDescent="0.25">
      <c r="A548" s="1">
        <v>45431</v>
      </c>
      <c r="B548" t="s">
        <v>517</v>
      </c>
      <c r="C548" t="s">
        <v>47</v>
      </c>
      <c r="D548" t="s">
        <v>10</v>
      </c>
      <c r="E548" t="s">
        <v>11</v>
      </c>
      <c r="F548" s="2">
        <v>1</v>
      </c>
      <c r="G548" t="s">
        <v>194</v>
      </c>
      <c r="H548" t="s">
        <v>13</v>
      </c>
    </row>
    <row r="549" spans="1:8" x14ac:dyDescent="0.25">
      <c r="A549" s="1">
        <v>45431</v>
      </c>
      <c r="B549" t="s">
        <v>517</v>
      </c>
      <c r="C549" t="s">
        <v>47</v>
      </c>
      <c r="D549" t="s">
        <v>10</v>
      </c>
      <c r="E549" t="s">
        <v>11</v>
      </c>
      <c r="F549" s="2">
        <v>1</v>
      </c>
      <c r="G549" t="s">
        <v>194</v>
      </c>
      <c r="H549" t="s">
        <v>13</v>
      </c>
    </row>
    <row r="550" spans="1:8" x14ac:dyDescent="0.25">
      <c r="A550" s="1">
        <v>45431</v>
      </c>
      <c r="B550" t="s">
        <v>517</v>
      </c>
      <c r="C550" t="s">
        <v>518</v>
      </c>
      <c r="D550" t="s">
        <v>10</v>
      </c>
      <c r="E550" t="s">
        <v>11</v>
      </c>
      <c r="F550" s="2">
        <v>1</v>
      </c>
      <c r="G550" t="s">
        <v>194</v>
      </c>
      <c r="H550" t="s">
        <v>13</v>
      </c>
    </row>
    <row r="551" spans="1:8" x14ac:dyDescent="0.25">
      <c r="A551" s="1">
        <v>45431</v>
      </c>
      <c r="B551" t="s">
        <v>517</v>
      </c>
      <c r="C551" t="s">
        <v>518</v>
      </c>
      <c r="D551" t="s">
        <v>10</v>
      </c>
      <c r="E551" t="s">
        <v>11</v>
      </c>
      <c r="F551" s="2">
        <v>1</v>
      </c>
      <c r="G551" t="s">
        <v>194</v>
      </c>
      <c r="H551" t="s">
        <v>13</v>
      </c>
    </row>
    <row r="552" spans="1:8" x14ac:dyDescent="0.25">
      <c r="A552" s="1">
        <v>45431</v>
      </c>
      <c r="B552" t="s">
        <v>517</v>
      </c>
      <c r="C552" t="s">
        <v>14</v>
      </c>
      <c r="D552" t="s">
        <v>10</v>
      </c>
      <c r="E552" t="s">
        <v>11</v>
      </c>
      <c r="F552" s="2">
        <v>1</v>
      </c>
      <c r="G552" t="s">
        <v>194</v>
      </c>
      <c r="H552" t="s">
        <v>13</v>
      </c>
    </row>
    <row r="553" spans="1:8" x14ac:dyDescent="0.25">
      <c r="A553" s="1">
        <v>45431</v>
      </c>
      <c r="B553" t="s">
        <v>517</v>
      </c>
      <c r="C553" t="s">
        <v>14</v>
      </c>
      <c r="D553" t="s">
        <v>10</v>
      </c>
      <c r="E553" t="s">
        <v>11</v>
      </c>
      <c r="F553" s="2">
        <v>1</v>
      </c>
      <c r="G553" t="s">
        <v>194</v>
      </c>
      <c r="H553" t="s">
        <v>13</v>
      </c>
    </row>
    <row r="554" spans="1:8" x14ac:dyDescent="0.25">
      <c r="A554" s="1">
        <v>45430</v>
      </c>
      <c r="B554" t="s">
        <v>519</v>
      </c>
      <c r="C554" t="s">
        <v>174</v>
      </c>
      <c r="D554" t="s">
        <v>10</v>
      </c>
      <c r="E554" t="s">
        <v>11</v>
      </c>
      <c r="F554" s="2">
        <v>1</v>
      </c>
      <c r="G554" t="s">
        <v>93</v>
      </c>
      <c r="H554" t="s">
        <v>13</v>
      </c>
    </row>
    <row r="555" spans="1:8" x14ac:dyDescent="0.25">
      <c r="A555" s="1">
        <v>45429</v>
      </c>
      <c r="B555" t="s">
        <v>520</v>
      </c>
      <c r="C555" t="s">
        <v>14</v>
      </c>
      <c r="D555" t="s">
        <v>10</v>
      </c>
      <c r="E555" t="s">
        <v>11</v>
      </c>
      <c r="F555" s="2">
        <v>1</v>
      </c>
      <c r="G555" t="s">
        <v>37</v>
      </c>
      <c r="H555" t="s">
        <v>13</v>
      </c>
    </row>
    <row r="556" spans="1:8" x14ac:dyDescent="0.25">
      <c r="A556" s="1">
        <v>45429</v>
      </c>
      <c r="B556" t="s">
        <v>521</v>
      </c>
      <c r="C556" t="s">
        <v>35</v>
      </c>
      <c r="D556" t="s">
        <v>10</v>
      </c>
      <c r="E556" t="s">
        <v>11</v>
      </c>
      <c r="F556" s="2">
        <v>1</v>
      </c>
      <c r="G556" t="s">
        <v>20</v>
      </c>
      <c r="H556" t="s">
        <v>13</v>
      </c>
    </row>
    <row r="557" spans="1:8" x14ac:dyDescent="0.25">
      <c r="A557" s="1">
        <v>45429</v>
      </c>
      <c r="B557" t="s">
        <v>521</v>
      </c>
      <c r="C557" t="s">
        <v>32</v>
      </c>
      <c r="D557" t="s">
        <v>10</v>
      </c>
      <c r="E557" t="s">
        <v>11</v>
      </c>
      <c r="F557" s="2">
        <v>1</v>
      </c>
      <c r="G557" t="s">
        <v>20</v>
      </c>
      <c r="H557" t="s">
        <v>13</v>
      </c>
    </row>
    <row r="558" spans="1:8" x14ac:dyDescent="0.25">
      <c r="A558" s="1">
        <v>45428</v>
      </c>
      <c r="B558" t="s">
        <v>522</v>
      </c>
      <c r="C558" t="s">
        <v>9</v>
      </c>
      <c r="D558" t="s">
        <v>10</v>
      </c>
      <c r="E558" t="s">
        <v>11</v>
      </c>
      <c r="F558" s="2">
        <v>1</v>
      </c>
      <c r="G558" t="s">
        <v>46</v>
      </c>
      <c r="H558" t="s">
        <v>13</v>
      </c>
    </row>
    <row r="559" spans="1:8" x14ac:dyDescent="0.25">
      <c r="A559" s="1">
        <v>45427</v>
      </c>
      <c r="B559" t="s">
        <v>523</v>
      </c>
      <c r="C559" t="s">
        <v>524</v>
      </c>
      <c r="D559" t="s">
        <v>10</v>
      </c>
      <c r="E559" t="s">
        <v>11</v>
      </c>
      <c r="F559" s="2">
        <v>1</v>
      </c>
      <c r="G559" t="s">
        <v>63</v>
      </c>
      <c r="H559" t="s">
        <v>13</v>
      </c>
    </row>
    <row r="560" spans="1:8" x14ac:dyDescent="0.25">
      <c r="A560" s="1">
        <v>45427</v>
      </c>
      <c r="B560" t="s">
        <v>525</v>
      </c>
      <c r="C560" t="s">
        <v>9</v>
      </c>
      <c r="D560" t="s">
        <v>10</v>
      </c>
      <c r="E560" t="s">
        <v>11</v>
      </c>
      <c r="F560" s="2">
        <v>1</v>
      </c>
      <c r="G560" t="s">
        <v>37</v>
      </c>
      <c r="H560" t="s">
        <v>13</v>
      </c>
    </row>
    <row r="561" spans="1:8" x14ac:dyDescent="0.25">
      <c r="A561" s="1">
        <v>45427</v>
      </c>
      <c r="B561" t="s">
        <v>525</v>
      </c>
      <c r="C561" t="s">
        <v>29</v>
      </c>
      <c r="D561" t="s">
        <v>10</v>
      </c>
      <c r="E561" t="s">
        <v>11</v>
      </c>
      <c r="F561" s="2">
        <v>1</v>
      </c>
      <c r="G561" t="s">
        <v>37</v>
      </c>
      <c r="H561" t="s">
        <v>13</v>
      </c>
    </row>
    <row r="562" spans="1:8" x14ac:dyDescent="0.25">
      <c r="A562" s="1">
        <v>45426</v>
      </c>
      <c r="B562" t="s">
        <v>526</v>
      </c>
      <c r="C562" t="s">
        <v>29</v>
      </c>
      <c r="D562" t="s">
        <v>10</v>
      </c>
      <c r="E562" t="s">
        <v>11</v>
      </c>
      <c r="F562" s="2">
        <v>1</v>
      </c>
      <c r="G562" t="s">
        <v>100</v>
      </c>
      <c r="H562" t="s">
        <v>13</v>
      </c>
    </row>
    <row r="563" spans="1:8" x14ac:dyDescent="0.25">
      <c r="A563" s="1">
        <v>45426</v>
      </c>
      <c r="B563" t="s">
        <v>526</v>
      </c>
      <c r="C563" t="s">
        <v>35</v>
      </c>
      <c r="D563" t="s">
        <v>10</v>
      </c>
      <c r="E563" t="s">
        <v>11</v>
      </c>
      <c r="F563" s="2">
        <v>1</v>
      </c>
      <c r="G563" t="s">
        <v>100</v>
      </c>
      <c r="H563" t="s">
        <v>13</v>
      </c>
    </row>
    <row r="564" spans="1:8" x14ac:dyDescent="0.25">
      <c r="A564" s="1">
        <v>45424</v>
      </c>
      <c r="B564" t="s">
        <v>528</v>
      </c>
      <c r="C564" t="s">
        <v>9</v>
      </c>
      <c r="D564" t="s">
        <v>10</v>
      </c>
      <c r="E564" t="s">
        <v>11</v>
      </c>
      <c r="F564" s="2">
        <v>1</v>
      </c>
      <c r="G564" t="s">
        <v>529</v>
      </c>
      <c r="H564" t="s">
        <v>13</v>
      </c>
    </row>
    <row r="565" spans="1:8" x14ac:dyDescent="0.25">
      <c r="A565" s="1">
        <v>45422</v>
      </c>
      <c r="B565" t="s">
        <v>530</v>
      </c>
      <c r="C565" t="s">
        <v>19</v>
      </c>
      <c r="D565" t="s">
        <v>10</v>
      </c>
      <c r="E565" t="s">
        <v>11</v>
      </c>
      <c r="F565" s="2">
        <v>1</v>
      </c>
      <c r="G565" t="s">
        <v>296</v>
      </c>
      <c r="H565" t="s">
        <v>13</v>
      </c>
    </row>
    <row r="566" spans="1:8" x14ac:dyDescent="0.25">
      <c r="A566" s="1">
        <v>45422</v>
      </c>
      <c r="B566" t="s">
        <v>531</v>
      </c>
      <c r="C566" t="s">
        <v>96</v>
      </c>
      <c r="D566" t="s">
        <v>10</v>
      </c>
      <c r="E566" t="s">
        <v>11</v>
      </c>
      <c r="F566" s="2">
        <v>1</v>
      </c>
      <c r="G566" t="s">
        <v>364</v>
      </c>
      <c r="H566" t="s">
        <v>13</v>
      </c>
    </row>
    <row r="567" spans="1:8" x14ac:dyDescent="0.25">
      <c r="A567" s="1">
        <v>45421</v>
      </c>
      <c r="B567" t="s">
        <v>532</v>
      </c>
      <c r="C567" t="s">
        <v>74</v>
      </c>
      <c r="D567" t="s">
        <v>10</v>
      </c>
      <c r="E567" t="s">
        <v>11</v>
      </c>
      <c r="F567" s="2">
        <v>1</v>
      </c>
      <c r="G567" t="s">
        <v>72</v>
      </c>
      <c r="H567" t="s">
        <v>13</v>
      </c>
    </row>
    <row r="568" spans="1:8" x14ac:dyDescent="0.25">
      <c r="A568" s="1">
        <v>45420</v>
      </c>
      <c r="B568" t="s">
        <v>533</v>
      </c>
      <c r="C568" t="s">
        <v>19</v>
      </c>
      <c r="D568" t="s">
        <v>10</v>
      </c>
      <c r="E568" t="s">
        <v>11</v>
      </c>
      <c r="F568" s="2">
        <v>1</v>
      </c>
      <c r="G568" t="s">
        <v>187</v>
      </c>
      <c r="H568" t="s">
        <v>13</v>
      </c>
    </row>
    <row r="569" spans="1:8" x14ac:dyDescent="0.25">
      <c r="A569" s="1">
        <v>45418</v>
      </c>
      <c r="B569" t="s">
        <v>534</v>
      </c>
      <c r="C569" t="s">
        <v>19</v>
      </c>
      <c r="D569" t="s">
        <v>10</v>
      </c>
      <c r="E569" t="s">
        <v>11</v>
      </c>
      <c r="F569" s="2">
        <v>1</v>
      </c>
      <c r="G569" t="s">
        <v>135</v>
      </c>
      <c r="H569" t="s">
        <v>13</v>
      </c>
    </row>
    <row r="570" spans="1:8" x14ac:dyDescent="0.25">
      <c r="A570" s="1">
        <v>45418</v>
      </c>
      <c r="B570" t="s">
        <v>535</v>
      </c>
      <c r="C570" t="s">
        <v>14</v>
      </c>
      <c r="D570" t="s">
        <v>10</v>
      </c>
      <c r="E570" t="s">
        <v>11</v>
      </c>
      <c r="F570" s="2">
        <v>1</v>
      </c>
      <c r="G570" t="s">
        <v>318</v>
      </c>
      <c r="H570" t="s">
        <v>13</v>
      </c>
    </row>
    <row r="571" spans="1:8" x14ac:dyDescent="0.25">
      <c r="A571" s="1">
        <v>45417</v>
      </c>
      <c r="B571" t="s">
        <v>536</v>
      </c>
      <c r="C571" t="s">
        <v>9</v>
      </c>
      <c r="D571" t="s">
        <v>10</v>
      </c>
      <c r="E571" t="s">
        <v>11</v>
      </c>
      <c r="F571" s="2">
        <v>1</v>
      </c>
      <c r="G571" t="s">
        <v>197</v>
      </c>
      <c r="H571" t="s">
        <v>13</v>
      </c>
    </row>
    <row r="572" spans="1:8" x14ac:dyDescent="0.25">
      <c r="A572" s="1">
        <v>45417</v>
      </c>
      <c r="B572" t="s">
        <v>536</v>
      </c>
      <c r="C572" t="s">
        <v>35</v>
      </c>
      <c r="D572" t="s">
        <v>10</v>
      </c>
      <c r="E572" t="s">
        <v>11</v>
      </c>
      <c r="F572" s="2">
        <v>1</v>
      </c>
      <c r="G572" t="s">
        <v>197</v>
      </c>
      <c r="H572" t="s">
        <v>13</v>
      </c>
    </row>
    <row r="573" spans="1:8" x14ac:dyDescent="0.25">
      <c r="A573" s="1">
        <v>45417</v>
      </c>
      <c r="B573" t="s">
        <v>537</v>
      </c>
      <c r="C573" t="s">
        <v>9</v>
      </c>
      <c r="D573" t="s">
        <v>10</v>
      </c>
      <c r="E573" t="s">
        <v>11</v>
      </c>
      <c r="F573" s="2">
        <v>1</v>
      </c>
      <c r="G573" t="s">
        <v>98</v>
      </c>
      <c r="H573" t="s">
        <v>13</v>
      </c>
    </row>
    <row r="574" spans="1:8" x14ac:dyDescent="0.25">
      <c r="A574" s="1">
        <v>45417</v>
      </c>
      <c r="B574" t="s">
        <v>537</v>
      </c>
      <c r="C574" t="s">
        <v>96</v>
      </c>
      <c r="D574" t="s">
        <v>10</v>
      </c>
      <c r="E574" t="s">
        <v>11</v>
      </c>
      <c r="F574" s="2">
        <v>1</v>
      </c>
      <c r="G574" t="s">
        <v>98</v>
      </c>
      <c r="H574" t="s">
        <v>13</v>
      </c>
    </row>
    <row r="575" spans="1:8" x14ac:dyDescent="0.25">
      <c r="A575" s="1">
        <v>45417</v>
      </c>
      <c r="B575" t="s">
        <v>538</v>
      </c>
      <c r="C575" t="s">
        <v>484</v>
      </c>
      <c r="D575" t="s">
        <v>10</v>
      </c>
      <c r="E575" t="s">
        <v>11</v>
      </c>
      <c r="F575" s="2">
        <v>1</v>
      </c>
      <c r="G575" t="s">
        <v>197</v>
      </c>
      <c r="H575" t="s">
        <v>13</v>
      </c>
    </row>
    <row r="576" spans="1:8" x14ac:dyDescent="0.25">
      <c r="A576" s="1">
        <v>45416</v>
      </c>
      <c r="B576" t="s">
        <v>539</v>
      </c>
      <c r="C576" t="s">
        <v>14</v>
      </c>
      <c r="D576" t="s">
        <v>26</v>
      </c>
      <c r="E576" t="s">
        <v>11</v>
      </c>
      <c r="F576" s="2">
        <v>1</v>
      </c>
      <c r="G576" t="s">
        <v>20</v>
      </c>
      <c r="H576" t="s">
        <v>13</v>
      </c>
    </row>
    <row r="577" spans="1:8" x14ac:dyDescent="0.25">
      <c r="A577" s="1">
        <v>45416</v>
      </c>
      <c r="B577" t="s">
        <v>540</v>
      </c>
      <c r="C577" t="s">
        <v>47</v>
      </c>
      <c r="D577" t="s">
        <v>10</v>
      </c>
      <c r="E577" t="s">
        <v>11</v>
      </c>
      <c r="F577" s="2">
        <v>1</v>
      </c>
      <c r="G577" t="s">
        <v>27</v>
      </c>
      <c r="H577" t="s">
        <v>13</v>
      </c>
    </row>
    <row r="578" spans="1:8" x14ac:dyDescent="0.25">
      <c r="A578" s="1">
        <v>45414</v>
      </c>
      <c r="B578" t="s">
        <v>541</v>
      </c>
      <c r="C578" t="s">
        <v>28</v>
      </c>
      <c r="D578" t="s">
        <v>10</v>
      </c>
      <c r="E578" t="s">
        <v>11</v>
      </c>
      <c r="F578" s="2">
        <v>1</v>
      </c>
      <c r="G578" t="s">
        <v>98</v>
      </c>
      <c r="H578" t="s">
        <v>13</v>
      </c>
    </row>
    <row r="579" spans="1:8" x14ac:dyDescent="0.25">
      <c r="A579" s="1">
        <v>45414</v>
      </c>
      <c r="B579" t="s">
        <v>541</v>
      </c>
      <c r="C579" t="s">
        <v>118</v>
      </c>
      <c r="D579" t="s">
        <v>10</v>
      </c>
      <c r="E579" t="s">
        <v>11</v>
      </c>
      <c r="F579" s="2">
        <v>1</v>
      </c>
      <c r="G579" t="s">
        <v>98</v>
      </c>
      <c r="H579" t="s">
        <v>13</v>
      </c>
    </row>
    <row r="580" spans="1:8" x14ac:dyDescent="0.25">
      <c r="A580" s="1">
        <v>45414</v>
      </c>
      <c r="B580" t="s">
        <v>541</v>
      </c>
      <c r="C580" t="s">
        <v>142</v>
      </c>
      <c r="D580" t="s">
        <v>10</v>
      </c>
      <c r="E580" t="s">
        <v>11</v>
      </c>
      <c r="F580" s="2">
        <v>1</v>
      </c>
      <c r="G580" t="s">
        <v>98</v>
      </c>
      <c r="H580" t="s">
        <v>13</v>
      </c>
    </row>
    <row r="581" spans="1:8" x14ac:dyDescent="0.25">
      <c r="A581" s="1">
        <v>45414</v>
      </c>
      <c r="B581" t="s">
        <v>541</v>
      </c>
      <c r="C581" t="s">
        <v>416</v>
      </c>
      <c r="D581" t="s">
        <v>10</v>
      </c>
      <c r="E581" t="s">
        <v>11</v>
      </c>
      <c r="F581" s="2">
        <v>1</v>
      </c>
      <c r="G581" t="s">
        <v>98</v>
      </c>
      <c r="H581" t="s">
        <v>13</v>
      </c>
    </row>
    <row r="582" spans="1:8" x14ac:dyDescent="0.25">
      <c r="A582" s="1">
        <v>45414</v>
      </c>
      <c r="B582" t="s">
        <v>541</v>
      </c>
      <c r="C582" t="s">
        <v>96</v>
      </c>
      <c r="D582" t="s">
        <v>10</v>
      </c>
      <c r="E582" t="s">
        <v>11</v>
      </c>
      <c r="F582" s="2">
        <v>1</v>
      </c>
      <c r="G582" t="s">
        <v>98</v>
      </c>
      <c r="H582" t="s">
        <v>13</v>
      </c>
    </row>
    <row r="583" spans="1:8" x14ac:dyDescent="0.25">
      <c r="A583" s="1">
        <v>45414</v>
      </c>
      <c r="B583" t="s">
        <v>541</v>
      </c>
      <c r="C583" t="s">
        <v>151</v>
      </c>
      <c r="D583" t="s">
        <v>10</v>
      </c>
      <c r="E583" t="s">
        <v>11</v>
      </c>
      <c r="F583" s="2">
        <v>1</v>
      </c>
      <c r="G583" t="s">
        <v>98</v>
      </c>
      <c r="H583" t="s">
        <v>13</v>
      </c>
    </row>
    <row r="584" spans="1:8" x14ac:dyDescent="0.25">
      <c r="A584" s="1">
        <v>45413</v>
      </c>
      <c r="B584" t="s">
        <v>542</v>
      </c>
      <c r="C584" t="s">
        <v>19</v>
      </c>
      <c r="D584" t="s">
        <v>10</v>
      </c>
      <c r="E584" t="s">
        <v>11</v>
      </c>
      <c r="F584" s="2">
        <v>1</v>
      </c>
      <c r="G584" t="s">
        <v>61</v>
      </c>
      <c r="H584" t="s">
        <v>13</v>
      </c>
    </row>
    <row r="585" spans="1:8" x14ac:dyDescent="0.25">
      <c r="A585" s="1">
        <v>45413</v>
      </c>
      <c r="B585" t="s">
        <v>542</v>
      </c>
      <c r="C585" t="s">
        <v>9</v>
      </c>
      <c r="D585" t="s">
        <v>10</v>
      </c>
      <c r="E585" t="s">
        <v>11</v>
      </c>
      <c r="F585" s="2">
        <v>1</v>
      </c>
      <c r="G585" t="s">
        <v>61</v>
      </c>
      <c r="H585" t="s">
        <v>13</v>
      </c>
    </row>
    <row r="586" spans="1:8" x14ac:dyDescent="0.25">
      <c r="A586" s="1">
        <v>45412</v>
      </c>
      <c r="B586" t="s">
        <v>543</v>
      </c>
      <c r="C586" t="s">
        <v>96</v>
      </c>
      <c r="D586" t="s">
        <v>10</v>
      </c>
      <c r="E586" t="s">
        <v>11</v>
      </c>
      <c r="F586" s="2">
        <v>1</v>
      </c>
      <c r="G586" t="s">
        <v>194</v>
      </c>
      <c r="H586" t="s">
        <v>13</v>
      </c>
    </row>
    <row r="587" spans="1:8" x14ac:dyDescent="0.25">
      <c r="A587" s="1">
        <v>45410</v>
      </c>
      <c r="B587" t="s">
        <v>544</v>
      </c>
      <c r="C587" t="s">
        <v>19</v>
      </c>
      <c r="D587" t="s">
        <v>10</v>
      </c>
      <c r="E587" t="s">
        <v>11</v>
      </c>
      <c r="F587" s="2">
        <v>1</v>
      </c>
      <c r="G587" t="s">
        <v>303</v>
      </c>
      <c r="H587" t="s">
        <v>13</v>
      </c>
    </row>
    <row r="588" spans="1:8" x14ac:dyDescent="0.25">
      <c r="A588" s="1">
        <v>45410</v>
      </c>
      <c r="B588" t="s">
        <v>545</v>
      </c>
      <c r="C588" t="s">
        <v>120</v>
      </c>
      <c r="D588" t="s">
        <v>10</v>
      </c>
      <c r="E588" t="s">
        <v>11</v>
      </c>
      <c r="F588" s="2">
        <v>1</v>
      </c>
      <c r="G588" t="s">
        <v>46</v>
      </c>
      <c r="H588" t="s">
        <v>13</v>
      </c>
    </row>
    <row r="589" spans="1:8" x14ac:dyDescent="0.25">
      <c r="A589" s="1">
        <v>45410</v>
      </c>
      <c r="B589" t="s">
        <v>546</v>
      </c>
      <c r="C589" t="s">
        <v>96</v>
      </c>
      <c r="D589" t="s">
        <v>10</v>
      </c>
      <c r="E589" t="s">
        <v>11</v>
      </c>
      <c r="F589" s="2">
        <v>1</v>
      </c>
      <c r="G589" t="s">
        <v>181</v>
      </c>
      <c r="H589" t="s">
        <v>13</v>
      </c>
    </row>
    <row r="590" spans="1:8" x14ac:dyDescent="0.25">
      <c r="A590" s="1">
        <v>45409</v>
      </c>
      <c r="B590" t="s">
        <v>547</v>
      </c>
      <c r="C590" t="s">
        <v>9</v>
      </c>
      <c r="D590" t="s">
        <v>10</v>
      </c>
      <c r="E590" t="s">
        <v>11</v>
      </c>
      <c r="F590" s="2">
        <v>1</v>
      </c>
      <c r="G590" t="s">
        <v>548</v>
      </c>
      <c r="H590" t="s">
        <v>13</v>
      </c>
    </row>
    <row r="591" spans="1:8" x14ac:dyDescent="0.25">
      <c r="A591" s="1">
        <v>45409</v>
      </c>
      <c r="B591" t="s">
        <v>549</v>
      </c>
      <c r="C591" t="s">
        <v>14</v>
      </c>
      <c r="D591" t="s">
        <v>10</v>
      </c>
      <c r="E591" t="s">
        <v>11</v>
      </c>
      <c r="F591" s="2">
        <v>1</v>
      </c>
      <c r="G591" t="s">
        <v>181</v>
      </c>
      <c r="H591" t="s">
        <v>13</v>
      </c>
    </row>
    <row r="592" spans="1:8" x14ac:dyDescent="0.25">
      <c r="A592" s="1">
        <v>45409</v>
      </c>
      <c r="B592" t="s">
        <v>550</v>
      </c>
      <c r="C592" t="s">
        <v>9</v>
      </c>
      <c r="D592" t="s">
        <v>26</v>
      </c>
      <c r="E592" t="s">
        <v>11</v>
      </c>
      <c r="F592" s="2">
        <v>1</v>
      </c>
      <c r="G592" t="s">
        <v>20</v>
      </c>
      <c r="H592" t="s">
        <v>13</v>
      </c>
    </row>
    <row r="593" spans="1:8" x14ac:dyDescent="0.25">
      <c r="A593" s="1">
        <v>45408</v>
      </c>
      <c r="B593" t="s">
        <v>551</v>
      </c>
      <c r="C593" t="s">
        <v>9</v>
      </c>
      <c r="D593" t="s">
        <v>10</v>
      </c>
      <c r="E593" t="s">
        <v>11</v>
      </c>
      <c r="F593" s="2">
        <v>1</v>
      </c>
      <c r="G593" t="s">
        <v>12</v>
      </c>
      <c r="H593" t="s">
        <v>13</v>
      </c>
    </row>
    <row r="594" spans="1:8" x14ac:dyDescent="0.25">
      <c r="A594" s="1">
        <v>45408</v>
      </c>
      <c r="B594" t="s">
        <v>552</v>
      </c>
      <c r="C594" t="s">
        <v>35</v>
      </c>
      <c r="D594" t="s">
        <v>10</v>
      </c>
      <c r="E594" t="s">
        <v>11</v>
      </c>
      <c r="F594" s="2">
        <v>1</v>
      </c>
      <c r="G594" t="s">
        <v>553</v>
      </c>
      <c r="H594" t="s">
        <v>13</v>
      </c>
    </row>
    <row r="595" spans="1:8" x14ac:dyDescent="0.25">
      <c r="A595" s="1">
        <v>45407</v>
      </c>
      <c r="B595" t="s">
        <v>554</v>
      </c>
      <c r="C595" t="s">
        <v>34</v>
      </c>
      <c r="D595" t="s">
        <v>10</v>
      </c>
      <c r="E595" t="s">
        <v>11</v>
      </c>
      <c r="F595" s="2">
        <v>1</v>
      </c>
      <c r="G595" t="s">
        <v>555</v>
      </c>
      <c r="H595" t="s">
        <v>13</v>
      </c>
    </row>
    <row r="596" spans="1:8" x14ac:dyDescent="0.25">
      <c r="A596" s="1">
        <v>45407</v>
      </c>
      <c r="B596" t="s">
        <v>556</v>
      </c>
      <c r="C596" t="s">
        <v>58</v>
      </c>
      <c r="D596" t="s">
        <v>10</v>
      </c>
      <c r="E596" t="s">
        <v>11</v>
      </c>
      <c r="F596" s="2">
        <v>1</v>
      </c>
      <c r="G596" t="s">
        <v>557</v>
      </c>
      <c r="H596" t="s">
        <v>13</v>
      </c>
    </row>
    <row r="597" spans="1:8" x14ac:dyDescent="0.25">
      <c r="A597" s="1">
        <v>45407</v>
      </c>
      <c r="B597" t="s">
        <v>558</v>
      </c>
      <c r="C597" t="s">
        <v>32</v>
      </c>
      <c r="D597" t="s">
        <v>10</v>
      </c>
      <c r="E597" t="s">
        <v>11</v>
      </c>
      <c r="F597" s="2">
        <v>1</v>
      </c>
      <c r="G597" t="s">
        <v>559</v>
      </c>
      <c r="H597" t="s">
        <v>13</v>
      </c>
    </row>
    <row r="598" spans="1:8" x14ac:dyDescent="0.25">
      <c r="A598" s="1">
        <v>45406</v>
      </c>
      <c r="B598" t="s">
        <v>560</v>
      </c>
      <c r="C598" t="s">
        <v>379</v>
      </c>
      <c r="D598" t="s">
        <v>10</v>
      </c>
      <c r="E598" t="s">
        <v>11</v>
      </c>
      <c r="F598" s="2">
        <v>1</v>
      </c>
      <c r="G598" t="s">
        <v>135</v>
      </c>
      <c r="H598" t="s">
        <v>13</v>
      </c>
    </row>
    <row r="599" spans="1:8" x14ac:dyDescent="0.25">
      <c r="A599" s="1">
        <v>45406</v>
      </c>
      <c r="B599" t="s">
        <v>561</v>
      </c>
      <c r="C599" t="s">
        <v>79</v>
      </c>
      <c r="D599" t="s">
        <v>10</v>
      </c>
      <c r="E599" t="s">
        <v>11</v>
      </c>
      <c r="F599" s="2">
        <v>1</v>
      </c>
      <c r="G599" t="s">
        <v>93</v>
      </c>
      <c r="H599" t="s">
        <v>13</v>
      </c>
    </row>
    <row r="600" spans="1:8" x14ac:dyDescent="0.25">
      <c r="A600" s="1">
        <v>45405</v>
      </c>
      <c r="B600" t="s">
        <v>562</v>
      </c>
      <c r="C600" t="s">
        <v>563</v>
      </c>
      <c r="D600" t="s">
        <v>10</v>
      </c>
      <c r="E600" t="s">
        <v>11</v>
      </c>
      <c r="F600" s="2">
        <v>1</v>
      </c>
      <c r="G600" t="s">
        <v>181</v>
      </c>
      <c r="H600" t="s">
        <v>13</v>
      </c>
    </row>
    <row r="601" spans="1:8" x14ac:dyDescent="0.25">
      <c r="A601" s="1">
        <v>45405</v>
      </c>
      <c r="B601" t="s">
        <v>562</v>
      </c>
      <c r="C601" t="s">
        <v>563</v>
      </c>
      <c r="D601" t="s">
        <v>10</v>
      </c>
      <c r="E601" t="s">
        <v>11</v>
      </c>
      <c r="F601" s="2">
        <v>1</v>
      </c>
      <c r="G601" t="s">
        <v>181</v>
      </c>
      <c r="H601" t="s">
        <v>13</v>
      </c>
    </row>
    <row r="602" spans="1:8" x14ac:dyDescent="0.25">
      <c r="A602" s="1">
        <v>45405</v>
      </c>
      <c r="B602" t="s">
        <v>562</v>
      </c>
      <c r="C602" t="s">
        <v>563</v>
      </c>
      <c r="D602" t="s">
        <v>26</v>
      </c>
      <c r="E602" t="s">
        <v>11</v>
      </c>
      <c r="F602" s="2">
        <v>1</v>
      </c>
      <c r="G602" t="s">
        <v>181</v>
      </c>
      <c r="H602" t="s">
        <v>13</v>
      </c>
    </row>
    <row r="603" spans="1:8" x14ac:dyDescent="0.25">
      <c r="A603" s="1">
        <v>45405</v>
      </c>
      <c r="B603" t="s">
        <v>562</v>
      </c>
      <c r="C603" t="s">
        <v>16</v>
      </c>
      <c r="D603" t="s">
        <v>10</v>
      </c>
      <c r="E603" t="s">
        <v>11</v>
      </c>
      <c r="F603" s="2">
        <v>1</v>
      </c>
      <c r="G603" t="s">
        <v>181</v>
      </c>
      <c r="H603" t="s">
        <v>13</v>
      </c>
    </row>
    <row r="604" spans="1:8" x14ac:dyDescent="0.25">
      <c r="A604" s="1">
        <v>45405</v>
      </c>
      <c r="B604" t="s">
        <v>562</v>
      </c>
      <c r="C604" t="s">
        <v>16</v>
      </c>
      <c r="D604" t="s">
        <v>10</v>
      </c>
      <c r="E604" t="s">
        <v>11</v>
      </c>
      <c r="F604" s="2">
        <v>1</v>
      </c>
      <c r="G604" t="s">
        <v>181</v>
      </c>
      <c r="H604" t="s">
        <v>13</v>
      </c>
    </row>
    <row r="605" spans="1:8" x14ac:dyDescent="0.25">
      <c r="A605" s="1">
        <v>45405</v>
      </c>
      <c r="B605" t="s">
        <v>562</v>
      </c>
      <c r="C605" t="s">
        <v>16</v>
      </c>
      <c r="D605" t="s">
        <v>26</v>
      </c>
      <c r="E605" t="s">
        <v>11</v>
      </c>
      <c r="F605" s="2">
        <v>1</v>
      </c>
      <c r="G605" t="s">
        <v>181</v>
      </c>
      <c r="H605" t="s">
        <v>13</v>
      </c>
    </row>
    <row r="606" spans="1:8" x14ac:dyDescent="0.25">
      <c r="A606" s="1">
        <v>45405</v>
      </c>
      <c r="B606" t="s">
        <v>562</v>
      </c>
      <c r="C606" t="s">
        <v>149</v>
      </c>
      <c r="D606" t="s">
        <v>10</v>
      </c>
      <c r="E606" t="s">
        <v>11</v>
      </c>
      <c r="F606" s="2">
        <v>1</v>
      </c>
      <c r="G606" t="s">
        <v>181</v>
      </c>
      <c r="H606" t="s">
        <v>13</v>
      </c>
    </row>
    <row r="607" spans="1:8" x14ac:dyDescent="0.25">
      <c r="A607" s="1">
        <v>45405</v>
      </c>
      <c r="B607" t="s">
        <v>562</v>
      </c>
      <c r="C607" t="s">
        <v>149</v>
      </c>
      <c r="D607" t="s">
        <v>10</v>
      </c>
      <c r="E607" t="s">
        <v>11</v>
      </c>
      <c r="F607" s="2">
        <v>1</v>
      </c>
      <c r="G607" t="s">
        <v>181</v>
      </c>
      <c r="H607" t="s">
        <v>13</v>
      </c>
    </row>
    <row r="608" spans="1:8" x14ac:dyDescent="0.25">
      <c r="A608" s="1">
        <v>45405</v>
      </c>
      <c r="B608" t="s">
        <v>562</v>
      </c>
      <c r="C608" t="s">
        <v>149</v>
      </c>
      <c r="D608" t="s">
        <v>26</v>
      </c>
      <c r="E608" t="s">
        <v>11</v>
      </c>
      <c r="F608" s="2">
        <v>1</v>
      </c>
      <c r="G608" t="s">
        <v>181</v>
      </c>
      <c r="H608" t="s">
        <v>13</v>
      </c>
    </row>
    <row r="609" spans="1:8" x14ac:dyDescent="0.25">
      <c r="A609" s="1">
        <v>45405</v>
      </c>
      <c r="B609" t="s">
        <v>562</v>
      </c>
      <c r="C609" t="s">
        <v>564</v>
      </c>
      <c r="D609" t="s">
        <v>10</v>
      </c>
      <c r="E609" t="s">
        <v>11</v>
      </c>
      <c r="F609" s="2">
        <v>1</v>
      </c>
      <c r="G609" t="s">
        <v>181</v>
      </c>
      <c r="H609" t="s">
        <v>13</v>
      </c>
    </row>
    <row r="610" spans="1:8" x14ac:dyDescent="0.25">
      <c r="A610" s="1">
        <v>45405</v>
      </c>
      <c r="B610" t="s">
        <v>562</v>
      </c>
      <c r="C610" t="s">
        <v>564</v>
      </c>
      <c r="D610" t="s">
        <v>10</v>
      </c>
      <c r="E610" t="s">
        <v>11</v>
      </c>
      <c r="F610" s="2">
        <v>1</v>
      </c>
      <c r="G610" t="s">
        <v>181</v>
      </c>
      <c r="H610" t="s">
        <v>13</v>
      </c>
    </row>
    <row r="611" spans="1:8" x14ac:dyDescent="0.25">
      <c r="A611" s="1">
        <v>45405</v>
      </c>
      <c r="B611" t="s">
        <v>562</v>
      </c>
      <c r="C611" t="s">
        <v>564</v>
      </c>
      <c r="D611" t="s">
        <v>26</v>
      </c>
      <c r="E611" t="s">
        <v>11</v>
      </c>
      <c r="F611" s="2">
        <v>1</v>
      </c>
      <c r="G611" t="s">
        <v>181</v>
      </c>
      <c r="H611" t="s">
        <v>13</v>
      </c>
    </row>
    <row r="612" spans="1:8" x14ac:dyDescent="0.25">
      <c r="A612" s="1">
        <v>45405</v>
      </c>
      <c r="B612" t="s">
        <v>562</v>
      </c>
      <c r="C612" t="s">
        <v>47</v>
      </c>
      <c r="D612" t="s">
        <v>10</v>
      </c>
      <c r="E612" t="s">
        <v>11</v>
      </c>
      <c r="F612" s="2">
        <v>1</v>
      </c>
      <c r="G612" t="s">
        <v>181</v>
      </c>
      <c r="H612" t="s">
        <v>13</v>
      </c>
    </row>
    <row r="613" spans="1:8" x14ac:dyDescent="0.25">
      <c r="A613" s="1">
        <v>45405</v>
      </c>
      <c r="B613" t="s">
        <v>562</v>
      </c>
      <c r="C613" t="s">
        <v>47</v>
      </c>
      <c r="D613" t="s">
        <v>10</v>
      </c>
      <c r="E613" t="s">
        <v>11</v>
      </c>
      <c r="F613" s="2">
        <v>1</v>
      </c>
      <c r="G613" t="s">
        <v>181</v>
      </c>
      <c r="H613" t="s">
        <v>13</v>
      </c>
    </row>
    <row r="614" spans="1:8" x14ac:dyDescent="0.25">
      <c r="A614" s="1">
        <v>45405</v>
      </c>
      <c r="B614" t="s">
        <v>562</v>
      </c>
      <c r="C614" t="s">
        <v>47</v>
      </c>
      <c r="D614" t="s">
        <v>26</v>
      </c>
      <c r="E614" t="s">
        <v>11</v>
      </c>
      <c r="F614" s="2">
        <v>1</v>
      </c>
      <c r="G614" t="s">
        <v>181</v>
      </c>
      <c r="H614" t="s">
        <v>13</v>
      </c>
    </row>
    <row r="615" spans="1:8" x14ac:dyDescent="0.25">
      <c r="A615" s="1">
        <v>45405</v>
      </c>
      <c r="B615" t="s">
        <v>562</v>
      </c>
      <c r="C615" t="s">
        <v>150</v>
      </c>
      <c r="D615" t="s">
        <v>10</v>
      </c>
      <c r="E615" t="s">
        <v>11</v>
      </c>
      <c r="F615" s="2">
        <v>1</v>
      </c>
      <c r="G615" t="s">
        <v>181</v>
      </c>
      <c r="H615" t="s">
        <v>13</v>
      </c>
    </row>
    <row r="616" spans="1:8" x14ac:dyDescent="0.25">
      <c r="A616" s="1">
        <v>45405</v>
      </c>
      <c r="B616" t="s">
        <v>562</v>
      </c>
      <c r="C616" t="s">
        <v>150</v>
      </c>
      <c r="D616" t="s">
        <v>10</v>
      </c>
      <c r="E616" t="s">
        <v>11</v>
      </c>
      <c r="F616" s="2">
        <v>1</v>
      </c>
      <c r="G616" t="s">
        <v>181</v>
      </c>
      <c r="H616" t="s">
        <v>13</v>
      </c>
    </row>
    <row r="617" spans="1:8" x14ac:dyDescent="0.25">
      <c r="A617" s="1">
        <v>45405</v>
      </c>
      <c r="B617" t="s">
        <v>562</v>
      </c>
      <c r="C617" t="s">
        <v>150</v>
      </c>
      <c r="D617" t="s">
        <v>26</v>
      </c>
      <c r="E617" t="s">
        <v>11</v>
      </c>
      <c r="F617" s="2">
        <v>1</v>
      </c>
      <c r="G617" t="s">
        <v>181</v>
      </c>
      <c r="H617" t="s">
        <v>13</v>
      </c>
    </row>
    <row r="618" spans="1:8" x14ac:dyDescent="0.25">
      <c r="A618" s="1">
        <v>45405</v>
      </c>
      <c r="B618" t="s">
        <v>562</v>
      </c>
      <c r="C618" t="s">
        <v>151</v>
      </c>
      <c r="D618" t="s">
        <v>10</v>
      </c>
      <c r="E618" t="s">
        <v>11</v>
      </c>
      <c r="F618" s="2">
        <v>1</v>
      </c>
      <c r="G618" t="s">
        <v>181</v>
      </c>
      <c r="H618" t="s">
        <v>13</v>
      </c>
    </row>
    <row r="619" spans="1:8" x14ac:dyDescent="0.25">
      <c r="A619" s="1">
        <v>45405</v>
      </c>
      <c r="B619" t="s">
        <v>562</v>
      </c>
      <c r="C619" t="s">
        <v>151</v>
      </c>
      <c r="D619" t="s">
        <v>10</v>
      </c>
      <c r="E619" t="s">
        <v>11</v>
      </c>
      <c r="F619" s="2">
        <v>1</v>
      </c>
      <c r="G619" t="s">
        <v>181</v>
      </c>
      <c r="H619" t="s">
        <v>13</v>
      </c>
    </row>
    <row r="620" spans="1:8" x14ac:dyDescent="0.25">
      <c r="A620" s="1">
        <v>45405</v>
      </c>
      <c r="B620" t="s">
        <v>562</v>
      </c>
      <c r="C620" t="s">
        <v>151</v>
      </c>
      <c r="D620" t="s">
        <v>26</v>
      </c>
      <c r="E620" t="s">
        <v>11</v>
      </c>
      <c r="F620" s="2">
        <v>1</v>
      </c>
      <c r="G620" t="s">
        <v>181</v>
      </c>
      <c r="H620" t="s">
        <v>13</v>
      </c>
    </row>
    <row r="621" spans="1:8" x14ac:dyDescent="0.25">
      <c r="A621" s="1">
        <v>45405</v>
      </c>
      <c r="B621" t="s">
        <v>562</v>
      </c>
      <c r="C621" t="s">
        <v>453</v>
      </c>
      <c r="D621" t="s">
        <v>10</v>
      </c>
      <c r="E621" t="s">
        <v>11</v>
      </c>
      <c r="F621" s="2">
        <v>1</v>
      </c>
      <c r="G621" t="s">
        <v>181</v>
      </c>
      <c r="H621" t="s">
        <v>13</v>
      </c>
    </row>
    <row r="622" spans="1:8" x14ac:dyDescent="0.25">
      <c r="A622" s="1">
        <v>45405</v>
      </c>
      <c r="B622" t="s">
        <v>562</v>
      </c>
      <c r="C622" t="s">
        <v>453</v>
      </c>
      <c r="D622" t="s">
        <v>10</v>
      </c>
      <c r="E622" t="s">
        <v>11</v>
      </c>
      <c r="F622" s="2">
        <v>1</v>
      </c>
      <c r="G622" t="s">
        <v>181</v>
      </c>
      <c r="H622" t="s">
        <v>13</v>
      </c>
    </row>
    <row r="623" spans="1:8" x14ac:dyDescent="0.25">
      <c r="A623" s="1">
        <v>45405</v>
      </c>
      <c r="B623" t="s">
        <v>562</v>
      </c>
      <c r="C623" t="s">
        <v>453</v>
      </c>
      <c r="D623" t="s">
        <v>26</v>
      </c>
      <c r="E623" t="s">
        <v>11</v>
      </c>
      <c r="F623" s="2">
        <v>1</v>
      </c>
      <c r="G623" t="s">
        <v>181</v>
      </c>
      <c r="H623" t="s">
        <v>13</v>
      </c>
    </row>
    <row r="624" spans="1:8" x14ac:dyDescent="0.25">
      <c r="A624" s="1">
        <v>45405</v>
      </c>
      <c r="B624" t="s">
        <v>565</v>
      </c>
      <c r="C624" t="s">
        <v>9</v>
      </c>
      <c r="D624" t="s">
        <v>10</v>
      </c>
      <c r="E624" t="s">
        <v>11</v>
      </c>
      <c r="F624" s="2">
        <v>1</v>
      </c>
      <c r="G624" t="s">
        <v>566</v>
      </c>
      <c r="H624" t="s">
        <v>13</v>
      </c>
    </row>
    <row r="625" spans="1:8" x14ac:dyDescent="0.25">
      <c r="A625" s="1">
        <v>45404</v>
      </c>
      <c r="B625" t="s">
        <v>567</v>
      </c>
      <c r="C625" t="s">
        <v>79</v>
      </c>
      <c r="D625" t="s">
        <v>10</v>
      </c>
      <c r="E625" t="s">
        <v>11</v>
      </c>
      <c r="F625" s="2">
        <v>1</v>
      </c>
      <c r="G625" t="s">
        <v>100</v>
      </c>
      <c r="H625" t="s">
        <v>13</v>
      </c>
    </row>
    <row r="626" spans="1:8" x14ac:dyDescent="0.25">
      <c r="A626" s="1">
        <v>45404</v>
      </c>
      <c r="B626" t="s">
        <v>567</v>
      </c>
      <c r="C626" t="s">
        <v>80</v>
      </c>
      <c r="D626" t="s">
        <v>10</v>
      </c>
      <c r="E626" t="s">
        <v>11</v>
      </c>
      <c r="F626" s="2">
        <v>1</v>
      </c>
      <c r="G626" t="s">
        <v>100</v>
      </c>
      <c r="H626" t="s">
        <v>13</v>
      </c>
    </row>
    <row r="627" spans="1:8" x14ac:dyDescent="0.25">
      <c r="A627" s="1">
        <v>45404</v>
      </c>
      <c r="B627" t="s">
        <v>568</v>
      </c>
      <c r="C627" t="s">
        <v>222</v>
      </c>
      <c r="D627" t="s">
        <v>10</v>
      </c>
      <c r="E627" t="s">
        <v>11</v>
      </c>
      <c r="F627" s="2">
        <v>1</v>
      </c>
      <c r="G627" t="s">
        <v>569</v>
      </c>
      <c r="H627" t="s">
        <v>13</v>
      </c>
    </row>
    <row r="628" spans="1:8" x14ac:dyDescent="0.25">
      <c r="A628" s="1">
        <v>45404</v>
      </c>
      <c r="B628" t="s">
        <v>570</v>
      </c>
      <c r="C628" t="s">
        <v>19</v>
      </c>
      <c r="D628" t="s">
        <v>10</v>
      </c>
      <c r="E628" t="s">
        <v>11</v>
      </c>
      <c r="F628" s="2">
        <v>1</v>
      </c>
      <c r="G628" t="s">
        <v>571</v>
      </c>
      <c r="H628" t="s">
        <v>13</v>
      </c>
    </row>
    <row r="629" spans="1:8" x14ac:dyDescent="0.25">
      <c r="A629" s="1">
        <v>45403</v>
      </c>
      <c r="B629" t="s">
        <v>572</v>
      </c>
      <c r="C629" t="s">
        <v>19</v>
      </c>
      <c r="D629" t="s">
        <v>10</v>
      </c>
      <c r="E629" t="s">
        <v>11</v>
      </c>
      <c r="F629" s="2">
        <v>1</v>
      </c>
      <c r="G629" t="s">
        <v>135</v>
      </c>
      <c r="H629" t="s">
        <v>13</v>
      </c>
    </row>
    <row r="630" spans="1:8" x14ac:dyDescent="0.25">
      <c r="A630" s="1">
        <v>45400</v>
      </c>
      <c r="B630" t="s">
        <v>573</v>
      </c>
      <c r="C630" t="s">
        <v>79</v>
      </c>
      <c r="D630" t="s">
        <v>10</v>
      </c>
      <c r="E630" t="s">
        <v>11</v>
      </c>
      <c r="F630" s="2">
        <v>1</v>
      </c>
      <c r="G630" t="s">
        <v>574</v>
      </c>
      <c r="H630" t="s">
        <v>13</v>
      </c>
    </row>
    <row r="631" spans="1:8" x14ac:dyDescent="0.25">
      <c r="A631" s="1">
        <v>45400</v>
      </c>
      <c r="B631" t="s">
        <v>573</v>
      </c>
      <c r="C631" t="s">
        <v>416</v>
      </c>
      <c r="D631" t="s">
        <v>10</v>
      </c>
      <c r="E631" t="s">
        <v>11</v>
      </c>
      <c r="F631" s="2">
        <v>1</v>
      </c>
      <c r="G631" t="s">
        <v>574</v>
      </c>
      <c r="H631" t="s">
        <v>13</v>
      </c>
    </row>
    <row r="632" spans="1:8" x14ac:dyDescent="0.25">
      <c r="A632" s="1">
        <v>45400</v>
      </c>
      <c r="B632" t="s">
        <v>575</v>
      </c>
      <c r="C632" t="s">
        <v>413</v>
      </c>
      <c r="D632" t="s">
        <v>10</v>
      </c>
      <c r="E632" t="s">
        <v>11</v>
      </c>
      <c r="F632" s="2">
        <v>1</v>
      </c>
      <c r="G632" t="s">
        <v>31</v>
      </c>
      <c r="H632" t="s">
        <v>13</v>
      </c>
    </row>
    <row r="633" spans="1:8" x14ac:dyDescent="0.25">
      <c r="A633" s="1">
        <v>45399</v>
      </c>
      <c r="B633" t="s">
        <v>576</v>
      </c>
      <c r="C633" t="s">
        <v>9</v>
      </c>
      <c r="D633" t="s">
        <v>10</v>
      </c>
      <c r="E633" t="s">
        <v>11</v>
      </c>
      <c r="F633" s="2">
        <v>1</v>
      </c>
      <c r="G633" t="s">
        <v>553</v>
      </c>
      <c r="H633" t="s">
        <v>13</v>
      </c>
    </row>
    <row r="634" spans="1:8" x14ac:dyDescent="0.25">
      <c r="A634" s="1">
        <v>45399</v>
      </c>
      <c r="B634" t="s">
        <v>576</v>
      </c>
      <c r="C634" t="s">
        <v>14</v>
      </c>
      <c r="D634" t="s">
        <v>10</v>
      </c>
      <c r="E634" t="s">
        <v>11</v>
      </c>
      <c r="F634" s="2">
        <v>1</v>
      </c>
      <c r="G634" t="s">
        <v>553</v>
      </c>
      <c r="H634" t="s">
        <v>13</v>
      </c>
    </row>
    <row r="635" spans="1:8" x14ac:dyDescent="0.25">
      <c r="A635" s="1">
        <v>45399</v>
      </c>
      <c r="B635" t="s">
        <v>577</v>
      </c>
      <c r="C635" t="s">
        <v>86</v>
      </c>
      <c r="D635" t="s">
        <v>10</v>
      </c>
      <c r="E635" t="s">
        <v>11</v>
      </c>
      <c r="F635" s="2">
        <v>1</v>
      </c>
      <c r="G635" t="s">
        <v>63</v>
      </c>
      <c r="H635" t="s">
        <v>13</v>
      </c>
    </row>
    <row r="636" spans="1:8" x14ac:dyDescent="0.25">
      <c r="A636" s="1">
        <v>45398</v>
      </c>
      <c r="B636" t="s">
        <v>578</v>
      </c>
      <c r="C636" t="s">
        <v>174</v>
      </c>
      <c r="D636" t="s">
        <v>10</v>
      </c>
      <c r="E636" t="s">
        <v>11</v>
      </c>
      <c r="F636" s="2">
        <v>1</v>
      </c>
      <c r="G636" t="s">
        <v>27</v>
      </c>
      <c r="H636" t="s">
        <v>13</v>
      </c>
    </row>
    <row r="637" spans="1:8" x14ac:dyDescent="0.25">
      <c r="A637" s="1">
        <v>45398</v>
      </c>
      <c r="B637" t="s">
        <v>579</v>
      </c>
      <c r="C637" t="s">
        <v>174</v>
      </c>
      <c r="D637" t="s">
        <v>10</v>
      </c>
      <c r="E637" t="s">
        <v>11</v>
      </c>
      <c r="F637" s="2">
        <v>1</v>
      </c>
      <c r="G637" t="s">
        <v>77</v>
      </c>
      <c r="H637" t="s">
        <v>13</v>
      </c>
    </row>
    <row r="638" spans="1:8" x14ac:dyDescent="0.25">
      <c r="A638" s="1">
        <v>45396</v>
      </c>
      <c r="B638" t="s">
        <v>580</v>
      </c>
      <c r="C638" t="s">
        <v>9</v>
      </c>
      <c r="D638" t="s">
        <v>10</v>
      </c>
      <c r="E638" t="s">
        <v>11</v>
      </c>
      <c r="F638" s="2">
        <v>1</v>
      </c>
      <c r="G638" t="s">
        <v>581</v>
      </c>
      <c r="H638" t="s">
        <v>13</v>
      </c>
    </row>
    <row r="639" spans="1:8" x14ac:dyDescent="0.25">
      <c r="A639" s="1">
        <v>45396</v>
      </c>
      <c r="B639" t="s">
        <v>580</v>
      </c>
      <c r="C639" t="s">
        <v>142</v>
      </c>
      <c r="D639" t="s">
        <v>10</v>
      </c>
      <c r="E639" t="s">
        <v>11</v>
      </c>
      <c r="F639" s="2">
        <v>1</v>
      </c>
      <c r="G639" t="s">
        <v>581</v>
      </c>
      <c r="H639" t="s">
        <v>13</v>
      </c>
    </row>
    <row r="640" spans="1:8" x14ac:dyDescent="0.25">
      <c r="A640" s="1">
        <v>45396</v>
      </c>
      <c r="B640" t="s">
        <v>580</v>
      </c>
      <c r="C640" t="s">
        <v>150</v>
      </c>
      <c r="D640" t="s">
        <v>10</v>
      </c>
      <c r="E640" t="s">
        <v>11</v>
      </c>
      <c r="F640" s="2">
        <v>1</v>
      </c>
      <c r="G640" t="s">
        <v>581</v>
      </c>
      <c r="H640" t="s">
        <v>13</v>
      </c>
    </row>
    <row r="641" spans="1:8" x14ac:dyDescent="0.25">
      <c r="A641" s="1">
        <v>45394</v>
      </c>
      <c r="B641" t="s">
        <v>582</v>
      </c>
      <c r="C641" t="s">
        <v>79</v>
      </c>
      <c r="D641" t="s">
        <v>10</v>
      </c>
      <c r="E641" t="s">
        <v>11</v>
      </c>
      <c r="F641" s="2">
        <v>1</v>
      </c>
      <c r="G641" t="s">
        <v>63</v>
      </c>
      <c r="H641" t="s">
        <v>13</v>
      </c>
    </row>
    <row r="642" spans="1:8" x14ac:dyDescent="0.25">
      <c r="A642" s="1">
        <v>45394</v>
      </c>
      <c r="B642" t="s">
        <v>582</v>
      </c>
      <c r="C642" t="s">
        <v>80</v>
      </c>
      <c r="D642" t="s">
        <v>10</v>
      </c>
      <c r="E642" t="s">
        <v>11</v>
      </c>
      <c r="F642" s="2">
        <v>1</v>
      </c>
      <c r="G642" t="s">
        <v>63</v>
      </c>
      <c r="H642" t="s">
        <v>13</v>
      </c>
    </row>
    <row r="643" spans="1:8" x14ac:dyDescent="0.25">
      <c r="A643" s="1">
        <v>45393</v>
      </c>
      <c r="B643" t="s">
        <v>583</v>
      </c>
      <c r="C643" t="s">
        <v>34</v>
      </c>
      <c r="D643" t="s">
        <v>10</v>
      </c>
      <c r="E643" t="s">
        <v>11</v>
      </c>
      <c r="F643" s="2">
        <v>1</v>
      </c>
      <c r="G643" t="s">
        <v>131</v>
      </c>
      <c r="H643" t="s">
        <v>13</v>
      </c>
    </row>
    <row r="644" spans="1:8" x14ac:dyDescent="0.25">
      <c r="A644" s="1">
        <v>45393</v>
      </c>
      <c r="B644" t="s">
        <v>584</v>
      </c>
      <c r="C644" t="s">
        <v>333</v>
      </c>
      <c r="D644" t="s">
        <v>10</v>
      </c>
      <c r="E644" t="s">
        <v>11</v>
      </c>
      <c r="F644" s="2">
        <v>1</v>
      </c>
      <c r="G644" t="s">
        <v>251</v>
      </c>
      <c r="H644" t="s">
        <v>13</v>
      </c>
    </row>
    <row r="645" spans="1:8" x14ac:dyDescent="0.25">
      <c r="A645" s="1">
        <v>45393</v>
      </c>
      <c r="B645" t="s">
        <v>585</v>
      </c>
      <c r="C645" t="s">
        <v>9</v>
      </c>
      <c r="D645" t="s">
        <v>10</v>
      </c>
      <c r="E645" t="s">
        <v>11</v>
      </c>
      <c r="F645" s="2">
        <v>1</v>
      </c>
      <c r="G645" t="s">
        <v>40</v>
      </c>
      <c r="H645" t="s">
        <v>13</v>
      </c>
    </row>
    <row r="646" spans="1:8" x14ac:dyDescent="0.25">
      <c r="A646" s="1">
        <v>45393</v>
      </c>
      <c r="B646" t="s">
        <v>585</v>
      </c>
      <c r="C646" t="s">
        <v>174</v>
      </c>
      <c r="D646" t="s">
        <v>10</v>
      </c>
      <c r="E646" t="s">
        <v>11</v>
      </c>
      <c r="F646" s="2">
        <v>1</v>
      </c>
      <c r="G646" t="s">
        <v>40</v>
      </c>
      <c r="H646" t="s">
        <v>13</v>
      </c>
    </row>
    <row r="647" spans="1:8" x14ac:dyDescent="0.25">
      <c r="A647" s="1">
        <v>45392</v>
      </c>
      <c r="B647" t="s">
        <v>586</v>
      </c>
      <c r="C647" t="s">
        <v>28</v>
      </c>
      <c r="D647" t="s">
        <v>10</v>
      </c>
      <c r="E647" t="s">
        <v>11</v>
      </c>
      <c r="F647" s="2">
        <v>1</v>
      </c>
      <c r="G647" t="s">
        <v>20</v>
      </c>
      <c r="H647" t="s">
        <v>13</v>
      </c>
    </row>
    <row r="648" spans="1:8" x14ac:dyDescent="0.25">
      <c r="A648" s="1">
        <v>45392</v>
      </c>
      <c r="B648" t="s">
        <v>586</v>
      </c>
      <c r="C648" t="s">
        <v>29</v>
      </c>
      <c r="D648" t="s">
        <v>10</v>
      </c>
      <c r="E648" t="s">
        <v>11</v>
      </c>
      <c r="F648" s="2">
        <v>1</v>
      </c>
      <c r="G648" t="s">
        <v>20</v>
      </c>
      <c r="H648" t="s">
        <v>13</v>
      </c>
    </row>
    <row r="649" spans="1:8" x14ac:dyDescent="0.25">
      <c r="A649" s="1">
        <v>45392</v>
      </c>
      <c r="B649" t="s">
        <v>587</v>
      </c>
      <c r="C649" t="s">
        <v>9</v>
      </c>
      <c r="D649" t="s">
        <v>10</v>
      </c>
      <c r="E649" t="s">
        <v>11</v>
      </c>
      <c r="F649" s="2">
        <v>1</v>
      </c>
      <c r="G649" t="s">
        <v>20</v>
      </c>
      <c r="H649" t="s">
        <v>13</v>
      </c>
    </row>
    <row r="650" spans="1:8" x14ac:dyDescent="0.25">
      <c r="A650" s="1">
        <v>45392</v>
      </c>
      <c r="B650" t="s">
        <v>588</v>
      </c>
      <c r="C650" t="s">
        <v>589</v>
      </c>
      <c r="D650" t="s">
        <v>10</v>
      </c>
      <c r="E650" t="s">
        <v>11</v>
      </c>
      <c r="F650" s="2">
        <v>1</v>
      </c>
      <c r="G650" t="s">
        <v>447</v>
      </c>
      <c r="H650" t="s">
        <v>13</v>
      </c>
    </row>
    <row r="651" spans="1:8" x14ac:dyDescent="0.25">
      <c r="A651" s="1">
        <v>45392</v>
      </c>
      <c r="B651" t="s">
        <v>588</v>
      </c>
      <c r="C651" t="s">
        <v>50</v>
      </c>
      <c r="D651" t="s">
        <v>10</v>
      </c>
      <c r="E651" t="s">
        <v>11</v>
      </c>
      <c r="F651" s="2">
        <v>1</v>
      </c>
      <c r="G651" t="s">
        <v>447</v>
      </c>
      <c r="H651" t="s">
        <v>13</v>
      </c>
    </row>
    <row r="652" spans="1:8" x14ac:dyDescent="0.25">
      <c r="A652" s="1">
        <v>45390</v>
      </c>
      <c r="B652" t="s">
        <v>590</v>
      </c>
      <c r="C652" t="s">
        <v>174</v>
      </c>
      <c r="D652" t="s">
        <v>10</v>
      </c>
      <c r="E652" t="s">
        <v>11</v>
      </c>
      <c r="F652" s="2">
        <v>1</v>
      </c>
      <c r="G652" t="s">
        <v>181</v>
      </c>
      <c r="H652" t="s">
        <v>13</v>
      </c>
    </row>
    <row r="653" spans="1:8" x14ac:dyDescent="0.25">
      <c r="A653" s="1">
        <v>45390</v>
      </c>
      <c r="B653" t="s">
        <v>591</v>
      </c>
      <c r="C653" t="s">
        <v>9</v>
      </c>
      <c r="D653" t="s">
        <v>10</v>
      </c>
      <c r="E653" t="s">
        <v>11</v>
      </c>
      <c r="F653" s="2">
        <v>1</v>
      </c>
      <c r="G653" t="s">
        <v>100</v>
      </c>
      <c r="H653" t="s">
        <v>13</v>
      </c>
    </row>
    <row r="654" spans="1:8" x14ac:dyDescent="0.25">
      <c r="A654" s="1">
        <v>45389</v>
      </c>
      <c r="B654" t="s">
        <v>592</v>
      </c>
      <c r="C654" t="s">
        <v>9</v>
      </c>
      <c r="D654" t="s">
        <v>10</v>
      </c>
      <c r="E654" t="s">
        <v>11</v>
      </c>
      <c r="F654" s="2">
        <v>1</v>
      </c>
      <c r="G654" t="s">
        <v>262</v>
      </c>
      <c r="H654" t="s">
        <v>13</v>
      </c>
    </row>
    <row r="655" spans="1:8" x14ac:dyDescent="0.25">
      <c r="A655" s="1">
        <v>45389</v>
      </c>
      <c r="B655" t="s">
        <v>592</v>
      </c>
      <c r="C655" t="s">
        <v>9</v>
      </c>
      <c r="D655" t="s">
        <v>10</v>
      </c>
      <c r="E655" t="s">
        <v>11</v>
      </c>
      <c r="F655" s="2">
        <v>1</v>
      </c>
      <c r="G655" t="s">
        <v>262</v>
      </c>
      <c r="H655" t="s">
        <v>13</v>
      </c>
    </row>
    <row r="656" spans="1:8" x14ac:dyDescent="0.25">
      <c r="A656" s="1">
        <v>45389</v>
      </c>
      <c r="B656" t="s">
        <v>592</v>
      </c>
      <c r="C656" t="s">
        <v>96</v>
      </c>
      <c r="D656" t="s">
        <v>10</v>
      </c>
      <c r="E656" t="s">
        <v>11</v>
      </c>
      <c r="F656" s="2">
        <v>1</v>
      </c>
      <c r="G656" t="s">
        <v>262</v>
      </c>
      <c r="H656" t="s">
        <v>13</v>
      </c>
    </row>
    <row r="657" spans="1:8" x14ac:dyDescent="0.25">
      <c r="A657" s="1">
        <v>45389</v>
      </c>
      <c r="B657" t="s">
        <v>592</v>
      </c>
      <c r="C657" t="s">
        <v>96</v>
      </c>
      <c r="D657" t="s">
        <v>10</v>
      </c>
      <c r="E657" t="s">
        <v>11</v>
      </c>
      <c r="F657" s="2">
        <v>1</v>
      </c>
      <c r="G657" t="s">
        <v>262</v>
      </c>
      <c r="H657" t="s">
        <v>13</v>
      </c>
    </row>
    <row r="658" spans="1:8" x14ac:dyDescent="0.25">
      <c r="A658" s="1">
        <v>45388</v>
      </c>
      <c r="B658" t="s">
        <v>593</v>
      </c>
      <c r="C658" t="s">
        <v>9</v>
      </c>
      <c r="D658" t="s">
        <v>10</v>
      </c>
      <c r="E658" t="s">
        <v>11</v>
      </c>
      <c r="F658" s="2">
        <v>1</v>
      </c>
      <c r="G658" t="s">
        <v>594</v>
      </c>
      <c r="H658" t="s">
        <v>13</v>
      </c>
    </row>
    <row r="659" spans="1:8" x14ac:dyDescent="0.25">
      <c r="A659" s="1">
        <v>45388</v>
      </c>
      <c r="B659" t="s">
        <v>593</v>
      </c>
      <c r="C659" t="s">
        <v>32</v>
      </c>
      <c r="D659" t="s">
        <v>10</v>
      </c>
      <c r="E659" t="s">
        <v>11</v>
      </c>
      <c r="F659" s="2">
        <v>1</v>
      </c>
      <c r="G659" t="s">
        <v>594</v>
      </c>
      <c r="H659" t="s">
        <v>13</v>
      </c>
    </row>
    <row r="660" spans="1:8" x14ac:dyDescent="0.25">
      <c r="A660" s="1">
        <v>45387</v>
      </c>
      <c r="B660" t="s">
        <v>595</v>
      </c>
      <c r="C660" t="s">
        <v>16</v>
      </c>
      <c r="D660" t="s">
        <v>10</v>
      </c>
      <c r="E660" t="s">
        <v>11</v>
      </c>
      <c r="F660" s="2">
        <v>1</v>
      </c>
      <c r="G660" t="s">
        <v>596</v>
      </c>
      <c r="H660" t="s">
        <v>13</v>
      </c>
    </row>
    <row r="661" spans="1:8" x14ac:dyDescent="0.25">
      <c r="A661" s="1">
        <v>45387</v>
      </c>
      <c r="B661" t="s">
        <v>597</v>
      </c>
      <c r="C661" t="s">
        <v>29</v>
      </c>
      <c r="D661" t="s">
        <v>10</v>
      </c>
      <c r="E661" t="s">
        <v>11</v>
      </c>
      <c r="F661" s="2">
        <v>1</v>
      </c>
      <c r="G661" t="s">
        <v>194</v>
      </c>
      <c r="H661" t="s">
        <v>13</v>
      </c>
    </row>
    <row r="662" spans="1:8" x14ac:dyDescent="0.25">
      <c r="A662" s="1">
        <v>45387</v>
      </c>
      <c r="B662" t="s">
        <v>597</v>
      </c>
      <c r="C662" t="s">
        <v>35</v>
      </c>
      <c r="D662" t="s">
        <v>10</v>
      </c>
      <c r="E662" t="s">
        <v>11</v>
      </c>
      <c r="F662" s="2">
        <v>1</v>
      </c>
      <c r="G662" t="s">
        <v>194</v>
      </c>
      <c r="H662" t="s">
        <v>13</v>
      </c>
    </row>
    <row r="663" spans="1:8" x14ac:dyDescent="0.25">
      <c r="A663" s="1">
        <v>45385</v>
      </c>
      <c r="B663" t="s">
        <v>598</v>
      </c>
      <c r="C663" t="s">
        <v>9</v>
      </c>
      <c r="D663" t="s">
        <v>10</v>
      </c>
      <c r="E663" t="s">
        <v>11</v>
      </c>
      <c r="F663" s="2">
        <v>1</v>
      </c>
      <c r="G663" t="s">
        <v>111</v>
      </c>
      <c r="H663" t="s">
        <v>13</v>
      </c>
    </row>
    <row r="664" spans="1:8" x14ac:dyDescent="0.25">
      <c r="A664" s="1">
        <v>45385</v>
      </c>
      <c r="B664" t="s">
        <v>598</v>
      </c>
      <c r="C664" t="s">
        <v>35</v>
      </c>
      <c r="D664" t="s">
        <v>10</v>
      </c>
      <c r="E664" t="s">
        <v>11</v>
      </c>
      <c r="F664" s="2">
        <v>1</v>
      </c>
      <c r="G664" t="s">
        <v>111</v>
      </c>
      <c r="H664" t="s">
        <v>13</v>
      </c>
    </row>
    <row r="665" spans="1:8" x14ac:dyDescent="0.25">
      <c r="A665" s="1">
        <v>45385</v>
      </c>
      <c r="B665" t="s">
        <v>599</v>
      </c>
      <c r="C665" t="s">
        <v>32</v>
      </c>
      <c r="D665" t="s">
        <v>10</v>
      </c>
      <c r="E665" t="s">
        <v>11</v>
      </c>
      <c r="F665" s="2">
        <v>1</v>
      </c>
      <c r="G665" t="s">
        <v>194</v>
      </c>
      <c r="H665" t="s">
        <v>13</v>
      </c>
    </row>
    <row r="666" spans="1:8" x14ac:dyDescent="0.25">
      <c r="A666" s="1">
        <v>45385</v>
      </c>
      <c r="B666" t="s">
        <v>600</v>
      </c>
      <c r="C666" t="s">
        <v>79</v>
      </c>
      <c r="D666" t="s">
        <v>10</v>
      </c>
      <c r="E666" t="s">
        <v>11</v>
      </c>
      <c r="F666" s="2">
        <v>1</v>
      </c>
      <c r="G666" t="s">
        <v>100</v>
      </c>
      <c r="H666" t="s">
        <v>13</v>
      </c>
    </row>
    <row r="667" spans="1:8" x14ac:dyDescent="0.25">
      <c r="A667" s="1">
        <v>45385</v>
      </c>
      <c r="B667" t="s">
        <v>600</v>
      </c>
      <c r="C667" t="s">
        <v>80</v>
      </c>
      <c r="D667" t="s">
        <v>10</v>
      </c>
      <c r="E667" t="s">
        <v>11</v>
      </c>
      <c r="F667" s="2">
        <v>1</v>
      </c>
      <c r="G667" t="s">
        <v>100</v>
      </c>
      <c r="H667" t="s">
        <v>13</v>
      </c>
    </row>
    <row r="668" spans="1:8" x14ac:dyDescent="0.25">
      <c r="A668" s="1">
        <v>45384</v>
      </c>
      <c r="B668" t="s">
        <v>601</v>
      </c>
      <c r="C668" t="s">
        <v>76</v>
      </c>
      <c r="D668" t="s">
        <v>10</v>
      </c>
      <c r="E668" t="s">
        <v>11</v>
      </c>
      <c r="F668" s="2">
        <v>1</v>
      </c>
      <c r="G668" t="s">
        <v>147</v>
      </c>
      <c r="H668" t="s">
        <v>13</v>
      </c>
    </row>
    <row r="669" spans="1:8" x14ac:dyDescent="0.25">
      <c r="A669" s="1">
        <v>45383</v>
      </c>
      <c r="B669" t="s">
        <v>602</v>
      </c>
      <c r="C669" t="s">
        <v>19</v>
      </c>
      <c r="D669" t="s">
        <v>10</v>
      </c>
      <c r="E669" t="s">
        <v>11</v>
      </c>
      <c r="F669" s="2">
        <v>1</v>
      </c>
      <c r="G669" t="s">
        <v>603</v>
      </c>
      <c r="H669" t="s">
        <v>13</v>
      </c>
    </row>
    <row r="670" spans="1:8" x14ac:dyDescent="0.25">
      <c r="A670" s="1">
        <v>45383</v>
      </c>
      <c r="B670" t="s">
        <v>604</v>
      </c>
      <c r="C670" t="s">
        <v>9</v>
      </c>
      <c r="D670" t="s">
        <v>10</v>
      </c>
      <c r="E670" t="s">
        <v>11</v>
      </c>
      <c r="F670" s="2">
        <v>1</v>
      </c>
      <c r="G670" t="s">
        <v>20</v>
      </c>
      <c r="H670" t="s">
        <v>13</v>
      </c>
    </row>
    <row r="671" spans="1:8" x14ac:dyDescent="0.25">
      <c r="A671" s="1">
        <v>45383</v>
      </c>
      <c r="B671" t="s">
        <v>604</v>
      </c>
      <c r="C671" t="s">
        <v>52</v>
      </c>
      <c r="D671" t="s">
        <v>10</v>
      </c>
      <c r="E671" t="s">
        <v>11</v>
      </c>
      <c r="F671" s="2">
        <v>1</v>
      </c>
      <c r="G671" t="s">
        <v>20</v>
      </c>
      <c r="H671" t="s">
        <v>13</v>
      </c>
    </row>
    <row r="672" spans="1:8" x14ac:dyDescent="0.25">
      <c r="A672" s="1">
        <v>45383</v>
      </c>
      <c r="B672" t="s">
        <v>604</v>
      </c>
      <c r="C672" t="s">
        <v>47</v>
      </c>
      <c r="D672" t="s">
        <v>10</v>
      </c>
      <c r="E672" t="s">
        <v>11</v>
      </c>
      <c r="F672" s="2">
        <v>1</v>
      </c>
      <c r="G672" t="s">
        <v>20</v>
      </c>
      <c r="H672" t="s">
        <v>13</v>
      </c>
    </row>
    <row r="673" spans="1:8" x14ac:dyDescent="0.25">
      <c r="A673" s="1">
        <v>45383</v>
      </c>
      <c r="B673" t="s">
        <v>605</v>
      </c>
      <c r="C673" t="s">
        <v>9</v>
      </c>
      <c r="D673" t="s">
        <v>10</v>
      </c>
      <c r="E673" t="s">
        <v>11</v>
      </c>
      <c r="F673" s="2">
        <v>1</v>
      </c>
      <c r="G673" t="s">
        <v>606</v>
      </c>
      <c r="H673" t="s">
        <v>13</v>
      </c>
    </row>
    <row r="674" spans="1:8" x14ac:dyDescent="0.25">
      <c r="A674" s="1">
        <v>45383</v>
      </c>
      <c r="B674" t="s">
        <v>605</v>
      </c>
      <c r="C674" t="s">
        <v>118</v>
      </c>
      <c r="D674" t="s">
        <v>10</v>
      </c>
      <c r="E674" t="s">
        <v>11</v>
      </c>
      <c r="F674" s="2">
        <v>1</v>
      </c>
      <c r="G674" t="s">
        <v>606</v>
      </c>
      <c r="H674" t="s">
        <v>13</v>
      </c>
    </row>
    <row r="675" spans="1:8" x14ac:dyDescent="0.25">
      <c r="A675" s="1">
        <v>45383</v>
      </c>
      <c r="B675" t="s">
        <v>605</v>
      </c>
      <c r="C675" t="s">
        <v>29</v>
      </c>
      <c r="D675" t="s">
        <v>10</v>
      </c>
      <c r="E675" t="s">
        <v>11</v>
      </c>
      <c r="F675" s="2">
        <v>1</v>
      </c>
      <c r="G675" t="s">
        <v>606</v>
      </c>
      <c r="H675" t="s">
        <v>13</v>
      </c>
    </row>
    <row r="676" spans="1:8" x14ac:dyDescent="0.25">
      <c r="A676" s="1">
        <v>45383</v>
      </c>
      <c r="B676" t="s">
        <v>607</v>
      </c>
      <c r="C676" t="s">
        <v>9</v>
      </c>
      <c r="D676" t="s">
        <v>10</v>
      </c>
      <c r="E676" t="s">
        <v>11</v>
      </c>
      <c r="F676" s="2">
        <v>1</v>
      </c>
      <c r="G676" t="s">
        <v>72</v>
      </c>
      <c r="H676" t="s">
        <v>13</v>
      </c>
    </row>
    <row r="677" spans="1:8" x14ac:dyDescent="0.25">
      <c r="A677" s="1">
        <v>45383</v>
      </c>
      <c r="B677" t="s">
        <v>607</v>
      </c>
      <c r="C677" t="s">
        <v>28</v>
      </c>
      <c r="D677" t="s">
        <v>10</v>
      </c>
      <c r="E677" t="s">
        <v>11</v>
      </c>
      <c r="F677" s="2">
        <v>1</v>
      </c>
      <c r="G677" t="s">
        <v>72</v>
      </c>
      <c r="H677" t="s">
        <v>13</v>
      </c>
    </row>
    <row r="678" spans="1:8" x14ac:dyDescent="0.25">
      <c r="A678" s="1">
        <v>45383</v>
      </c>
      <c r="B678" t="s">
        <v>607</v>
      </c>
      <c r="C678" t="s">
        <v>29</v>
      </c>
      <c r="D678" t="s">
        <v>10</v>
      </c>
      <c r="E678" t="s">
        <v>11</v>
      </c>
      <c r="F678" s="2">
        <v>1</v>
      </c>
      <c r="G678" t="s">
        <v>72</v>
      </c>
      <c r="H678" t="s">
        <v>13</v>
      </c>
    </row>
    <row r="679" spans="1:8" x14ac:dyDescent="0.25">
      <c r="A679" s="1">
        <v>45383</v>
      </c>
      <c r="B679" t="s">
        <v>607</v>
      </c>
      <c r="C679" t="s">
        <v>50</v>
      </c>
      <c r="D679" t="s">
        <v>10</v>
      </c>
      <c r="E679" t="s">
        <v>11</v>
      </c>
      <c r="F679" s="2">
        <v>1</v>
      </c>
      <c r="G679" t="s">
        <v>72</v>
      </c>
      <c r="H679" t="s">
        <v>13</v>
      </c>
    </row>
    <row r="680" spans="1:8" x14ac:dyDescent="0.25">
      <c r="A680" s="1">
        <v>45382</v>
      </c>
      <c r="B680" t="s">
        <v>608</v>
      </c>
      <c r="C680" t="s">
        <v>9</v>
      </c>
      <c r="D680" t="s">
        <v>10</v>
      </c>
      <c r="E680" t="s">
        <v>11</v>
      </c>
      <c r="F680" s="2">
        <v>1</v>
      </c>
      <c r="G680" t="s">
        <v>61</v>
      </c>
      <c r="H680" t="s">
        <v>13</v>
      </c>
    </row>
    <row r="681" spans="1:8" x14ac:dyDescent="0.25">
      <c r="A681" s="1">
        <v>45382</v>
      </c>
      <c r="B681" t="s">
        <v>608</v>
      </c>
      <c r="C681" t="s">
        <v>120</v>
      </c>
      <c r="D681" t="s">
        <v>10</v>
      </c>
      <c r="E681" t="s">
        <v>11</v>
      </c>
      <c r="F681" s="2">
        <v>1</v>
      </c>
      <c r="G681" t="s">
        <v>61</v>
      </c>
      <c r="H681" t="s">
        <v>13</v>
      </c>
    </row>
    <row r="682" spans="1:8" x14ac:dyDescent="0.25">
      <c r="A682" s="1">
        <v>45382</v>
      </c>
      <c r="B682" t="s">
        <v>608</v>
      </c>
      <c r="C682" t="s">
        <v>35</v>
      </c>
      <c r="D682" t="s">
        <v>10</v>
      </c>
      <c r="E682" t="s">
        <v>11</v>
      </c>
      <c r="F682" s="2">
        <v>1</v>
      </c>
      <c r="G682" t="s">
        <v>61</v>
      </c>
      <c r="H682" t="s">
        <v>13</v>
      </c>
    </row>
    <row r="683" spans="1:8" x14ac:dyDescent="0.25">
      <c r="A683" s="1">
        <v>45381</v>
      </c>
      <c r="B683" t="s">
        <v>609</v>
      </c>
      <c r="C683" t="s">
        <v>610</v>
      </c>
      <c r="D683" t="s">
        <v>10</v>
      </c>
      <c r="E683" t="s">
        <v>11</v>
      </c>
      <c r="F683" s="2">
        <v>1</v>
      </c>
      <c r="G683" t="s">
        <v>37</v>
      </c>
      <c r="H683" t="s">
        <v>13</v>
      </c>
    </row>
    <row r="684" spans="1:8" x14ac:dyDescent="0.25">
      <c r="A684" s="1">
        <v>45381</v>
      </c>
      <c r="B684" t="s">
        <v>609</v>
      </c>
      <c r="C684" t="s">
        <v>199</v>
      </c>
      <c r="D684" t="s">
        <v>10</v>
      </c>
      <c r="E684" t="s">
        <v>11</v>
      </c>
      <c r="F684" s="2">
        <v>1</v>
      </c>
      <c r="G684" t="s">
        <v>37</v>
      </c>
      <c r="H684" t="s">
        <v>13</v>
      </c>
    </row>
    <row r="685" spans="1:8" x14ac:dyDescent="0.25">
      <c r="A685" s="1">
        <v>45381</v>
      </c>
      <c r="B685" t="s">
        <v>611</v>
      </c>
      <c r="C685" t="s">
        <v>79</v>
      </c>
      <c r="D685" t="s">
        <v>10</v>
      </c>
      <c r="E685" t="s">
        <v>11</v>
      </c>
      <c r="F685" s="2">
        <v>1</v>
      </c>
      <c r="G685" t="s">
        <v>111</v>
      </c>
      <c r="H685" t="s">
        <v>13</v>
      </c>
    </row>
    <row r="686" spans="1:8" x14ac:dyDescent="0.25">
      <c r="A686" s="1">
        <v>45381</v>
      </c>
      <c r="B686" t="s">
        <v>612</v>
      </c>
      <c r="C686" t="s">
        <v>9</v>
      </c>
      <c r="D686" t="s">
        <v>10</v>
      </c>
      <c r="E686" t="s">
        <v>11</v>
      </c>
      <c r="F686" s="2">
        <v>1</v>
      </c>
      <c r="G686" t="s">
        <v>100</v>
      </c>
      <c r="H686" t="s">
        <v>13</v>
      </c>
    </row>
    <row r="687" spans="1:8" x14ac:dyDescent="0.25">
      <c r="A687" s="1">
        <v>45381</v>
      </c>
      <c r="B687" t="s">
        <v>612</v>
      </c>
      <c r="C687" t="s">
        <v>47</v>
      </c>
      <c r="D687" t="s">
        <v>10</v>
      </c>
      <c r="E687" t="s">
        <v>11</v>
      </c>
      <c r="F687" s="2">
        <v>1</v>
      </c>
      <c r="G687" t="s">
        <v>100</v>
      </c>
      <c r="H687" t="s">
        <v>13</v>
      </c>
    </row>
    <row r="688" spans="1:8" x14ac:dyDescent="0.25">
      <c r="A688" s="1">
        <v>45381</v>
      </c>
      <c r="B688" t="s">
        <v>613</v>
      </c>
      <c r="C688" t="s">
        <v>47</v>
      </c>
      <c r="D688" t="s">
        <v>10</v>
      </c>
      <c r="E688" t="s">
        <v>11</v>
      </c>
      <c r="F688" s="2">
        <v>1</v>
      </c>
      <c r="G688" t="s">
        <v>46</v>
      </c>
      <c r="H688" t="s">
        <v>13</v>
      </c>
    </row>
    <row r="689" spans="1:8" x14ac:dyDescent="0.25">
      <c r="A689" s="1">
        <v>45381</v>
      </c>
      <c r="B689" t="s">
        <v>614</v>
      </c>
      <c r="C689" t="s">
        <v>47</v>
      </c>
      <c r="D689" t="s">
        <v>10</v>
      </c>
      <c r="E689" t="s">
        <v>11</v>
      </c>
      <c r="F689" s="2">
        <v>1</v>
      </c>
      <c r="G689" t="s">
        <v>197</v>
      </c>
      <c r="H689" t="s">
        <v>13</v>
      </c>
    </row>
    <row r="690" spans="1:8" x14ac:dyDescent="0.25">
      <c r="A690" s="1">
        <v>45381</v>
      </c>
      <c r="B690" t="s">
        <v>614</v>
      </c>
      <c r="C690" t="s">
        <v>14</v>
      </c>
      <c r="D690" t="s">
        <v>10</v>
      </c>
      <c r="E690" t="s">
        <v>11</v>
      </c>
      <c r="F690" s="2">
        <v>1</v>
      </c>
      <c r="G690" t="s">
        <v>197</v>
      </c>
      <c r="H690" t="s">
        <v>13</v>
      </c>
    </row>
    <row r="691" spans="1:8" x14ac:dyDescent="0.25">
      <c r="A691" s="1">
        <v>45378</v>
      </c>
      <c r="B691" t="s">
        <v>615</v>
      </c>
      <c r="C691" t="s">
        <v>271</v>
      </c>
      <c r="D691" t="s">
        <v>10</v>
      </c>
      <c r="E691" t="s">
        <v>11</v>
      </c>
      <c r="F691" s="2">
        <v>1</v>
      </c>
      <c r="G691" t="s">
        <v>462</v>
      </c>
      <c r="H691" t="s">
        <v>13</v>
      </c>
    </row>
    <row r="692" spans="1:8" x14ac:dyDescent="0.25">
      <c r="A692" s="1">
        <v>45378</v>
      </c>
      <c r="B692" t="s">
        <v>616</v>
      </c>
      <c r="C692" t="s">
        <v>19</v>
      </c>
      <c r="D692" t="s">
        <v>10</v>
      </c>
      <c r="E692" t="s">
        <v>11</v>
      </c>
      <c r="F692" s="2">
        <v>1</v>
      </c>
      <c r="G692" t="s">
        <v>20</v>
      </c>
      <c r="H692" t="s">
        <v>13</v>
      </c>
    </row>
    <row r="693" spans="1:8" x14ac:dyDescent="0.25">
      <c r="A693" s="1">
        <v>45378</v>
      </c>
      <c r="B693" t="s">
        <v>616</v>
      </c>
      <c r="C693" t="s">
        <v>9</v>
      </c>
      <c r="D693" t="s">
        <v>10</v>
      </c>
      <c r="E693" t="s">
        <v>11</v>
      </c>
      <c r="F693" s="2">
        <v>1</v>
      </c>
      <c r="G693" t="s">
        <v>20</v>
      </c>
      <c r="H693" t="s">
        <v>13</v>
      </c>
    </row>
    <row r="694" spans="1:8" x14ac:dyDescent="0.25">
      <c r="A694" s="1">
        <v>45378</v>
      </c>
      <c r="B694" t="s">
        <v>617</v>
      </c>
      <c r="C694" t="s">
        <v>9</v>
      </c>
      <c r="D694" t="s">
        <v>26</v>
      </c>
      <c r="E694" t="s">
        <v>11</v>
      </c>
      <c r="F694" s="2">
        <v>1</v>
      </c>
      <c r="G694" t="s">
        <v>496</v>
      </c>
      <c r="H694" t="s">
        <v>13</v>
      </c>
    </row>
    <row r="695" spans="1:8" x14ac:dyDescent="0.25">
      <c r="A695" s="1">
        <v>45378</v>
      </c>
      <c r="B695" t="s">
        <v>617</v>
      </c>
      <c r="C695" t="s">
        <v>29</v>
      </c>
      <c r="D695" t="s">
        <v>26</v>
      </c>
      <c r="E695" t="s">
        <v>11</v>
      </c>
      <c r="F695" s="2">
        <v>1</v>
      </c>
      <c r="G695" t="s">
        <v>496</v>
      </c>
      <c r="H695" t="s">
        <v>13</v>
      </c>
    </row>
    <row r="696" spans="1:8" x14ac:dyDescent="0.25">
      <c r="A696" s="1">
        <v>45378</v>
      </c>
      <c r="B696" t="s">
        <v>618</v>
      </c>
      <c r="C696" t="s">
        <v>9</v>
      </c>
      <c r="D696" t="s">
        <v>10</v>
      </c>
      <c r="E696" t="s">
        <v>11</v>
      </c>
      <c r="F696" s="2">
        <v>1</v>
      </c>
      <c r="G696" t="s">
        <v>72</v>
      </c>
      <c r="H696" t="s">
        <v>13</v>
      </c>
    </row>
    <row r="697" spans="1:8" x14ac:dyDescent="0.25">
      <c r="A697" s="1">
        <v>45378</v>
      </c>
      <c r="B697" t="s">
        <v>618</v>
      </c>
      <c r="C697" t="s">
        <v>50</v>
      </c>
      <c r="D697" t="s">
        <v>10</v>
      </c>
      <c r="E697" t="s">
        <v>11</v>
      </c>
      <c r="F697" s="2">
        <v>1</v>
      </c>
      <c r="G697" t="s">
        <v>72</v>
      </c>
      <c r="H697" t="s">
        <v>13</v>
      </c>
    </row>
    <row r="698" spans="1:8" x14ac:dyDescent="0.25">
      <c r="A698" s="1">
        <v>45378</v>
      </c>
      <c r="B698" t="s">
        <v>618</v>
      </c>
      <c r="C698" t="s">
        <v>619</v>
      </c>
      <c r="D698" t="s">
        <v>10</v>
      </c>
      <c r="E698" t="s">
        <v>11</v>
      </c>
      <c r="F698" s="2">
        <v>1</v>
      </c>
      <c r="G698" t="s">
        <v>72</v>
      </c>
      <c r="H698" t="s">
        <v>13</v>
      </c>
    </row>
    <row r="699" spans="1:8" x14ac:dyDescent="0.25">
      <c r="A699" s="1">
        <v>45377</v>
      </c>
      <c r="B699" t="s">
        <v>620</v>
      </c>
      <c r="C699" t="s">
        <v>9</v>
      </c>
      <c r="D699" t="s">
        <v>10</v>
      </c>
      <c r="E699" t="s">
        <v>11</v>
      </c>
      <c r="F699" s="2">
        <v>1</v>
      </c>
      <c r="G699" t="s">
        <v>306</v>
      </c>
      <c r="H699" t="s">
        <v>13</v>
      </c>
    </row>
    <row r="700" spans="1:8" x14ac:dyDescent="0.25">
      <c r="A700" s="1">
        <v>45377</v>
      </c>
      <c r="B700" t="s">
        <v>620</v>
      </c>
      <c r="C700" t="s">
        <v>35</v>
      </c>
      <c r="D700" t="s">
        <v>10</v>
      </c>
      <c r="E700" t="s">
        <v>11</v>
      </c>
      <c r="F700" s="2">
        <v>1</v>
      </c>
      <c r="G700" t="s">
        <v>306</v>
      </c>
      <c r="H700" t="s">
        <v>13</v>
      </c>
    </row>
    <row r="701" spans="1:8" x14ac:dyDescent="0.25">
      <c r="A701" s="1">
        <v>45377</v>
      </c>
      <c r="B701" t="s">
        <v>620</v>
      </c>
      <c r="C701" t="s">
        <v>96</v>
      </c>
      <c r="D701" t="s">
        <v>10</v>
      </c>
      <c r="E701" t="s">
        <v>11</v>
      </c>
      <c r="F701" s="2">
        <v>1</v>
      </c>
      <c r="G701" t="s">
        <v>306</v>
      </c>
      <c r="H701" t="s">
        <v>13</v>
      </c>
    </row>
    <row r="702" spans="1:8" x14ac:dyDescent="0.25">
      <c r="A702" s="1">
        <v>45377</v>
      </c>
      <c r="B702" t="s">
        <v>620</v>
      </c>
      <c r="C702" t="s">
        <v>32</v>
      </c>
      <c r="D702" t="s">
        <v>10</v>
      </c>
      <c r="E702" t="s">
        <v>11</v>
      </c>
      <c r="F702" s="2">
        <v>1</v>
      </c>
      <c r="G702" t="s">
        <v>306</v>
      </c>
      <c r="H702" t="s">
        <v>13</v>
      </c>
    </row>
    <row r="703" spans="1:8" x14ac:dyDescent="0.25">
      <c r="A703" s="1">
        <v>45377</v>
      </c>
      <c r="B703" t="s">
        <v>621</v>
      </c>
      <c r="C703" t="s">
        <v>47</v>
      </c>
      <c r="D703" t="s">
        <v>10</v>
      </c>
      <c r="E703" t="s">
        <v>11</v>
      </c>
      <c r="F703" s="2">
        <v>1</v>
      </c>
      <c r="G703" t="s">
        <v>31</v>
      </c>
      <c r="H703" t="s">
        <v>13</v>
      </c>
    </row>
    <row r="704" spans="1:8" x14ac:dyDescent="0.25">
      <c r="A704" s="1">
        <v>45377</v>
      </c>
      <c r="B704" t="s">
        <v>621</v>
      </c>
      <c r="C704" t="s">
        <v>622</v>
      </c>
      <c r="D704" t="s">
        <v>10</v>
      </c>
      <c r="E704" t="s">
        <v>11</v>
      </c>
      <c r="F704" s="2">
        <v>1</v>
      </c>
      <c r="G704" t="s">
        <v>31</v>
      </c>
      <c r="H704" t="s">
        <v>13</v>
      </c>
    </row>
    <row r="705" spans="1:8" x14ac:dyDescent="0.25">
      <c r="A705" s="1">
        <v>45376</v>
      </c>
      <c r="B705" t="s">
        <v>623</v>
      </c>
      <c r="C705" t="s">
        <v>9</v>
      </c>
      <c r="D705" t="s">
        <v>10</v>
      </c>
      <c r="E705" t="s">
        <v>11</v>
      </c>
      <c r="F705" s="2">
        <v>1</v>
      </c>
      <c r="G705" t="s">
        <v>624</v>
      </c>
      <c r="H705" t="s">
        <v>13</v>
      </c>
    </row>
    <row r="706" spans="1:8" x14ac:dyDescent="0.25">
      <c r="A706" s="1">
        <v>45376</v>
      </c>
      <c r="B706" t="s">
        <v>623</v>
      </c>
      <c r="C706" t="s">
        <v>271</v>
      </c>
      <c r="D706" t="s">
        <v>10</v>
      </c>
      <c r="E706" t="s">
        <v>11</v>
      </c>
      <c r="F706" s="2">
        <v>1</v>
      </c>
      <c r="G706" t="s">
        <v>624</v>
      </c>
      <c r="H706" t="s">
        <v>13</v>
      </c>
    </row>
    <row r="707" spans="1:8" x14ac:dyDescent="0.25">
      <c r="A707" s="1">
        <v>45376</v>
      </c>
      <c r="B707" t="s">
        <v>623</v>
      </c>
      <c r="C707" t="s">
        <v>14</v>
      </c>
      <c r="D707" t="s">
        <v>10</v>
      </c>
      <c r="E707" t="s">
        <v>11</v>
      </c>
      <c r="F707" s="2">
        <v>1</v>
      </c>
      <c r="G707" t="s">
        <v>624</v>
      </c>
      <c r="H707" t="s">
        <v>13</v>
      </c>
    </row>
    <row r="708" spans="1:8" x14ac:dyDescent="0.25">
      <c r="A708" s="1">
        <v>45376</v>
      </c>
      <c r="B708" t="s">
        <v>625</v>
      </c>
      <c r="C708" t="s">
        <v>42</v>
      </c>
      <c r="D708" t="s">
        <v>10</v>
      </c>
      <c r="E708" t="s">
        <v>11</v>
      </c>
      <c r="F708" s="2">
        <v>1</v>
      </c>
      <c r="G708" t="s">
        <v>624</v>
      </c>
      <c r="H708" t="s">
        <v>13</v>
      </c>
    </row>
    <row r="709" spans="1:8" x14ac:dyDescent="0.25">
      <c r="A709" s="1">
        <v>45373</v>
      </c>
      <c r="B709" t="s">
        <v>626</v>
      </c>
      <c r="C709" t="s">
        <v>627</v>
      </c>
      <c r="D709" t="s">
        <v>10</v>
      </c>
      <c r="E709" t="s">
        <v>11</v>
      </c>
      <c r="F709" s="2">
        <v>1</v>
      </c>
      <c r="G709" t="s">
        <v>411</v>
      </c>
      <c r="H709" t="s">
        <v>13</v>
      </c>
    </row>
    <row r="710" spans="1:8" x14ac:dyDescent="0.25">
      <c r="A710" s="1">
        <v>45373</v>
      </c>
      <c r="B710" t="s">
        <v>628</v>
      </c>
      <c r="C710" t="s">
        <v>629</v>
      </c>
      <c r="D710" t="s">
        <v>10</v>
      </c>
      <c r="E710" t="s">
        <v>11</v>
      </c>
      <c r="F710" s="2">
        <v>1</v>
      </c>
      <c r="G710" t="s">
        <v>98</v>
      </c>
      <c r="H710" t="s">
        <v>13</v>
      </c>
    </row>
    <row r="711" spans="1:8" x14ac:dyDescent="0.25">
      <c r="A711" s="1">
        <v>45373</v>
      </c>
      <c r="B711" t="s">
        <v>630</v>
      </c>
      <c r="C711" t="s">
        <v>9</v>
      </c>
      <c r="D711" t="s">
        <v>10</v>
      </c>
      <c r="E711" t="s">
        <v>11</v>
      </c>
      <c r="F711" s="2">
        <v>1</v>
      </c>
      <c r="G711" t="s">
        <v>46</v>
      </c>
      <c r="H711" t="s">
        <v>13</v>
      </c>
    </row>
    <row r="712" spans="1:8" x14ac:dyDescent="0.25">
      <c r="A712" s="1">
        <v>45373</v>
      </c>
      <c r="B712" t="s">
        <v>630</v>
      </c>
      <c r="C712" t="s">
        <v>207</v>
      </c>
      <c r="D712" t="s">
        <v>10</v>
      </c>
      <c r="E712" t="s">
        <v>11</v>
      </c>
      <c r="F712" s="2">
        <v>1</v>
      </c>
      <c r="G712" t="s">
        <v>46</v>
      </c>
      <c r="H712" t="s">
        <v>13</v>
      </c>
    </row>
    <row r="713" spans="1:8" x14ac:dyDescent="0.25">
      <c r="A713" s="1">
        <v>45372</v>
      </c>
      <c r="B713" t="s">
        <v>631</v>
      </c>
      <c r="C713" t="s">
        <v>35</v>
      </c>
      <c r="D713" t="s">
        <v>26</v>
      </c>
      <c r="E713" t="s">
        <v>11</v>
      </c>
      <c r="F713" s="2">
        <v>1</v>
      </c>
      <c r="G713" t="s">
        <v>20</v>
      </c>
      <c r="H713" t="s">
        <v>13</v>
      </c>
    </row>
    <row r="714" spans="1:8" x14ac:dyDescent="0.25">
      <c r="A714" s="1">
        <v>45372</v>
      </c>
      <c r="B714" t="s">
        <v>631</v>
      </c>
      <c r="C714" t="s">
        <v>47</v>
      </c>
      <c r="D714" t="s">
        <v>26</v>
      </c>
      <c r="E714" t="s">
        <v>11</v>
      </c>
      <c r="F714" s="2">
        <v>1</v>
      </c>
      <c r="G714" t="s">
        <v>20</v>
      </c>
      <c r="H714" t="s">
        <v>13</v>
      </c>
    </row>
    <row r="715" spans="1:8" x14ac:dyDescent="0.25">
      <c r="A715" s="1">
        <v>45372</v>
      </c>
      <c r="B715" t="s">
        <v>631</v>
      </c>
      <c r="C715" t="s">
        <v>14</v>
      </c>
      <c r="D715" t="s">
        <v>26</v>
      </c>
      <c r="E715" t="s">
        <v>11</v>
      </c>
      <c r="F715" s="2">
        <v>1</v>
      </c>
      <c r="G715" t="s">
        <v>20</v>
      </c>
      <c r="H715" t="s">
        <v>13</v>
      </c>
    </row>
    <row r="716" spans="1:8" x14ac:dyDescent="0.25">
      <c r="A716" s="1">
        <v>45372</v>
      </c>
      <c r="B716" t="s">
        <v>632</v>
      </c>
      <c r="C716" t="s">
        <v>79</v>
      </c>
      <c r="D716" t="s">
        <v>10</v>
      </c>
      <c r="E716" t="s">
        <v>11</v>
      </c>
      <c r="F716" s="2">
        <v>1</v>
      </c>
      <c r="G716" t="s">
        <v>100</v>
      </c>
      <c r="H716" t="s">
        <v>13</v>
      </c>
    </row>
    <row r="717" spans="1:8" x14ac:dyDescent="0.25">
      <c r="A717" s="1">
        <v>45372</v>
      </c>
      <c r="B717" t="s">
        <v>632</v>
      </c>
      <c r="C717" t="s">
        <v>80</v>
      </c>
      <c r="D717" t="s">
        <v>10</v>
      </c>
      <c r="E717" t="s">
        <v>11</v>
      </c>
      <c r="F717" s="2">
        <v>1</v>
      </c>
      <c r="G717" t="s">
        <v>100</v>
      </c>
      <c r="H717" t="s">
        <v>13</v>
      </c>
    </row>
    <row r="718" spans="1:8" x14ac:dyDescent="0.25">
      <c r="A718" s="1">
        <v>45372</v>
      </c>
      <c r="B718" t="s">
        <v>633</v>
      </c>
      <c r="C718" t="s">
        <v>9</v>
      </c>
      <c r="D718" t="s">
        <v>10</v>
      </c>
      <c r="E718" t="s">
        <v>11</v>
      </c>
      <c r="F718" s="2">
        <v>1</v>
      </c>
      <c r="G718" t="s">
        <v>27</v>
      </c>
      <c r="H718" t="s">
        <v>13</v>
      </c>
    </row>
    <row r="719" spans="1:8" x14ac:dyDescent="0.25">
      <c r="A719" s="1">
        <v>45371</v>
      </c>
      <c r="B719" t="s">
        <v>634</v>
      </c>
      <c r="C719" t="s">
        <v>58</v>
      </c>
      <c r="D719" t="s">
        <v>10</v>
      </c>
      <c r="E719" t="s">
        <v>11</v>
      </c>
      <c r="F719" s="2">
        <v>1</v>
      </c>
      <c r="G719" t="s">
        <v>197</v>
      </c>
      <c r="H719" t="s">
        <v>13</v>
      </c>
    </row>
    <row r="720" spans="1:8" x14ac:dyDescent="0.25">
      <c r="A720" s="1">
        <v>45371</v>
      </c>
      <c r="B720" t="s">
        <v>634</v>
      </c>
      <c r="C720" t="s">
        <v>199</v>
      </c>
      <c r="D720" t="s">
        <v>10</v>
      </c>
      <c r="E720" t="s">
        <v>11</v>
      </c>
      <c r="F720" s="2">
        <v>1</v>
      </c>
      <c r="G720" t="s">
        <v>197</v>
      </c>
      <c r="H720" t="s">
        <v>13</v>
      </c>
    </row>
    <row r="721" spans="1:8" x14ac:dyDescent="0.25">
      <c r="A721" s="1">
        <v>45371</v>
      </c>
      <c r="B721" t="s">
        <v>635</v>
      </c>
      <c r="C721" t="s">
        <v>96</v>
      </c>
      <c r="D721" t="s">
        <v>10</v>
      </c>
      <c r="E721" t="s">
        <v>11</v>
      </c>
      <c r="F721" s="2">
        <v>1</v>
      </c>
      <c r="G721" t="s">
        <v>636</v>
      </c>
      <c r="H721" t="s">
        <v>13</v>
      </c>
    </row>
    <row r="722" spans="1:8" x14ac:dyDescent="0.25">
      <c r="A722" s="1">
        <v>45369</v>
      </c>
      <c r="B722" t="s">
        <v>637</v>
      </c>
      <c r="C722" t="s">
        <v>74</v>
      </c>
      <c r="D722" t="s">
        <v>10</v>
      </c>
      <c r="E722" t="s">
        <v>11</v>
      </c>
      <c r="F722" s="2">
        <v>1</v>
      </c>
      <c r="G722" t="s">
        <v>279</v>
      </c>
      <c r="H722" t="s">
        <v>13</v>
      </c>
    </row>
    <row r="723" spans="1:8" x14ac:dyDescent="0.25">
      <c r="A723" s="1">
        <v>45369</v>
      </c>
      <c r="B723" t="s">
        <v>638</v>
      </c>
      <c r="C723" t="s">
        <v>92</v>
      </c>
      <c r="D723" t="s">
        <v>10</v>
      </c>
      <c r="E723" t="s">
        <v>11</v>
      </c>
      <c r="F723" s="2">
        <v>1</v>
      </c>
      <c r="G723" t="s">
        <v>145</v>
      </c>
      <c r="H723" t="s">
        <v>13</v>
      </c>
    </row>
    <row r="724" spans="1:8" x14ac:dyDescent="0.25">
      <c r="A724" s="1">
        <v>45367</v>
      </c>
      <c r="B724" t="s">
        <v>639</v>
      </c>
      <c r="C724" t="s">
        <v>222</v>
      </c>
      <c r="D724" t="s">
        <v>10</v>
      </c>
      <c r="E724" t="s">
        <v>11</v>
      </c>
      <c r="F724" s="2">
        <v>1</v>
      </c>
      <c r="G724" t="s">
        <v>640</v>
      </c>
      <c r="H724" t="s">
        <v>13</v>
      </c>
    </row>
    <row r="725" spans="1:8" x14ac:dyDescent="0.25">
      <c r="A725" s="1">
        <v>45367</v>
      </c>
      <c r="B725" t="s">
        <v>641</v>
      </c>
      <c r="C725" t="s">
        <v>19</v>
      </c>
      <c r="D725" t="s">
        <v>10</v>
      </c>
      <c r="E725" t="s">
        <v>11</v>
      </c>
      <c r="F725" s="2">
        <v>1</v>
      </c>
      <c r="G725" t="s">
        <v>20</v>
      </c>
      <c r="H725" t="s">
        <v>13</v>
      </c>
    </row>
    <row r="726" spans="1:8" x14ac:dyDescent="0.25">
      <c r="A726" s="1">
        <v>45366</v>
      </c>
      <c r="B726" t="s">
        <v>642</v>
      </c>
      <c r="C726" t="s">
        <v>19</v>
      </c>
      <c r="D726" t="s">
        <v>10</v>
      </c>
      <c r="E726" t="s">
        <v>11</v>
      </c>
      <c r="F726" s="2">
        <v>1</v>
      </c>
      <c r="G726" t="s">
        <v>483</v>
      </c>
      <c r="H726" t="s">
        <v>13</v>
      </c>
    </row>
    <row r="727" spans="1:8" x14ac:dyDescent="0.25">
      <c r="A727" s="1">
        <v>45366</v>
      </c>
      <c r="B727" t="s">
        <v>643</v>
      </c>
      <c r="C727" t="s">
        <v>28</v>
      </c>
      <c r="D727" t="s">
        <v>10</v>
      </c>
      <c r="E727" t="s">
        <v>11</v>
      </c>
      <c r="F727" s="2">
        <v>1</v>
      </c>
      <c r="G727" t="s">
        <v>644</v>
      </c>
      <c r="H727" t="s">
        <v>13</v>
      </c>
    </row>
    <row r="728" spans="1:8" x14ac:dyDescent="0.25">
      <c r="A728" s="1">
        <v>45365</v>
      </c>
      <c r="B728" t="s">
        <v>645</v>
      </c>
      <c r="C728" t="s">
        <v>29</v>
      </c>
      <c r="D728" t="s">
        <v>10</v>
      </c>
      <c r="E728" t="s">
        <v>11</v>
      </c>
      <c r="F728" s="2">
        <v>1</v>
      </c>
      <c r="G728" t="s">
        <v>100</v>
      </c>
      <c r="H728" t="s">
        <v>13</v>
      </c>
    </row>
    <row r="729" spans="1:8" x14ac:dyDescent="0.25">
      <c r="A729" s="1">
        <v>45365</v>
      </c>
      <c r="B729" t="s">
        <v>645</v>
      </c>
      <c r="C729" t="s">
        <v>35</v>
      </c>
      <c r="D729" t="s">
        <v>10</v>
      </c>
      <c r="E729" t="s">
        <v>11</v>
      </c>
      <c r="F729" s="2">
        <v>1</v>
      </c>
      <c r="G729" t="s">
        <v>100</v>
      </c>
      <c r="H729" t="s">
        <v>13</v>
      </c>
    </row>
    <row r="730" spans="1:8" x14ac:dyDescent="0.25">
      <c r="A730" s="1">
        <v>45364</v>
      </c>
      <c r="B730" t="s">
        <v>646</v>
      </c>
      <c r="C730" t="s">
        <v>79</v>
      </c>
      <c r="D730" t="s">
        <v>10</v>
      </c>
      <c r="E730" t="s">
        <v>11</v>
      </c>
      <c r="F730" s="2">
        <v>1</v>
      </c>
      <c r="G730" t="s">
        <v>100</v>
      </c>
      <c r="H730" t="s">
        <v>13</v>
      </c>
    </row>
    <row r="731" spans="1:8" x14ac:dyDescent="0.25">
      <c r="A731" s="1">
        <v>45364</v>
      </c>
      <c r="B731" t="s">
        <v>646</v>
      </c>
      <c r="C731" t="s">
        <v>80</v>
      </c>
      <c r="D731" t="s">
        <v>10</v>
      </c>
      <c r="E731" t="s">
        <v>11</v>
      </c>
      <c r="F731" s="2">
        <v>1</v>
      </c>
      <c r="G731" t="s">
        <v>100</v>
      </c>
      <c r="H731" t="s">
        <v>13</v>
      </c>
    </row>
    <row r="732" spans="1:8" x14ac:dyDescent="0.25">
      <c r="A732" s="1">
        <v>45364</v>
      </c>
      <c r="B732" t="s">
        <v>647</v>
      </c>
      <c r="C732" t="s">
        <v>9</v>
      </c>
      <c r="D732" t="s">
        <v>10</v>
      </c>
      <c r="E732" t="s">
        <v>11</v>
      </c>
      <c r="F732" s="2">
        <v>1</v>
      </c>
      <c r="G732" t="s">
        <v>61</v>
      </c>
      <c r="H732" t="s">
        <v>13</v>
      </c>
    </row>
    <row r="733" spans="1:8" x14ac:dyDescent="0.25">
      <c r="A733" s="1">
        <v>45364</v>
      </c>
      <c r="B733" t="s">
        <v>647</v>
      </c>
      <c r="C733" t="s">
        <v>14</v>
      </c>
      <c r="D733" t="s">
        <v>10</v>
      </c>
      <c r="E733" t="s">
        <v>11</v>
      </c>
      <c r="F733" s="2">
        <v>1</v>
      </c>
      <c r="G733" t="s">
        <v>61</v>
      </c>
      <c r="H733" t="s">
        <v>13</v>
      </c>
    </row>
    <row r="734" spans="1:8" x14ac:dyDescent="0.25">
      <c r="A734" s="1">
        <v>45363</v>
      </c>
      <c r="B734" t="s">
        <v>648</v>
      </c>
      <c r="C734" t="s">
        <v>74</v>
      </c>
      <c r="D734" t="s">
        <v>10</v>
      </c>
      <c r="E734" t="s">
        <v>11</v>
      </c>
      <c r="F734" s="2">
        <v>1</v>
      </c>
      <c r="G734" t="s">
        <v>53</v>
      </c>
      <c r="H734" t="s">
        <v>13</v>
      </c>
    </row>
    <row r="735" spans="1:8" x14ac:dyDescent="0.25">
      <c r="A735" s="1">
        <v>45363</v>
      </c>
      <c r="B735" t="s">
        <v>649</v>
      </c>
      <c r="C735" t="s">
        <v>79</v>
      </c>
      <c r="D735" t="s">
        <v>10</v>
      </c>
      <c r="E735" t="s">
        <v>11</v>
      </c>
      <c r="F735" s="2">
        <v>1</v>
      </c>
      <c r="G735" t="s">
        <v>650</v>
      </c>
      <c r="H735" t="s">
        <v>13</v>
      </c>
    </row>
    <row r="736" spans="1:8" x14ac:dyDescent="0.25">
      <c r="A736" s="1">
        <v>45363</v>
      </c>
      <c r="B736" t="s">
        <v>649</v>
      </c>
      <c r="C736" t="s">
        <v>80</v>
      </c>
      <c r="D736" t="s">
        <v>10</v>
      </c>
      <c r="E736" t="s">
        <v>11</v>
      </c>
      <c r="F736" s="2">
        <v>1</v>
      </c>
      <c r="G736" t="s">
        <v>650</v>
      </c>
      <c r="H736" t="s">
        <v>13</v>
      </c>
    </row>
    <row r="737" spans="1:8" x14ac:dyDescent="0.25">
      <c r="A737" s="1">
        <v>45363</v>
      </c>
      <c r="B737" t="s">
        <v>651</v>
      </c>
      <c r="C737" t="s">
        <v>19</v>
      </c>
      <c r="D737" t="s">
        <v>10</v>
      </c>
      <c r="E737" t="s">
        <v>11</v>
      </c>
      <c r="F737" s="2">
        <v>1</v>
      </c>
      <c r="G737" t="s">
        <v>20</v>
      </c>
      <c r="H737" t="s">
        <v>13</v>
      </c>
    </row>
    <row r="738" spans="1:8" x14ac:dyDescent="0.25">
      <c r="A738" s="1">
        <v>45360</v>
      </c>
      <c r="B738" t="s">
        <v>652</v>
      </c>
      <c r="C738" t="s">
        <v>9</v>
      </c>
      <c r="D738" t="s">
        <v>26</v>
      </c>
      <c r="E738" t="s">
        <v>11</v>
      </c>
      <c r="F738" s="2">
        <v>1</v>
      </c>
      <c r="G738" t="s">
        <v>145</v>
      </c>
      <c r="H738" t="s">
        <v>13</v>
      </c>
    </row>
    <row r="739" spans="1:8" x14ac:dyDescent="0.25">
      <c r="A739" s="1">
        <v>45359</v>
      </c>
      <c r="B739" t="s">
        <v>653</v>
      </c>
      <c r="C739" t="s">
        <v>9</v>
      </c>
      <c r="D739" t="s">
        <v>10</v>
      </c>
      <c r="E739" t="s">
        <v>11</v>
      </c>
      <c r="F739" s="2">
        <v>1</v>
      </c>
      <c r="G739" t="s">
        <v>31</v>
      </c>
      <c r="H739" t="s">
        <v>13</v>
      </c>
    </row>
    <row r="740" spans="1:8" x14ac:dyDescent="0.25">
      <c r="A740" s="1">
        <v>45359</v>
      </c>
      <c r="B740" t="s">
        <v>654</v>
      </c>
      <c r="C740" t="s">
        <v>74</v>
      </c>
      <c r="D740" t="s">
        <v>10</v>
      </c>
      <c r="E740" t="s">
        <v>11</v>
      </c>
      <c r="F740" s="2">
        <v>1</v>
      </c>
      <c r="G740" t="s">
        <v>191</v>
      </c>
      <c r="H740" t="s">
        <v>13</v>
      </c>
    </row>
    <row r="741" spans="1:8" x14ac:dyDescent="0.25">
      <c r="A741" s="1">
        <v>45359</v>
      </c>
      <c r="B741" t="s">
        <v>655</v>
      </c>
      <c r="C741" t="s">
        <v>74</v>
      </c>
      <c r="D741" t="s">
        <v>10</v>
      </c>
      <c r="E741" t="s">
        <v>11</v>
      </c>
      <c r="F741" s="2">
        <v>1</v>
      </c>
      <c r="G741" t="s">
        <v>191</v>
      </c>
      <c r="H741" t="s">
        <v>13</v>
      </c>
    </row>
    <row r="742" spans="1:8" x14ac:dyDescent="0.25">
      <c r="A742" s="1">
        <v>45359</v>
      </c>
      <c r="B742" t="s">
        <v>656</v>
      </c>
      <c r="C742" t="s">
        <v>96</v>
      </c>
      <c r="D742" t="s">
        <v>26</v>
      </c>
      <c r="E742" t="s">
        <v>11</v>
      </c>
      <c r="F742" s="2">
        <v>1</v>
      </c>
      <c r="G742" t="s">
        <v>46</v>
      </c>
      <c r="H742" t="s">
        <v>13</v>
      </c>
    </row>
    <row r="743" spans="1:8" x14ac:dyDescent="0.25">
      <c r="A743" s="1">
        <v>45358</v>
      </c>
      <c r="B743" t="s">
        <v>657</v>
      </c>
      <c r="C743" t="s">
        <v>9</v>
      </c>
      <c r="D743" t="s">
        <v>10</v>
      </c>
      <c r="E743" t="s">
        <v>11</v>
      </c>
      <c r="F743" s="2">
        <v>1</v>
      </c>
      <c r="G743" t="s">
        <v>40</v>
      </c>
      <c r="H743" t="s">
        <v>13</v>
      </c>
    </row>
    <row r="744" spans="1:8" x14ac:dyDescent="0.25">
      <c r="A744" s="1">
        <v>45358</v>
      </c>
      <c r="B744" t="s">
        <v>657</v>
      </c>
      <c r="C744" t="s">
        <v>29</v>
      </c>
      <c r="D744" t="s">
        <v>10</v>
      </c>
      <c r="E744" t="s">
        <v>11</v>
      </c>
      <c r="F744" s="2">
        <v>1</v>
      </c>
      <c r="G744" t="s">
        <v>40</v>
      </c>
      <c r="H744" t="s">
        <v>13</v>
      </c>
    </row>
    <row r="745" spans="1:8" x14ac:dyDescent="0.25">
      <c r="A745" s="1">
        <v>45358</v>
      </c>
      <c r="B745" t="s">
        <v>657</v>
      </c>
      <c r="C745" t="s">
        <v>35</v>
      </c>
      <c r="D745" t="s">
        <v>10</v>
      </c>
      <c r="E745" t="s">
        <v>11</v>
      </c>
      <c r="F745" s="2">
        <v>1</v>
      </c>
      <c r="G745" t="s">
        <v>40</v>
      </c>
      <c r="H745" t="s">
        <v>13</v>
      </c>
    </row>
    <row r="746" spans="1:8" x14ac:dyDescent="0.25">
      <c r="A746" s="1">
        <v>45358</v>
      </c>
      <c r="B746" t="s">
        <v>658</v>
      </c>
      <c r="C746" t="s">
        <v>28</v>
      </c>
      <c r="D746" t="s">
        <v>10</v>
      </c>
      <c r="E746" t="s">
        <v>11</v>
      </c>
      <c r="F746" s="2">
        <v>1</v>
      </c>
      <c r="G746" t="s">
        <v>191</v>
      </c>
      <c r="H746" t="s">
        <v>13</v>
      </c>
    </row>
    <row r="747" spans="1:8" x14ac:dyDescent="0.25">
      <c r="A747" s="1">
        <v>45358</v>
      </c>
      <c r="B747" t="s">
        <v>658</v>
      </c>
      <c r="C747" t="s">
        <v>29</v>
      </c>
      <c r="D747" t="s">
        <v>10</v>
      </c>
      <c r="E747" t="s">
        <v>11</v>
      </c>
      <c r="F747" s="2">
        <v>1</v>
      </c>
      <c r="G747" t="s">
        <v>191</v>
      </c>
      <c r="H747" t="s">
        <v>13</v>
      </c>
    </row>
    <row r="748" spans="1:8" x14ac:dyDescent="0.25">
      <c r="A748" s="1">
        <v>45358</v>
      </c>
      <c r="B748" t="s">
        <v>658</v>
      </c>
      <c r="C748" t="s">
        <v>35</v>
      </c>
      <c r="D748" t="s">
        <v>10</v>
      </c>
      <c r="E748" t="s">
        <v>11</v>
      </c>
      <c r="F748" s="2">
        <v>1</v>
      </c>
      <c r="G748" t="s">
        <v>191</v>
      </c>
      <c r="H748" t="s">
        <v>13</v>
      </c>
    </row>
    <row r="749" spans="1:8" x14ac:dyDescent="0.25">
      <c r="A749" s="1">
        <v>45358</v>
      </c>
      <c r="B749" t="s">
        <v>659</v>
      </c>
      <c r="C749" t="s">
        <v>9</v>
      </c>
      <c r="D749" t="s">
        <v>10</v>
      </c>
      <c r="E749" t="s">
        <v>11</v>
      </c>
      <c r="F749" s="2">
        <v>1</v>
      </c>
      <c r="G749" t="s">
        <v>187</v>
      </c>
      <c r="H749" t="s">
        <v>13</v>
      </c>
    </row>
    <row r="750" spans="1:8" x14ac:dyDescent="0.25">
      <c r="A750" s="1">
        <v>45358</v>
      </c>
      <c r="B750" t="s">
        <v>659</v>
      </c>
      <c r="C750" t="s">
        <v>150</v>
      </c>
      <c r="D750" t="s">
        <v>10</v>
      </c>
      <c r="E750" t="s">
        <v>11</v>
      </c>
      <c r="F750" s="2">
        <v>1</v>
      </c>
      <c r="G750" t="s">
        <v>187</v>
      </c>
      <c r="H750" t="s">
        <v>13</v>
      </c>
    </row>
    <row r="751" spans="1:8" x14ac:dyDescent="0.25">
      <c r="A751" s="1">
        <v>45358</v>
      </c>
      <c r="B751" t="s">
        <v>659</v>
      </c>
      <c r="C751" t="s">
        <v>301</v>
      </c>
      <c r="D751" t="s">
        <v>10</v>
      </c>
      <c r="E751" t="s">
        <v>11</v>
      </c>
      <c r="F751" s="2">
        <v>1</v>
      </c>
      <c r="G751" t="s">
        <v>187</v>
      </c>
      <c r="H751" t="s">
        <v>13</v>
      </c>
    </row>
    <row r="752" spans="1:8" x14ac:dyDescent="0.25">
      <c r="A752" s="1">
        <v>45358</v>
      </c>
      <c r="B752" t="s">
        <v>660</v>
      </c>
      <c r="C752" t="s">
        <v>9</v>
      </c>
      <c r="D752" t="s">
        <v>10</v>
      </c>
      <c r="E752" t="s">
        <v>11</v>
      </c>
      <c r="F752" s="2">
        <v>1</v>
      </c>
      <c r="G752" t="s">
        <v>661</v>
      </c>
      <c r="H752" t="s">
        <v>13</v>
      </c>
    </row>
    <row r="753" spans="1:8" x14ac:dyDescent="0.25">
      <c r="A753" s="1">
        <v>45358</v>
      </c>
      <c r="B753" t="s">
        <v>660</v>
      </c>
      <c r="C753" t="s">
        <v>47</v>
      </c>
      <c r="D753" t="s">
        <v>10</v>
      </c>
      <c r="E753" t="s">
        <v>11</v>
      </c>
      <c r="F753" s="2">
        <v>1</v>
      </c>
      <c r="G753" t="s">
        <v>661</v>
      </c>
      <c r="H753" t="s">
        <v>13</v>
      </c>
    </row>
    <row r="754" spans="1:8" x14ac:dyDescent="0.25">
      <c r="A754" s="1">
        <v>45357</v>
      </c>
      <c r="B754" t="s">
        <v>662</v>
      </c>
      <c r="C754" t="s">
        <v>9</v>
      </c>
      <c r="D754" t="s">
        <v>10</v>
      </c>
      <c r="E754" t="s">
        <v>11</v>
      </c>
      <c r="F754" s="2">
        <v>1</v>
      </c>
      <c r="G754" t="s">
        <v>663</v>
      </c>
      <c r="H754" t="s">
        <v>13</v>
      </c>
    </row>
    <row r="755" spans="1:8" x14ac:dyDescent="0.25">
      <c r="A755" s="1">
        <v>45357</v>
      </c>
      <c r="B755" t="s">
        <v>662</v>
      </c>
      <c r="C755" t="s">
        <v>28</v>
      </c>
      <c r="D755" t="s">
        <v>10</v>
      </c>
      <c r="E755" t="s">
        <v>11</v>
      </c>
      <c r="F755" s="2">
        <v>1</v>
      </c>
      <c r="G755" t="s">
        <v>663</v>
      </c>
      <c r="H755" t="s">
        <v>13</v>
      </c>
    </row>
    <row r="756" spans="1:8" x14ac:dyDescent="0.25">
      <c r="A756" s="1">
        <v>45356</v>
      </c>
      <c r="B756" t="s">
        <v>664</v>
      </c>
      <c r="C756" t="s">
        <v>9</v>
      </c>
      <c r="D756" t="s">
        <v>10</v>
      </c>
      <c r="E756" t="s">
        <v>11</v>
      </c>
      <c r="F756" s="2">
        <v>1</v>
      </c>
      <c r="G756" t="s">
        <v>374</v>
      </c>
      <c r="H756" t="s">
        <v>13</v>
      </c>
    </row>
    <row r="757" spans="1:8" x14ac:dyDescent="0.25">
      <c r="A757" s="1">
        <v>45356</v>
      </c>
      <c r="B757" t="s">
        <v>664</v>
      </c>
      <c r="C757" t="s">
        <v>35</v>
      </c>
      <c r="D757" t="s">
        <v>10</v>
      </c>
      <c r="E757" t="s">
        <v>11</v>
      </c>
      <c r="F757" s="2">
        <v>1</v>
      </c>
      <c r="G757" t="s">
        <v>374</v>
      </c>
      <c r="H757" t="s">
        <v>13</v>
      </c>
    </row>
    <row r="758" spans="1:8" x14ac:dyDescent="0.25">
      <c r="A758" s="1">
        <v>45356</v>
      </c>
      <c r="B758" t="s">
        <v>665</v>
      </c>
      <c r="C758" t="s">
        <v>52</v>
      </c>
      <c r="D758" t="s">
        <v>10</v>
      </c>
      <c r="E758" t="s">
        <v>11</v>
      </c>
      <c r="F758" s="2">
        <v>1</v>
      </c>
      <c r="G758" t="s">
        <v>111</v>
      </c>
      <c r="H758" t="s">
        <v>13</v>
      </c>
    </row>
    <row r="759" spans="1:8" x14ac:dyDescent="0.25">
      <c r="A759" s="1">
        <v>45356</v>
      </c>
      <c r="B759" t="s">
        <v>665</v>
      </c>
      <c r="C759" t="s">
        <v>86</v>
      </c>
      <c r="D759" t="s">
        <v>10</v>
      </c>
      <c r="E759" t="s">
        <v>11</v>
      </c>
      <c r="F759" s="2">
        <v>1</v>
      </c>
      <c r="G759" t="s">
        <v>111</v>
      </c>
      <c r="H759" t="s">
        <v>13</v>
      </c>
    </row>
    <row r="760" spans="1:8" x14ac:dyDescent="0.25">
      <c r="A760" s="1">
        <v>45356</v>
      </c>
      <c r="B760" t="s">
        <v>666</v>
      </c>
      <c r="C760" t="s">
        <v>9</v>
      </c>
      <c r="D760" t="s">
        <v>10</v>
      </c>
      <c r="E760" t="s">
        <v>11</v>
      </c>
      <c r="F760" s="2">
        <v>1</v>
      </c>
      <c r="G760" t="s">
        <v>386</v>
      </c>
      <c r="H760" t="s">
        <v>13</v>
      </c>
    </row>
    <row r="761" spans="1:8" x14ac:dyDescent="0.25">
      <c r="A761" s="1">
        <v>45356</v>
      </c>
      <c r="B761" t="s">
        <v>667</v>
      </c>
      <c r="C761" t="s">
        <v>28</v>
      </c>
      <c r="D761" t="s">
        <v>10</v>
      </c>
      <c r="E761" t="s">
        <v>11</v>
      </c>
      <c r="F761" s="2">
        <v>1</v>
      </c>
      <c r="G761" t="s">
        <v>177</v>
      </c>
      <c r="H761" t="s">
        <v>13</v>
      </c>
    </row>
    <row r="762" spans="1:8" x14ac:dyDescent="0.25">
      <c r="A762" s="1">
        <v>45353</v>
      </c>
      <c r="B762" t="s">
        <v>668</v>
      </c>
      <c r="C762" t="s">
        <v>79</v>
      </c>
      <c r="D762" t="s">
        <v>26</v>
      </c>
      <c r="E762" t="s">
        <v>11</v>
      </c>
      <c r="F762" s="2">
        <v>1</v>
      </c>
      <c r="G762" t="s">
        <v>20</v>
      </c>
      <c r="H762" t="s">
        <v>13</v>
      </c>
    </row>
    <row r="763" spans="1:8" x14ac:dyDescent="0.25">
      <c r="A763" s="1">
        <v>45353</v>
      </c>
      <c r="B763" t="s">
        <v>668</v>
      </c>
      <c r="C763" t="s">
        <v>80</v>
      </c>
      <c r="D763" t="s">
        <v>26</v>
      </c>
      <c r="E763" t="s">
        <v>11</v>
      </c>
      <c r="F763" s="2">
        <v>1</v>
      </c>
      <c r="G763" t="s">
        <v>20</v>
      </c>
      <c r="H763" t="s">
        <v>13</v>
      </c>
    </row>
    <row r="764" spans="1:8" x14ac:dyDescent="0.25">
      <c r="A764" s="1">
        <v>45353</v>
      </c>
      <c r="B764" t="s">
        <v>669</v>
      </c>
      <c r="C764" t="s">
        <v>9</v>
      </c>
      <c r="D764" t="s">
        <v>10</v>
      </c>
      <c r="E764" t="s">
        <v>11</v>
      </c>
      <c r="F764" s="2">
        <v>1</v>
      </c>
      <c r="G764" t="s">
        <v>100</v>
      </c>
      <c r="H764" t="s">
        <v>13</v>
      </c>
    </row>
    <row r="765" spans="1:8" x14ac:dyDescent="0.25">
      <c r="A765" s="1">
        <v>45353</v>
      </c>
      <c r="B765" t="s">
        <v>670</v>
      </c>
      <c r="C765" t="s">
        <v>9</v>
      </c>
      <c r="D765" t="s">
        <v>10</v>
      </c>
      <c r="E765" t="s">
        <v>11</v>
      </c>
      <c r="F765" s="2">
        <v>1</v>
      </c>
      <c r="G765" t="s">
        <v>20</v>
      </c>
      <c r="H765" t="s">
        <v>13</v>
      </c>
    </row>
    <row r="766" spans="1:8" x14ac:dyDescent="0.25">
      <c r="A766" s="1">
        <v>45353</v>
      </c>
      <c r="B766" t="s">
        <v>670</v>
      </c>
      <c r="C766" t="s">
        <v>120</v>
      </c>
      <c r="D766" t="s">
        <v>10</v>
      </c>
      <c r="E766" t="s">
        <v>11</v>
      </c>
      <c r="F766" s="2">
        <v>1</v>
      </c>
      <c r="G766" t="s">
        <v>20</v>
      </c>
      <c r="H766" t="s">
        <v>13</v>
      </c>
    </row>
    <row r="767" spans="1:8" x14ac:dyDescent="0.25">
      <c r="A767" s="1">
        <v>45353</v>
      </c>
      <c r="B767" t="s">
        <v>671</v>
      </c>
      <c r="C767" t="s">
        <v>32</v>
      </c>
      <c r="D767" t="s">
        <v>10</v>
      </c>
      <c r="E767" t="s">
        <v>11</v>
      </c>
      <c r="F767" s="2">
        <v>1</v>
      </c>
      <c r="G767" t="s">
        <v>197</v>
      </c>
      <c r="H767" t="s">
        <v>13</v>
      </c>
    </row>
    <row r="768" spans="1:8" x14ac:dyDescent="0.25">
      <c r="A768" s="1">
        <v>45352</v>
      </c>
      <c r="B768" t="s">
        <v>672</v>
      </c>
      <c r="C768" t="s">
        <v>9</v>
      </c>
      <c r="D768" t="s">
        <v>10</v>
      </c>
      <c r="E768" t="s">
        <v>11</v>
      </c>
      <c r="F768" s="2">
        <v>1</v>
      </c>
      <c r="G768" t="s">
        <v>673</v>
      </c>
      <c r="H768" t="s">
        <v>13</v>
      </c>
    </row>
    <row r="769" spans="1:8" x14ac:dyDescent="0.25">
      <c r="A769" s="1">
        <v>45352</v>
      </c>
      <c r="B769" t="s">
        <v>672</v>
      </c>
      <c r="C769" t="s">
        <v>174</v>
      </c>
      <c r="D769" t="s">
        <v>10</v>
      </c>
      <c r="E769" t="s">
        <v>11</v>
      </c>
      <c r="F769" s="2">
        <v>1</v>
      </c>
      <c r="G769" t="s">
        <v>673</v>
      </c>
      <c r="H769" t="s">
        <v>13</v>
      </c>
    </row>
    <row r="770" spans="1:8" x14ac:dyDescent="0.25">
      <c r="A770" s="1">
        <v>45352</v>
      </c>
      <c r="B770" t="s">
        <v>674</v>
      </c>
      <c r="C770" t="s">
        <v>9</v>
      </c>
      <c r="D770" t="s">
        <v>10</v>
      </c>
      <c r="E770" t="s">
        <v>11</v>
      </c>
      <c r="F770" s="2">
        <v>1</v>
      </c>
      <c r="G770" t="s">
        <v>661</v>
      </c>
      <c r="H770" t="s">
        <v>13</v>
      </c>
    </row>
    <row r="771" spans="1:8" x14ac:dyDescent="0.25">
      <c r="A771" s="1">
        <v>45352</v>
      </c>
      <c r="B771" t="s">
        <v>675</v>
      </c>
      <c r="C771" t="s">
        <v>174</v>
      </c>
      <c r="D771" t="s">
        <v>10</v>
      </c>
      <c r="E771" t="s">
        <v>11</v>
      </c>
      <c r="F771" s="2">
        <v>1</v>
      </c>
      <c r="G771" t="s">
        <v>181</v>
      </c>
      <c r="H771" t="s">
        <v>13</v>
      </c>
    </row>
    <row r="772" spans="1:8" x14ac:dyDescent="0.25">
      <c r="A772" s="1">
        <v>45350</v>
      </c>
      <c r="B772" t="s">
        <v>676</v>
      </c>
      <c r="C772" t="s">
        <v>79</v>
      </c>
      <c r="D772" t="s">
        <v>10</v>
      </c>
      <c r="E772" t="s">
        <v>11</v>
      </c>
      <c r="F772" s="2">
        <v>1</v>
      </c>
      <c r="G772" t="s">
        <v>677</v>
      </c>
      <c r="H772" t="s">
        <v>13</v>
      </c>
    </row>
    <row r="773" spans="1:8" x14ac:dyDescent="0.25">
      <c r="A773" s="1">
        <v>45350</v>
      </c>
      <c r="B773" t="s">
        <v>676</v>
      </c>
      <c r="C773" t="s">
        <v>80</v>
      </c>
      <c r="D773" t="s">
        <v>10</v>
      </c>
      <c r="E773" t="s">
        <v>11</v>
      </c>
      <c r="F773" s="2">
        <v>1</v>
      </c>
      <c r="G773" t="s">
        <v>677</v>
      </c>
      <c r="H773" t="s">
        <v>13</v>
      </c>
    </row>
    <row r="774" spans="1:8" x14ac:dyDescent="0.25">
      <c r="A774" s="1">
        <v>45349</v>
      </c>
      <c r="B774" t="s">
        <v>678</v>
      </c>
      <c r="C774" t="s">
        <v>19</v>
      </c>
      <c r="D774" t="s">
        <v>10</v>
      </c>
      <c r="E774" t="s">
        <v>11</v>
      </c>
      <c r="F774" s="2">
        <v>1</v>
      </c>
      <c r="G774" t="s">
        <v>277</v>
      </c>
      <c r="H774" t="s">
        <v>13</v>
      </c>
    </row>
    <row r="775" spans="1:8" x14ac:dyDescent="0.25">
      <c r="A775" s="1">
        <v>45349</v>
      </c>
      <c r="B775" t="s">
        <v>679</v>
      </c>
      <c r="C775" t="s">
        <v>29</v>
      </c>
      <c r="D775" t="s">
        <v>10</v>
      </c>
      <c r="E775" t="s">
        <v>11</v>
      </c>
      <c r="F775" s="2">
        <v>1</v>
      </c>
      <c r="G775" t="s">
        <v>137</v>
      </c>
      <c r="H775" t="s">
        <v>13</v>
      </c>
    </row>
    <row r="776" spans="1:8" x14ac:dyDescent="0.25">
      <c r="A776" s="1">
        <v>45349</v>
      </c>
      <c r="B776" t="s">
        <v>679</v>
      </c>
      <c r="C776" t="s">
        <v>35</v>
      </c>
      <c r="D776" t="s">
        <v>10</v>
      </c>
      <c r="E776" t="s">
        <v>11</v>
      </c>
      <c r="F776" s="2">
        <v>1</v>
      </c>
      <c r="G776" t="s">
        <v>137</v>
      </c>
      <c r="H776" t="s">
        <v>13</v>
      </c>
    </row>
    <row r="777" spans="1:8" x14ac:dyDescent="0.25">
      <c r="A777" s="1">
        <v>45348</v>
      </c>
      <c r="B777" t="s">
        <v>680</v>
      </c>
      <c r="C777" t="s">
        <v>9</v>
      </c>
      <c r="D777" t="s">
        <v>10</v>
      </c>
      <c r="E777" t="s">
        <v>11</v>
      </c>
      <c r="F777" s="2">
        <v>1</v>
      </c>
      <c r="G777" t="s">
        <v>83</v>
      </c>
      <c r="H777" t="s">
        <v>13</v>
      </c>
    </row>
    <row r="778" spans="1:8" x14ac:dyDescent="0.25">
      <c r="A778" s="1">
        <v>45347</v>
      </c>
      <c r="B778" t="s">
        <v>681</v>
      </c>
      <c r="C778" t="s">
        <v>79</v>
      </c>
      <c r="D778" t="s">
        <v>10</v>
      </c>
      <c r="E778" t="s">
        <v>11</v>
      </c>
      <c r="F778" s="2">
        <v>1</v>
      </c>
      <c r="G778" t="s">
        <v>12</v>
      </c>
      <c r="H778" t="s">
        <v>13</v>
      </c>
    </row>
    <row r="779" spans="1:8" x14ac:dyDescent="0.25">
      <c r="A779" s="1">
        <v>45347</v>
      </c>
      <c r="B779" t="s">
        <v>681</v>
      </c>
      <c r="C779" t="s">
        <v>80</v>
      </c>
      <c r="D779" t="s">
        <v>10</v>
      </c>
      <c r="E779" t="s">
        <v>11</v>
      </c>
      <c r="F779" s="2">
        <v>1</v>
      </c>
      <c r="G779" t="s">
        <v>12</v>
      </c>
      <c r="H779" t="s">
        <v>13</v>
      </c>
    </row>
    <row r="780" spans="1:8" x14ac:dyDescent="0.25">
      <c r="A780" s="1">
        <v>45347</v>
      </c>
      <c r="B780" t="s">
        <v>682</v>
      </c>
      <c r="C780" t="s">
        <v>9</v>
      </c>
      <c r="D780" t="s">
        <v>10</v>
      </c>
      <c r="E780" t="s">
        <v>11</v>
      </c>
      <c r="F780" s="2">
        <v>1</v>
      </c>
      <c r="G780" t="s">
        <v>529</v>
      </c>
      <c r="H780" t="s">
        <v>13</v>
      </c>
    </row>
    <row r="781" spans="1:8" x14ac:dyDescent="0.25">
      <c r="A781" s="1">
        <v>45347</v>
      </c>
      <c r="B781" t="s">
        <v>682</v>
      </c>
      <c r="C781" t="s">
        <v>14</v>
      </c>
      <c r="D781" t="s">
        <v>10</v>
      </c>
      <c r="E781" t="s">
        <v>11</v>
      </c>
      <c r="F781" s="2">
        <v>1</v>
      </c>
      <c r="G781" t="s">
        <v>529</v>
      </c>
      <c r="H781" t="s">
        <v>13</v>
      </c>
    </row>
    <row r="782" spans="1:8" x14ac:dyDescent="0.25">
      <c r="A782" s="1">
        <v>45346</v>
      </c>
      <c r="B782" t="s">
        <v>683</v>
      </c>
      <c r="C782" t="s">
        <v>9</v>
      </c>
      <c r="D782" t="s">
        <v>26</v>
      </c>
      <c r="E782" t="s">
        <v>11</v>
      </c>
      <c r="F782" s="2">
        <v>1</v>
      </c>
      <c r="G782" t="s">
        <v>20</v>
      </c>
      <c r="H782" t="s">
        <v>13</v>
      </c>
    </row>
    <row r="783" spans="1:8" x14ac:dyDescent="0.25">
      <c r="A783" s="1">
        <v>45346</v>
      </c>
      <c r="B783" t="s">
        <v>683</v>
      </c>
      <c r="C783" t="s">
        <v>47</v>
      </c>
      <c r="D783" t="s">
        <v>26</v>
      </c>
      <c r="E783" t="s">
        <v>11</v>
      </c>
      <c r="F783" s="2">
        <v>1</v>
      </c>
      <c r="G783" t="s">
        <v>20</v>
      </c>
      <c r="H783" t="s">
        <v>13</v>
      </c>
    </row>
    <row r="784" spans="1:8" x14ac:dyDescent="0.25">
      <c r="A784" s="1">
        <v>45345</v>
      </c>
      <c r="B784" t="s">
        <v>684</v>
      </c>
      <c r="C784" t="s">
        <v>35</v>
      </c>
      <c r="D784" t="s">
        <v>10</v>
      </c>
      <c r="E784" t="s">
        <v>11</v>
      </c>
      <c r="F784" s="2">
        <v>1</v>
      </c>
      <c r="G784" t="s">
        <v>20</v>
      </c>
      <c r="H784" t="s">
        <v>13</v>
      </c>
    </row>
    <row r="785" spans="1:8" x14ac:dyDescent="0.25">
      <c r="A785" s="1">
        <v>45345</v>
      </c>
      <c r="B785" t="s">
        <v>684</v>
      </c>
      <c r="C785" t="s">
        <v>35</v>
      </c>
      <c r="D785" t="s">
        <v>10</v>
      </c>
      <c r="E785" t="s">
        <v>11</v>
      </c>
      <c r="F785" s="2">
        <v>1</v>
      </c>
      <c r="G785" t="s">
        <v>20</v>
      </c>
      <c r="H785" t="s">
        <v>13</v>
      </c>
    </row>
    <row r="786" spans="1:8" x14ac:dyDescent="0.25">
      <c r="A786" s="1">
        <v>45345</v>
      </c>
      <c r="B786" t="s">
        <v>684</v>
      </c>
      <c r="C786" t="s">
        <v>47</v>
      </c>
      <c r="D786" t="s">
        <v>10</v>
      </c>
      <c r="E786" t="s">
        <v>11</v>
      </c>
      <c r="F786" s="2">
        <v>1</v>
      </c>
      <c r="G786" t="s">
        <v>20</v>
      </c>
      <c r="H786" t="s">
        <v>13</v>
      </c>
    </row>
    <row r="787" spans="1:8" x14ac:dyDescent="0.25">
      <c r="A787" s="1">
        <v>45345</v>
      </c>
      <c r="B787" t="s">
        <v>684</v>
      </c>
      <c r="C787" t="s">
        <v>47</v>
      </c>
      <c r="D787" t="s">
        <v>10</v>
      </c>
      <c r="E787" t="s">
        <v>11</v>
      </c>
      <c r="F787" s="2">
        <v>1</v>
      </c>
      <c r="G787" t="s">
        <v>20</v>
      </c>
      <c r="H787" t="s">
        <v>13</v>
      </c>
    </row>
    <row r="788" spans="1:8" x14ac:dyDescent="0.25">
      <c r="A788" s="1">
        <v>45345</v>
      </c>
      <c r="B788" t="s">
        <v>685</v>
      </c>
      <c r="C788" t="s">
        <v>86</v>
      </c>
      <c r="D788" t="s">
        <v>10</v>
      </c>
      <c r="E788" t="s">
        <v>11</v>
      </c>
      <c r="F788" s="2">
        <v>1</v>
      </c>
      <c r="G788" t="s">
        <v>100</v>
      </c>
      <c r="H788" t="s">
        <v>13</v>
      </c>
    </row>
    <row r="789" spans="1:8" x14ac:dyDescent="0.25">
      <c r="A789" s="1">
        <v>45344</v>
      </c>
      <c r="B789" t="s">
        <v>686</v>
      </c>
      <c r="C789" t="s">
        <v>41</v>
      </c>
      <c r="D789" t="s">
        <v>10</v>
      </c>
      <c r="E789" t="s">
        <v>11</v>
      </c>
      <c r="F789" s="2">
        <v>1</v>
      </c>
      <c r="G789" t="s">
        <v>100</v>
      </c>
      <c r="H789" t="s">
        <v>13</v>
      </c>
    </row>
    <row r="790" spans="1:8" x14ac:dyDescent="0.25">
      <c r="A790" s="1">
        <v>45344</v>
      </c>
      <c r="B790" t="s">
        <v>687</v>
      </c>
      <c r="C790" t="s">
        <v>9</v>
      </c>
      <c r="D790" t="s">
        <v>10</v>
      </c>
      <c r="E790" t="s">
        <v>11</v>
      </c>
      <c r="F790" s="2">
        <v>1</v>
      </c>
      <c r="G790" t="s">
        <v>100</v>
      </c>
      <c r="H790" t="s">
        <v>13</v>
      </c>
    </row>
    <row r="791" spans="1:8" x14ac:dyDescent="0.25">
      <c r="A791" s="1">
        <v>45343</v>
      </c>
      <c r="B791" t="s">
        <v>688</v>
      </c>
      <c r="C791" t="s">
        <v>689</v>
      </c>
      <c r="D791" t="s">
        <v>10</v>
      </c>
      <c r="E791" t="s">
        <v>11</v>
      </c>
      <c r="F791" s="2">
        <v>1</v>
      </c>
      <c r="G791" t="s">
        <v>216</v>
      </c>
      <c r="H791" t="s">
        <v>13</v>
      </c>
    </row>
    <row r="792" spans="1:8" x14ac:dyDescent="0.25">
      <c r="A792" s="1">
        <v>45343</v>
      </c>
      <c r="B792" t="s">
        <v>690</v>
      </c>
      <c r="C792" t="s">
        <v>174</v>
      </c>
      <c r="D792" t="s">
        <v>26</v>
      </c>
      <c r="E792" t="s">
        <v>11</v>
      </c>
      <c r="F792" s="2">
        <v>1</v>
      </c>
      <c r="G792" t="s">
        <v>20</v>
      </c>
      <c r="H792" t="s">
        <v>13</v>
      </c>
    </row>
    <row r="793" spans="1:8" x14ac:dyDescent="0.25">
      <c r="A793" s="1">
        <v>45343</v>
      </c>
      <c r="B793" t="s">
        <v>691</v>
      </c>
      <c r="C793" t="s">
        <v>28</v>
      </c>
      <c r="D793" t="s">
        <v>10</v>
      </c>
      <c r="E793" t="s">
        <v>11</v>
      </c>
      <c r="F793" s="2">
        <v>1</v>
      </c>
      <c r="G793" t="s">
        <v>46</v>
      </c>
      <c r="H793" t="s">
        <v>13</v>
      </c>
    </row>
    <row r="794" spans="1:8" x14ac:dyDescent="0.25">
      <c r="A794" s="1">
        <v>45343</v>
      </c>
      <c r="B794" t="s">
        <v>691</v>
      </c>
      <c r="C794" t="s">
        <v>35</v>
      </c>
      <c r="D794" t="s">
        <v>10</v>
      </c>
      <c r="E794" t="s">
        <v>11</v>
      </c>
      <c r="F794" s="2">
        <v>1</v>
      </c>
      <c r="G794" t="s">
        <v>46</v>
      </c>
      <c r="H794" t="s">
        <v>13</v>
      </c>
    </row>
    <row r="795" spans="1:8" x14ac:dyDescent="0.25">
      <c r="A795" s="1">
        <v>45342</v>
      </c>
      <c r="B795" t="s">
        <v>692</v>
      </c>
      <c r="C795" t="s">
        <v>79</v>
      </c>
      <c r="D795" t="s">
        <v>10</v>
      </c>
      <c r="E795" t="s">
        <v>11</v>
      </c>
      <c r="F795" s="2">
        <v>1</v>
      </c>
      <c r="G795" t="s">
        <v>44</v>
      </c>
      <c r="H795" t="s">
        <v>13</v>
      </c>
    </row>
    <row r="796" spans="1:8" x14ac:dyDescent="0.25">
      <c r="A796" s="1">
        <v>45342</v>
      </c>
      <c r="B796" t="s">
        <v>692</v>
      </c>
      <c r="C796" t="s">
        <v>80</v>
      </c>
      <c r="D796" t="s">
        <v>10</v>
      </c>
      <c r="E796" t="s">
        <v>11</v>
      </c>
      <c r="F796" s="2">
        <v>1</v>
      </c>
      <c r="G796" t="s">
        <v>44</v>
      </c>
      <c r="H796" t="s">
        <v>13</v>
      </c>
    </row>
    <row r="797" spans="1:8" x14ac:dyDescent="0.25">
      <c r="A797" s="1">
        <v>45342</v>
      </c>
      <c r="B797" t="s">
        <v>693</v>
      </c>
      <c r="C797" t="s">
        <v>47</v>
      </c>
      <c r="D797" t="s">
        <v>10</v>
      </c>
      <c r="E797" t="s">
        <v>11</v>
      </c>
      <c r="F797" s="2">
        <v>1</v>
      </c>
      <c r="G797" t="s">
        <v>27</v>
      </c>
      <c r="H797" t="s">
        <v>13</v>
      </c>
    </row>
    <row r="798" spans="1:8" x14ac:dyDescent="0.25">
      <c r="A798" s="1">
        <v>45342</v>
      </c>
      <c r="B798" t="s">
        <v>694</v>
      </c>
      <c r="C798" t="s">
        <v>9</v>
      </c>
      <c r="D798" t="s">
        <v>10</v>
      </c>
      <c r="E798" t="s">
        <v>11</v>
      </c>
      <c r="F798" s="2">
        <v>1</v>
      </c>
      <c r="G798" t="s">
        <v>100</v>
      </c>
      <c r="H798" t="s">
        <v>13</v>
      </c>
    </row>
    <row r="799" spans="1:8" x14ac:dyDescent="0.25">
      <c r="A799" s="1">
        <v>45342</v>
      </c>
      <c r="B799" t="s">
        <v>694</v>
      </c>
      <c r="C799" t="s">
        <v>14</v>
      </c>
      <c r="D799" t="s">
        <v>10</v>
      </c>
      <c r="E799" t="s">
        <v>11</v>
      </c>
      <c r="F799" s="2">
        <v>1</v>
      </c>
      <c r="G799" t="s">
        <v>100</v>
      </c>
      <c r="H799" t="s">
        <v>13</v>
      </c>
    </row>
    <row r="800" spans="1:8" x14ac:dyDescent="0.25">
      <c r="A800" s="1">
        <v>45342</v>
      </c>
      <c r="B800" t="s">
        <v>695</v>
      </c>
      <c r="C800" t="s">
        <v>9</v>
      </c>
      <c r="D800" t="s">
        <v>10</v>
      </c>
      <c r="E800" t="s">
        <v>11</v>
      </c>
      <c r="F800" s="2">
        <v>1</v>
      </c>
      <c r="G800" t="s">
        <v>197</v>
      </c>
      <c r="H800" t="s">
        <v>13</v>
      </c>
    </row>
    <row r="801" spans="1:8" x14ac:dyDescent="0.25">
      <c r="A801" s="1">
        <v>45342</v>
      </c>
      <c r="B801" t="s">
        <v>695</v>
      </c>
      <c r="C801" t="s">
        <v>9</v>
      </c>
      <c r="D801" t="s">
        <v>10</v>
      </c>
      <c r="E801" t="s">
        <v>11</v>
      </c>
      <c r="F801" s="2">
        <v>1</v>
      </c>
      <c r="G801" t="s">
        <v>197</v>
      </c>
      <c r="H801" t="s">
        <v>13</v>
      </c>
    </row>
    <row r="802" spans="1:8" x14ac:dyDescent="0.25">
      <c r="A802" s="1">
        <v>45342</v>
      </c>
      <c r="B802" t="s">
        <v>695</v>
      </c>
      <c r="C802" t="s">
        <v>52</v>
      </c>
      <c r="D802" t="s">
        <v>10</v>
      </c>
      <c r="E802" t="s">
        <v>11</v>
      </c>
      <c r="F802" s="2">
        <v>1</v>
      </c>
      <c r="G802" t="s">
        <v>197</v>
      </c>
      <c r="H802" t="s">
        <v>13</v>
      </c>
    </row>
    <row r="803" spans="1:8" x14ac:dyDescent="0.25">
      <c r="A803" s="1">
        <v>45342</v>
      </c>
      <c r="B803" t="s">
        <v>695</v>
      </c>
      <c r="C803" t="s">
        <v>52</v>
      </c>
      <c r="D803" t="s">
        <v>10</v>
      </c>
      <c r="E803" t="s">
        <v>11</v>
      </c>
      <c r="F803" s="2">
        <v>1</v>
      </c>
      <c r="G803" t="s">
        <v>197</v>
      </c>
      <c r="H803" t="s">
        <v>13</v>
      </c>
    </row>
    <row r="804" spans="1:8" x14ac:dyDescent="0.25">
      <c r="A804" s="1">
        <v>45342</v>
      </c>
      <c r="B804" t="s">
        <v>695</v>
      </c>
      <c r="C804" t="s">
        <v>35</v>
      </c>
      <c r="D804" t="s">
        <v>10</v>
      </c>
      <c r="E804" t="s">
        <v>11</v>
      </c>
      <c r="F804" s="2">
        <v>1</v>
      </c>
      <c r="G804" t="s">
        <v>197</v>
      </c>
      <c r="H804" t="s">
        <v>13</v>
      </c>
    </row>
    <row r="805" spans="1:8" x14ac:dyDescent="0.25">
      <c r="A805" s="1">
        <v>45342</v>
      </c>
      <c r="B805" t="s">
        <v>695</v>
      </c>
      <c r="C805" t="s">
        <v>35</v>
      </c>
      <c r="D805" t="s">
        <v>10</v>
      </c>
      <c r="E805" t="s">
        <v>11</v>
      </c>
      <c r="F805" s="2">
        <v>1</v>
      </c>
      <c r="G805" t="s">
        <v>197</v>
      </c>
      <c r="H805" t="s">
        <v>13</v>
      </c>
    </row>
    <row r="806" spans="1:8" x14ac:dyDescent="0.25">
      <c r="A806" s="1">
        <v>45342</v>
      </c>
      <c r="B806" t="s">
        <v>695</v>
      </c>
      <c r="C806" t="s">
        <v>47</v>
      </c>
      <c r="D806" t="s">
        <v>10</v>
      </c>
      <c r="E806" t="s">
        <v>11</v>
      </c>
      <c r="F806" s="2">
        <v>1</v>
      </c>
      <c r="G806" t="s">
        <v>197</v>
      </c>
      <c r="H806" t="s">
        <v>13</v>
      </c>
    </row>
    <row r="807" spans="1:8" x14ac:dyDescent="0.25">
      <c r="A807" s="1">
        <v>45342</v>
      </c>
      <c r="B807" t="s">
        <v>695</v>
      </c>
      <c r="C807" t="s">
        <v>47</v>
      </c>
      <c r="D807" t="s">
        <v>10</v>
      </c>
      <c r="E807" t="s">
        <v>11</v>
      </c>
      <c r="F807" s="2">
        <v>1</v>
      </c>
      <c r="G807" t="s">
        <v>197</v>
      </c>
      <c r="H807" t="s">
        <v>13</v>
      </c>
    </row>
    <row r="808" spans="1:8" x14ac:dyDescent="0.25">
      <c r="A808" s="1">
        <v>45342</v>
      </c>
      <c r="B808" t="s">
        <v>695</v>
      </c>
      <c r="C808" t="s">
        <v>379</v>
      </c>
      <c r="D808" t="s">
        <v>10</v>
      </c>
      <c r="E808" t="s">
        <v>11</v>
      </c>
      <c r="F808" s="2">
        <v>1</v>
      </c>
      <c r="G808" t="s">
        <v>197</v>
      </c>
      <c r="H808" t="s">
        <v>13</v>
      </c>
    </row>
    <row r="809" spans="1:8" x14ac:dyDescent="0.25">
      <c r="A809" s="1">
        <v>45342</v>
      </c>
      <c r="B809" t="s">
        <v>695</v>
      </c>
      <c r="C809" t="s">
        <v>379</v>
      </c>
      <c r="D809" t="s">
        <v>10</v>
      </c>
      <c r="E809" t="s">
        <v>11</v>
      </c>
      <c r="F809" s="2">
        <v>1</v>
      </c>
      <c r="G809" t="s">
        <v>197</v>
      </c>
      <c r="H809" t="s">
        <v>13</v>
      </c>
    </row>
    <row r="810" spans="1:8" x14ac:dyDescent="0.25">
      <c r="A810" s="1">
        <v>45342</v>
      </c>
      <c r="B810" t="s">
        <v>696</v>
      </c>
      <c r="C810" t="s">
        <v>120</v>
      </c>
      <c r="D810" t="s">
        <v>10</v>
      </c>
      <c r="E810" t="s">
        <v>11</v>
      </c>
      <c r="F810" s="2">
        <v>1</v>
      </c>
      <c r="G810" t="s">
        <v>279</v>
      </c>
      <c r="H810" t="s">
        <v>13</v>
      </c>
    </row>
    <row r="811" spans="1:8" x14ac:dyDescent="0.25">
      <c r="A811" s="1">
        <v>45341</v>
      </c>
      <c r="B811" t="s">
        <v>697</v>
      </c>
      <c r="C811" t="s">
        <v>19</v>
      </c>
      <c r="D811" t="s">
        <v>10</v>
      </c>
      <c r="E811" t="s">
        <v>11</v>
      </c>
      <c r="F811" s="2">
        <v>1</v>
      </c>
      <c r="G811" t="s">
        <v>569</v>
      </c>
      <c r="H811" t="s">
        <v>13</v>
      </c>
    </row>
    <row r="812" spans="1:8" x14ac:dyDescent="0.25">
      <c r="A812" s="1">
        <v>45340</v>
      </c>
      <c r="B812" t="s">
        <v>698</v>
      </c>
      <c r="C812" t="s">
        <v>79</v>
      </c>
      <c r="D812" t="s">
        <v>10</v>
      </c>
      <c r="E812" t="s">
        <v>11</v>
      </c>
      <c r="F812" s="2">
        <v>1</v>
      </c>
      <c r="G812" t="s">
        <v>699</v>
      </c>
      <c r="H812" t="s">
        <v>13</v>
      </c>
    </row>
    <row r="813" spans="1:8" x14ac:dyDescent="0.25">
      <c r="A813" s="1">
        <v>45338</v>
      </c>
      <c r="B813" t="s">
        <v>700</v>
      </c>
      <c r="C813" t="s">
        <v>35</v>
      </c>
      <c r="D813" t="s">
        <v>10</v>
      </c>
      <c r="E813" t="s">
        <v>11</v>
      </c>
      <c r="F813" s="2">
        <v>1</v>
      </c>
      <c r="G813" t="s">
        <v>701</v>
      </c>
      <c r="H813" t="s">
        <v>13</v>
      </c>
    </row>
    <row r="814" spans="1:8" x14ac:dyDescent="0.25">
      <c r="A814" s="1">
        <v>45337</v>
      </c>
      <c r="B814" t="s">
        <v>702</v>
      </c>
      <c r="C814" t="s">
        <v>9</v>
      </c>
      <c r="D814" t="s">
        <v>10</v>
      </c>
      <c r="E814" t="s">
        <v>11</v>
      </c>
      <c r="F814" s="2">
        <v>1</v>
      </c>
      <c r="G814" t="s">
        <v>37</v>
      </c>
      <c r="H814" t="s">
        <v>13</v>
      </c>
    </row>
    <row r="815" spans="1:8" x14ac:dyDescent="0.25">
      <c r="A815" s="1">
        <v>45337</v>
      </c>
      <c r="B815" t="s">
        <v>702</v>
      </c>
      <c r="C815" t="s">
        <v>35</v>
      </c>
      <c r="D815" t="s">
        <v>10</v>
      </c>
      <c r="E815" t="s">
        <v>11</v>
      </c>
      <c r="F815" s="2">
        <v>1</v>
      </c>
      <c r="G815" t="s">
        <v>37</v>
      </c>
      <c r="H815" t="s">
        <v>13</v>
      </c>
    </row>
    <row r="816" spans="1:8" x14ac:dyDescent="0.25">
      <c r="A816" s="1">
        <v>45337</v>
      </c>
      <c r="B816" t="s">
        <v>702</v>
      </c>
      <c r="C816" t="s">
        <v>14</v>
      </c>
      <c r="D816" t="s">
        <v>10</v>
      </c>
      <c r="E816" t="s">
        <v>11</v>
      </c>
      <c r="F816" s="2">
        <v>1</v>
      </c>
      <c r="G816" t="s">
        <v>37</v>
      </c>
      <c r="H816" t="s">
        <v>13</v>
      </c>
    </row>
    <row r="817" spans="1:8" x14ac:dyDescent="0.25">
      <c r="A817" s="1">
        <v>45337</v>
      </c>
      <c r="B817" t="s">
        <v>703</v>
      </c>
      <c r="C817" t="s">
        <v>52</v>
      </c>
      <c r="D817" t="s">
        <v>10</v>
      </c>
      <c r="E817" t="s">
        <v>11</v>
      </c>
      <c r="F817" s="2">
        <v>1</v>
      </c>
      <c r="G817" t="s">
        <v>83</v>
      </c>
      <c r="H817" t="s">
        <v>13</v>
      </c>
    </row>
    <row r="818" spans="1:8" x14ac:dyDescent="0.25">
      <c r="A818" s="1">
        <v>45337</v>
      </c>
      <c r="B818" t="s">
        <v>703</v>
      </c>
      <c r="C818" t="s">
        <v>249</v>
      </c>
      <c r="D818" t="s">
        <v>10</v>
      </c>
      <c r="E818" t="s">
        <v>11</v>
      </c>
      <c r="F818" s="2">
        <v>1</v>
      </c>
      <c r="G818" t="s">
        <v>83</v>
      </c>
      <c r="H818" t="s">
        <v>13</v>
      </c>
    </row>
    <row r="819" spans="1:8" x14ac:dyDescent="0.25">
      <c r="A819" s="1">
        <v>45336</v>
      </c>
      <c r="B819" t="s">
        <v>704</v>
      </c>
      <c r="C819" t="s">
        <v>74</v>
      </c>
      <c r="D819" t="s">
        <v>10</v>
      </c>
      <c r="E819" t="s">
        <v>11</v>
      </c>
      <c r="F819" s="2">
        <v>1</v>
      </c>
      <c r="G819" t="s">
        <v>83</v>
      </c>
      <c r="H819" t="s">
        <v>13</v>
      </c>
    </row>
    <row r="820" spans="1:8" x14ac:dyDescent="0.25">
      <c r="A820" s="1">
        <v>45336</v>
      </c>
      <c r="B820" t="s">
        <v>705</v>
      </c>
      <c r="C820" t="s">
        <v>74</v>
      </c>
      <c r="D820" t="s">
        <v>10</v>
      </c>
      <c r="E820" t="s">
        <v>11</v>
      </c>
      <c r="F820" s="2">
        <v>1</v>
      </c>
      <c r="G820" t="s">
        <v>83</v>
      </c>
      <c r="H820" t="s">
        <v>13</v>
      </c>
    </row>
    <row r="821" spans="1:8" x14ac:dyDescent="0.25">
      <c r="A821" s="1">
        <v>45336</v>
      </c>
      <c r="B821" t="s">
        <v>705</v>
      </c>
      <c r="C821" t="s">
        <v>74</v>
      </c>
      <c r="D821" t="s">
        <v>10</v>
      </c>
      <c r="E821" t="s">
        <v>11</v>
      </c>
      <c r="F821" s="2">
        <v>1</v>
      </c>
      <c r="G821" t="s">
        <v>83</v>
      </c>
      <c r="H821" t="s">
        <v>13</v>
      </c>
    </row>
    <row r="822" spans="1:8" x14ac:dyDescent="0.25">
      <c r="A822" s="1">
        <v>45336</v>
      </c>
      <c r="B822" t="s">
        <v>705</v>
      </c>
      <c r="C822" t="s">
        <v>58</v>
      </c>
      <c r="D822" t="s">
        <v>10</v>
      </c>
      <c r="E822" t="s">
        <v>11</v>
      </c>
      <c r="F822" s="2">
        <v>1</v>
      </c>
      <c r="G822" t="s">
        <v>83</v>
      </c>
      <c r="H822" t="s">
        <v>13</v>
      </c>
    </row>
    <row r="823" spans="1:8" x14ac:dyDescent="0.25">
      <c r="A823" s="1">
        <v>45336</v>
      </c>
      <c r="B823" t="s">
        <v>705</v>
      </c>
      <c r="C823" t="s">
        <v>58</v>
      </c>
      <c r="D823" t="s">
        <v>10</v>
      </c>
      <c r="E823" t="s">
        <v>11</v>
      </c>
      <c r="F823" s="2">
        <v>1</v>
      </c>
      <c r="G823" t="s">
        <v>83</v>
      </c>
      <c r="H823" t="s">
        <v>13</v>
      </c>
    </row>
    <row r="824" spans="1:8" x14ac:dyDescent="0.25">
      <c r="A824" s="1">
        <v>45336</v>
      </c>
      <c r="B824" t="s">
        <v>706</v>
      </c>
      <c r="C824" t="s">
        <v>35</v>
      </c>
      <c r="D824" t="s">
        <v>10</v>
      </c>
      <c r="E824" t="s">
        <v>11</v>
      </c>
      <c r="F824" s="2">
        <v>1</v>
      </c>
      <c r="G824" t="s">
        <v>24</v>
      </c>
      <c r="H824" t="s">
        <v>13</v>
      </c>
    </row>
    <row r="825" spans="1:8" x14ac:dyDescent="0.25">
      <c r="A825" s="1">
        <v>45336</v>
      </c>
      <c r="B825" t="s">
        <v>707</v>
      </c>
      <c r="C825" t="s">
        <v>35</v>
      </c>
      <c r="D825" t="s">
        <v>10</v>
      </c>
      <c r="E825" t="s">
        <v>11</v>
      </c>
      <c r="F825" s="2">
        <v>1</v>
      </c>
      <c r="G825" t="s">
        <v>100</v>
      </c>
      <c r="H825" t="s">
        <v>13</v>
      </c>
    </row>
    <row r="826" spans="1:8" x14ac:dyDescent="0.25">
      <c r="A826" s="1">
        <v>45336</v>
      </c>
      <c r="B826" t="s">
        <v>707</v>
      </c>
      <c r="C826" t="s">
        <v>32</v>
      </c>
      <c r="D826" t="s">
        <v>10</v>
      </c>
      <c r="E826" t="s">
        <v>11</v>
      </c>
      <c r="F826" s="2">
        <v>1</v>
      </c>
      <c r="G826" t="s">
        <v>100</v>
      </c>
      <c r="H826" t="s">
        <v>13</v>
      </c>
    </row>
    <row r="827" spans="1:8" x14ac:dyDescent="0.25">
      <c r="A827" s="1">
        <v>45335</v>
      </c>
      <c r="B827" t="s">
        <v>708</v>
      </c>
      <c r="C827" t="s">
        <v>86</v>
      </c>
      <c r="D827" t="s">
        <v>10</v>
      </c>
      <c r="E827" t="s">
        <v>11</v>
      </c>
      <c r="F827" s="2">
        <v>1</v>
      </c>
      <c r="G827" t="s">
        <v>111</v>
      </c>
      <c r="H827" t="s">
        <v>13</v>
      </c>
    </row>
    <row r="828" spans="1:8" x14ac:dyDescent="0.25">
      <c r="A828" s="1">
        <v>45334</v>
      </c>
      <c r="B828" t="s">
        <v>709</v>
      </c>
      <c r="C828" t="s">
        <v>9</v>
      </c>
      <c r="D828" t="s">
        <v>10</v>
      </c>
      <c r="E828" t="s">
        <v>11</v>
      </c>
      <c r="F828" s="2">
        <v>1</v>
      </c>
      <c r="G828" t="s">
        <v>710</v>
      </c>
      <c r="H828" t="s">
        <v>13</v>
      </c>
    </row>
    <row r="829" spans="1:8" x14ac:dyDescent="0.25">
      <c r="A829" s="1">
        <v>45334</v>
      </c>
      <c r="B829" t="s">
        <v>709</v>
      </c>
      <c r="C829" t="s">
        <v>47</v>
      </c>
      <c r="D829" t="s">
        <v>10</v>
      </c>
      <c r="E829" t="s">
        <v>11</v>
      </c>
      <c r="F829" s="2">
        <v>1</v>
      </c>
      <c r="G829" t="s">
        <v>710</v>
      </c>
      <c r="H829" t="s">
        <v>13</v>
      </c>
    </row>
    <row r="830" spans="1:8" x14ac:dyDescent="0.25">
      <c r="A830" s="1">
        <v>45334</v>
      </c>
      <c r="B830" t="s">
        <v>711</v>
      </c>
      <c r="C830" t="s">
        <v>92</v>
      </c>
      <c r="D830" t="s">
        <v>10</v>
      </c>
      <c r="E830" t="s">
        <v>11</v>
      </c>
      <c r="F830" s="2">
        <v>1</v>
      </c>
      <c r="G830" t="s">
        <v>289</v>
      </c>
      <c r="H830" t="s">
        <v>13</v>
      </c>
    </row>
    <row r="831" spans="1:8" x14ac:dyDescent="0.25">
      <c r="A831" s="1">
        <v>45333</v>
      </c>
      <c r="B831" t="s">
        <v>712</v>
      </c>
      <c r="C831" t="s">
        <v>74</v>
      </c>
      <c r="D831" t="s">
        <v>10</v>
      </c>
      <c r="E831" t="s">
        <v>11</v>
      </c>
      <c r="F831" s="2">
        <v>1</v>
      </c>
      <c r="G831" t="s">
        <v>20</v>
      </c>
      <c r="H831" t="s">
        <v>13</v>
      </c>
    </row>
    <row r="832" spans="1:8" x14ac:dyDescent="0.25">
      <c r="A832" s="1">
        <v>45333</v>
      </c>
      <c r="B832" t="s">
        <v>712</v>
      </c>
      <c r="C832" t="s">
        <v>74</v>
      </c>
      <c r="D832" t="s">
        <v>10</v>
      </c>
      <c r="E832" t="s">
        <v>11</v>
      </c>
      <c r="F832" s="2">
        <v>1</v>
      </c>
      <c r="G832" t="s">
        <v>20</v>
      </c>
      <c r="H832" t="s">
        <v>13</v>
      </c>
    </row>
    <row r="833" spans="1:8" x14ac:dyDescent="0.25">
      <c r="A833" s="1">
        <v>45333</v>
      </c>
      <c r="B833" t="s">
        <v>713</v>
      </c>
      <c r="C833" t="s">
        <v>481</v>
      </c>
      <c r="D833" t="s">
        <v>10</v>
      </c>
      <c r="E833" t="s">
        <v>11</v>
      </c>
      <c r="F833" s="2">
        <v>1</v>
      </c>
      <c r="G833" t="s">
        <v>53</v>
      </c>
      <c r="H833" t="s">
        <v>13</v>
      </c>
    </row>
    <row r="834" spans="1:8" x14ac:dyDescent="0.25">
      <c r="A834" s="1">
        <v>45333</v>
      </c>
      <c r="B834" t="s">
        <v>713</v>
      </c>
      <c r="C834" t="s">
        <v>481</v>
      </c>
      <c r="D834" t="s">
        <v>10</v>
      </c>
      <c r="E834" t="s">
        <v>11</v>
      </c>
      <c r="F834" s="2">
        <v>1</v>
      </c>
      <c r="G834" t="s">
        <v>53</v>
      </c>
      <c r="H834" t="s">
        <v>13</v>
      </c>
    </row>
    <row r="835" spans="1:8" x14ac:dyDescent="0.25">
      <c r="A835" s="1">
        <v>45333</v>
      </c>
      <c r="B835" t="s">
        <v>714</v>
      </c>
      <c r="C835" t="s">
        <v>9</v>
      </c>
      <c r="D835" t="s">
        <v>10</v>
      </c>
      <c r="E835" t="s">
        <v>11</v>
      </c>
      <c r="F835" s="2">
        <v>1</v>
      </c>
      <c r="G835" t="s">
        <v>77</v>
      </c>
      <c r="H835" t="s">
        <v>13</v>
      </c>
    </row>
    <row r="836" spans="1:8" x14ac:dyDescent="0.25">
      <c r="A836" s="1">
        <v>45333</v>
      </c>
      <c r="B836" t="s">
        <v>715</v>
      </c>
      <c r="C836" t="s">
        <v>222</v>
      </c>
      <c r="D836" t="s">
        <v>10</v>
      </c>
      <c r="E836" t="s">
        <v>11</v>
      </c>
      <c r="F836" s="2">
        <v>1</v>
      </c>
      <c r="G836" t="s">
        <v>131</v>
      </c>
      <c r="H836" t="s">
        <v>13</v>
      </c>
    </row>
    <row r="837" spans="1:8" x14ac:dyDescent="0.25">
      <c r="A837" s="1">
        <v>45331</v>
      </c>
      <c r="B837" t="s">
        <v>716</v>
      </c>
      <c r="C837" t="s">
        <v>9</v>
      </c>
      <c r="D837" t="s">
        <v>10</v>
      </c>
      <c r="E837" t="s">
        <v>11</v>
      </c>
      <c r="F837" s="2">
        <v>1</v>
      </c>
      <c r="G837" t="s">
        <v>72</v>
      </c>
      <c r="H837" t="s">
        <v>13</v>
      </c>
    </row>
    <row r="838" spans="1:8" x14ac:dyDescent="0.25">
      <c r="A838" s="1">
        <v>45330</v>
      </c>
      <c r="B838" t="s">
        <v>717</v>
      </c>
      <c r="C838" t="s">
        <v>79</v>
      </c>
      <c r="D838" t="s">
        <v>10</v>
      </c>
      <c r="E838" t="s">
        <v>11</v>
      </c>
      <c r="F838" s="2">
        <v>1</v>
      </c>
      <c r="G838" t="s">
        <v>20</v>
      </c>
      <c r="H838" t="s">
        <v>13</v>
      </c>
    </row>
    <row r="839" spans="1:8" x14ac:dyDescent="0.25">
      <c r="A839" s="1">
        <v>45330</v>
      </c>
      <c r="B839" t="s">
        <v>717</v>
      </c>
      <c r="C839" t="s">
        <v>80</v>
      </c>
      <c r="D839" t="s">
        <v>10</v>
      </c>
      <c r="E839" t="s">
        <v>11</v>
      </c>
      <c r="F839" s="2">
        <v>1</v>
      </c>
      <c r="G839" t="s">
        <v>20</v>
      </c>
      <c r="H839" t="s">
        <v>13</v>
      </c>
    </row>
    <row r="840" spans="1:8" x14ac:dyDescent="0.25">
      <c r="A840" s="1">
        <v>45329</v>
      </c>
      <c r="B840" t="s">
        <v>718</v>
      </c>
      <c r="C840" t="s">
        <v>47</v>
      </c>
      <c r="D840" t="s">
        <v>10</v>
      </c>
      <c r="E840" t="s">
        <v>11</v>
      </c>
      <c r="F840" s="2">
        <v>1</v>
      </c>
      <c r="G840" t="s">
        <v>181</v>
      </c>
      <c r="H840" t="s">
        <v>13</v>
      </c>
    </row>
    <row r="841" spans="1:8" x14ac:dyDescent="0.25">
      <c r="A841" s="1">
        <v>45328</v>
      </c>
      <c r="B841" t="s">
        <v>719</v>
      </c>
      <c r="C841" t="s">
        <v>9</v>
      </c>
      <c r="D841" t="s">
        <v>10</v>
      </c>
      <c r="E841" t="s">
        <v>11</v>
      </c>
      <c r="F841" s="2">
        <v>1</v>
      </c>
      <c r="G841" t="s">
        <v>20</v>
      </c>
      <c r="H841" t="s">
        <v>13</v>
      </c>
    </row>
    <row r="842" spans="1:8" x14ac:dyDescent="0.25">
      <c r="A842" s="1">
        <v>45328</v>
      </c>
      <c r="B842" t="s">
        <v>720</v>
      </c>
      <c r="C842" t="s">
        <v>9</v>
      </c>
      <c r="D842" t="s">
        <v>10</v>
      </c>
      <c r="E842" t="s">
        <v>11</v>
      </c>
      <c r="F842" s="2">
        <v>1</v>
      </c>
      <c r="G842" t="s">
        <v>181</v>
      </c>
      <c r="H842" t="s">
        <v>13</v>
      </c>
    </row>
    <row r="843" spans="1:8" x14ac:dyDescent="0.25">
      <c r="A843" s="1">
        <v>45328</v>
      </c>
      <c r="B843" t="s">
        <v>720</v>
      </c>
      <c r="C843" t="s">
        <v>52</v>
      </c>
      <c r="D843" t="s">
        <v>10</v>
      </c>
      <c r="E843" t="s">
        <v>11</v>
      </c>
      <c r="F843" s="2">
        <v>1</v>
      </c>
      <c r="G843" t="s">
        <v>181</v>
      </c>
      <c r="H843" t="s">
        <v>13</v>
      </c>
    </row>
    <row r="844" spans="1:8" x14ac:dyDescent="0.25">
      <c r="A844" s="1">
        <v>45328</v>
      </c>
      <c r="B844" t="s">
        <v>720</v>
      </c>
      <c r="C844" t="s">
        <v>47</v>
      </c>
      <c r="D844" t="s">
        <v>10</v>
      </c>
      <c r="E844" t="s">
        <v>11</v>
      </c>
      <c r="F844" s="2">
        <v>1</v>
      </c>
      <c r="G844" t="s">
        <v>181</v>
      </c>
      <c r="H844" t="s">
        <v>13</v>
      </c>
    </row>
    <row r="845" spans="1:8" x14ac:dyDescent="0.25">
      <c r="A845" s="1">
        <v>45327</v>
      </c>
      <c r="B845" t="s">
        <v>721</v>
      </c>
      <c r="C845" t="s">
        <v>79</v>
      </c>
      <c r="D845" t="s">
        <v>10</v>
      </c>
      <c r="E845" t="s">
        <v>11</v>
      </c>
      <c r="F845" s="2">
        <v>1</v>
      </c>
      <c r="G845" t="s">
        <v>46</v>
      </c>
      <c r="H845" t="s">
        <v>13</v>
      </c>
    </row>
    <row r="846" spans="1:8" x14ac:dyDescent="0.25">
      <c r="A846" s="1">
        <v>45327</v>
      </c>
      <c r="B846" t="s">
        <v>721</v>
      </c>
      <c r="C846" t="s">
        <v>80</v>
      </c>
      <c r="D846" t="s">
        <v>10</v>
      </c>
      <c r="E846" t="s">
        <v>11</v>
      </c>
      <c r="F846" s="2">
        <v>1</v>
      </c>
      <c r="G846" t="s">
        <v>46</v>
      </c>
      <c r="H846" t="s">
        <v>13</v>
      </c>
    </row>
    <row r="847" spans="1:8" x14ac:dyDescent="0.25">
      <c r="A847" s="1">
        <v>45326</v>
      </c>
      <c r="B847" t="s">
        <v>722</v>
      </c>
      <c r="C847" t="s">
        <v>16</v>
      </c>
      <c r="D847" t="s">
        <v>10</v>
      </c>
      <c r="E847" t="s">
        <v>11</v>
      </c>
      <c r="F847" s="2">
        <v>1</v>
      </c>
      <c r="G847" t="s">
        <v>194</v>
      </c>
      <c r="H847" t="s">
        <v>13</v>
      </c>
    </row>
    <row r="848" spans="1:8" x14ac:dyDescent="0.25">
      <c r="A848" s="1">
        <v>45326</v>
      </c>
      <c r="B848" t="s">
        <v>722</v>
      </c>
      <c r="C848" t="s">
        <v>47</v>
      </c>
      <c r="D848" t="s">
        <v>10</v>
      </c>
      <c r="E848" t="s">
        <v>11</v>
      </c>
      <c r="F848" s="2">
        <v>1</v>
      </c>
      <c r="G848" t="s">
        <v>194</v>
      </c>
      <c r="H848" t="s">
        <v>13</v>
      </c>
    </row>
    <row r="849" spans="1:8" x14ac:dyDescent="0.25">
      <c r="A849" s="1">
        <v>45326</v>
      </c>
      <c r="B849" t="s">
        <v>723</v>
      </c>
      <c r="C849" t="s">
        <v>627</v>
      </c>
      <c r="D849" t="s">
        <v>26</v>
      </c>
      <c r="E849" t="s">
        <v>11</v>
      </c>
      <c r="F849" s="2">
        <v>1</v>
      </c>
      <c r="G849" t="s">
        <v>31</v>
      </c>
      <c r="H849" t="s">
        <v>13</v>
      </c>
    </row>
    <row r="850" spans="1:8" x14ac:dyDescent="0.25">
      <c r="A850" s="1">
        <v>45324</v>
      </c>
      <c r="B850" t="s">
        <v>724</v>
      </c>
      <c r="C850" t="s">
        <v>9</v>
      </c>
      <c r="D850" t="s">
        <v>10</v>
      </c>
      <c r="E850" t="s">
        <v>11</v>
      </c>
      <c r="F850" s="2">
        <v>1</v>
      </c>
      <c r="G850" t="s">
        <v>100</v>
      </c>
      <c r="H850" t="s">
        <v>13</v>
      </c>
    </row>
    <row r="851" spans="1:8" x14ac:dyDescent="0.25">
      <c r="A851" s="1">
        <v>45324</v>
      </c>
      <c r="B851" t="s">
        <v>724</v>
      </c>
      <c r="C851" t="s">
        <v>28</v>
      </c>
      <c r="D851" t="s">
        <v>10</v>
      </c>
      <c r="E851" t="s">
        <v>11</v>
      </c>
      <c r="F851" s="2">
        <v>1</v>
      </c>
      <c r="G851" t="s">
        <v>100</v>
      </c>
      <c r="H851" t="s">
        <v>13</v>
      </c>
    </row>
    <row r="852" spans="1:8" x14ac:dyDescent="0.25">
      <c r="A852" s="1">
        <v>45324</v>
      </c>
      <c r="B852" t="s">
        <v>724</v>
      </c>
      <c r="C852" t="s">
        <v>29</v>
      </c>
      <c r="D852" t="s">
        <v>10</v>
      </c>
      <c r="E852" t="s">
        <v>11</v>
      </c>
      <c r="F852" s="2">
        <v>1</v>
      </c>
      <c r="G852" t="s">
        <v>100</v>
      </c>
      <c r="H852" t="s">
        <v>13</v>
      </c>
    </row>
    <row r="853" spans="1:8" x14ac:dyDescent="0.25">
      <c r="A853" s="1">
        <v>45324</v>
      </c>
      <c r="B853" t="s">
        <v>724</v>
      </c>
      <c r="C853" t="s">
        <v>35</v>
      </c>
      <c r="D853" t="s">
        <v>10</v>
      </c>
      <c r="E853" t="s">
        <v>11</v>
      </c>
      <c r="F853" s="2">
        <v>1</v>
      </c>
      <c r="G853" t="s">
        <v>100</v>
      </c>
      <c r="H853" t="s">
        <v>13</v>
      </c>
    </row>
    <row r="854" spans="1:8" x14ac:dyDescent="0.25">
      <c r="A854" s="1">
        <v>45323</v>
      </c>
      <c r="B854" t="s">
        <v>725</v>
      </c>
      <c r="C854" t="s">
        <v>115</v>
      </c>
      <c r="D854" t="s">
        <v>10</v>
      </c>
      <c r="E854" t="s">
        <v>11</v>
      </c>
      <c r="F854" s="2">
        <v>1</v>
      </c>
      <c r="G854" t="s">
        <v>61</v>
      </c>
      <c r="H854" t="s">
        <v>13</v>
      </c>
    </row>
    <row r="855" spans="1:8" x14ac:dyDescent="0.25">
      <c r="A855" s="1">
        <v>45322</v>
      </c>
      <c r="B855" t="s">
        <v>726</v>
      </c>
      <c r="C855" t="s">
        <v>79</v>
      </c>
      <c r="D855" t="s">
        <v>10</v>
      </c>
      <c r="E855" t="s">
        <v>11</v>
      </c>
      <c r="F855" s="2">
        <v>1</v>
      </c>
      <c r="G855" t="s">
        <v>596</v>
      </c>
      <c r="H855" t="s">
        <v>13</v>
      </c>
    </row>
    <row r="856" spans="1:8" x14ac:dyDescent="0.25">
      <c r="A856" s="1">
        <v>45322</v>
      </c>
      <c r="B856" t="s">
        <v>726</v>
      </c>
      <c r="C856" t="s">
        <v>80</v>
      </c>
      <c r="D856" t="s">
        <v>10</v>
      </c>
      <c r="E856" t="s">
        <v>11</v>
      </c>
      <c r="F856" s="2">
        <v>1</v>
      </c>
      <c r="G856" t="s">
        <v>596</v>
      </c>
      <c r="H856" t="s">
        <v>13</v>
      </c>
    </row>
    <row r="857" spans="1:8" x14ac:dyDescent="0.25">
      <c r="A857" s="1">
        <v>45322</v>
      </c>
      <c r="B857" t="s">
        <v>727</v>
      </c>
      <c r="C857" t="s">
        <v>9</v>
      </c>
      <c r="D857" t="s">
        <v>10</v>
      </c>
      <c r="E857" t="s">
        <v>11</v>
      </c>
      <c r="F857" s="2">
        <v>1</v>
      </c>
      <c r="G857" t="s">
        <v>165</v>
      </c>
      <c r="H857" t="s">
        <v>13</v>
      </c>
    </row>
    <row r="858" spans="1:8" x14ac:dyDescent="0.25">
      <c r="A858" s="1">
        <v>45318</v>
      </c>
      <c r="B858" t="s">
        <v>728</v>
      </c>
      <c r="C858" t="s">
        <v>416</v>
      </c>
      <c r="D858" t="s">
        <v>10</v>
      </c>
      <c r="E858" t="s">
        <v>11</v>
      </c>
      <c r="F858" s="2">
        <v>1</v>
      </c>
      <c r="G858" t="s">
        <v>135</v>
      </c>
      <c r="H858" t="s">
        <v>13</v>
      </c>
    </row>
    <row r="859" spans="1:8" x14ac:dyDescent="0.25">
      <c r="A859" s="1">
        <v>45318</v>
      </c>
      <c r="B859" t="s">
        <v>729</v>
      </c>
      <c r="C859" t="s">
        <v>52</v>
      </c>
      <c r="D859" t="s">
        <v>10</v>
      </c>
      <c r="E859" t="s">
        <v>11</v>
      </c>
      <c r="F859" s="2">
        <v>1</v>
      </c>
      <c r="G859" t="s">
        <v>20</v>
      </c>
      <c r="H859" t="s">
        <v>13</v>
      </c>
    </row>
    <row r="860" spans="1:8" x14ac:dyDescent="0.25">
      <c r="A860" s="1">
        <v>45318</v>
      </c>
      <c r="B860" t="s">
        <v>729</v>
      </c>
      <c r="C860" t="s">
        <v>14</v>
      </c>
      <c r="D860" t="s">
        <v>10</v>
      </c>
      <c r="E860" t="s">
        <v>11</v>
      </c>
      <c r="F860" s="2">
        <v>1</v>
      </c>
      <c r="G860" t="s">
        <v>20</v>
      </c>
      <c r="H860" t="s">
        <v>13</v>
      </c>
    </row>
    <row r="861" spans="1:8" x14ac:dyDescent="0.25">
      <c r="A861" s="1">
        <v>45318</v>
      </c>
      <c r="B861" t="s">
        <v>730</v>
      </c>
      <c r="C861" t="s">
        <v>731</v>
      </c>
      <c r="D861" t="s">
        <v>10</v>
      </c>
      <c r="E861" t="s">
        <v>11</v>
      </c>
      <c r="F861" s="2">
        <v>1</v>
      </c>
      <c r="G861" t="s">
        <v>483</v>
      </c>
      <c r="H861" t="s">
        <v>13</v>
      </c>
    </row>
    <row r="862" spans="1:8" x14ac:dyDescent="0.25">
      <c r="A862" s="1">
        <v>45318</v>
      </c>
      <c r="B862" t="s">
        <v>732</v>
      </c>
      <c r="C862" t="s">
        <v>79</v>
      </c>
      <c r="D862" t="s">
        <v>10</v>
      </c>
      <c r="E862" t="s">
        <v>11</v>
      </c>
      <c r="F862" s="2">
        <v>1</v>
      </c>
      <c r="G862" t="s">
        <v>20</v>
      </c>
      <c r="H862" t="s">
        <v>13</v>
      </c>
    </row>
    <row r="863" spans="1:8" x14ac:dyDescent="0.25">
      <c r="A863" s="1">
        <v>45317</v>
      </c>
      <c r="B863" t="s">
        <v>733</v>
      </c>
      <c r="C863" t="s">
        <v>47</v>
      </c>
      <c r="D863" t="s">
        <v>10</v>
      </c>
      <c r="E863" t="s">
        <v>11</v>
      </c>
      <c r="F863" s="2">
        <v>1</v>
      </c>
      <c r="G863" t="s">
        <v>181</v>
      </c>
      <c r="H863" t="s">
        <v>13</v>
      </c>
    </row>
    <row r="864" spans="1:8" x14ac:dyDescent="0.25">
      <c r="A864" s="1">
        <v>45317</v>
      </c>
      <c r="B864" t="s">
        <v>734</v>
      </c>
      <c r="C864" t="s">
        <v>19</v>
      </c>
      <c r="D864" t="s">
        <v>10</v>
      </c>
      <c r="E864" t="s">
        <v>11</v>
      </c>
      <c r="F864" s="2">
        <v>1</v>
      </c>
      <c r="G864" t="s">
        <v>83</v>
      </c>
      <c r="H864" t="s">
        <v>13</v>
      </c>
    </row>
    <row r="865" spans="1:8" x14ac:dyDescent="0.25">
      <c r="A865" s="1">
        <v>45316</v>
      </c>
      <c r="B865" t="s">
        <v>735</v>
      </c>
      <c r="C865" t="s">
        <v>19</v>
      </c>
      <c r="D865" t="s">
        <v>10</v>
      </c>
      <c r="E865" t="s">
        <v>11</v>
      </c>
      <c r="F865" s="2">
        <v>1</v>
      </c>
      <c r="G865" t="s">
        <v>100</v>
      </c>
      <c r="H865" t="s">
        <v>13</v>
      </c>
    </row>
    <row r="866" spans="1:8" x14ac:dyDescent="0.25">
      <c r="A866" s="1">
        <v>45315</v>
      </c>
      <c r="B866" t="s">
        <v>736</v>
      </c>
      <c r="C866" t="s">
        <v>35</v>
      </c>
      <c r="D866" t="s">
        <v>10</v>
      </c>
      <c r="E866" t="s">
        <v>11</v>
      </c>
      <c r="F866" s="2">
        <v>1</v>
      </c>
      <c r="G866" t="s">
        <v>53</v>
      </c>
      <c r="H866" t="s">
        <v>13</v>
      </c>
    </row>
    <row r="867" spans="1:8" x14ac:dyDescent="0.25">
      <c r="A867" s="1">
        <v>45315</v>
      </c>
      <c r="B867" t="s">
        <v>736</v>
      </c>
      <c r="C867" t="s">
        <v>207</v>
      </c>
      <c r="D867" t="s">
        <v>10</v>
      </c>
      <c r="E867" t="s">
        <v>11</v>
      </c>
      <c r="F867" s="2">
        <v>1</v>
      </c>
      <c r="G867" t="s">
        <v>53</v>
      </c>
      <c r="H867" t="s">
        <v>13</v>
      </c>
    </row>
    <row r="868" spans="1:8" x14ac:dyDescent="0.25">
      <c r="A868" s="1">
        <v>45315</v>
      </c>
      <c r="B868" t="s">
        <v>737</v>
      </c>
      <c r="C868" t="s">
        <v>47</v>
      </c>
      <c r="D868" t="s">
        <v>10</v>
      </c>
      <c r="E868" t="s">
        <v>11</v>
      </c>
      <c r="F868" s="2">
        <v>1</v>
      </c>
      <c r="G868" t="s">
        <v>157</v>
      </c>
      <c r="H868" t="s">
        <v>13</v>
      </c>
    </row>
    <row r="869" spans="1:8" x14ac:dyDescent="0.25">
      <c r="A869" s="1">
        <v>45314</v>
      </c>
      <c r="B869" t="s">
        <v>738</v>
      </c>
      <c r="C869" t="s">
        <v>9</v>
      </c>
      <c r="D869" t="s">
        <v>10</v>
      </c>
      <c r="E869" t="s">
        <v>11</v>
      </c>
      <c r="F869" s="2">
        <v>1</v>
      </c>
      <c r="G869" t="s">
        <v>739</v>
      </c>
      <c r="H869" t="s">
        <v>13</v>
      </c>
    </row>
    <row r="870" spans="1:8" x14ac:dyDescent="0.25">
      <c r="A870" s="1">
        <v>45314</v>
      </c>
      <c r="B870" t="s">
        <v>740</v>
      </c>
      <c r="C870" t="s">
        <v>74</v>
      </c>
      <c r="D870" t="s">
        <v>10</v>
      </c>
      <c r="E870" t="s">
        <v>11</v>
      </c>
      <c r="F870" s="2">
        <v>1</v>
      </c>
      <c r="G870" t="s">
        <v>741</v>
      </c>
      <c r="H870" t="s">
        <v>13</v>
      </c>
    </row>
    <row r="871" spans="1:8" x14ac:dyDescent="0.25">
      <c r="A871" s="1">
        <v>45313</v>
      </c>
      <c r="B871" t="s">
        <v>742</v>
      </c>
      <c r="C871" t="s">
        <v>118</v>
      </c>
      <c r="D871" t="s">
        <v>10</v>
      </c>
      <c r="E871" t="s">
        <v>11</v>
      </c>
      <c r="F871" s="2">
        <v>1</v>
      </c>
      <c r="G871" t="s">
        <v>553</v>
      </c>
      <c r="H871" t="s">
        <v>13</v>
      </c>
    </row>
    <row r="872" spans="1:8" x14ac:dyDescent="0.25">
      <c r="A872" s="1">
        <v>45313</v>
      </c>
      <c r="B872" t="s">
        <v>742</v>
      </c>
      <c r="C872" t="s">
        <v>118</v>
      </c>
      <c r="D872" t="s">
        <v>10</v>
      </c>
      <c r="E872" t="s">
        <v>11</v>
      </c>
      <c r="F872" s="2">
        <v>1</v>
      </c>
      <c r="G872" t="s">
        <v>553</v>
      </c>
      <c r="H872" t="s">
        <v>13</v>
      </c>
    </row>
    <row r="873" spans="1:8" x14ac:dyDescent="0.25">
      <c r="A873" s="1">
        <v>45313</v>
      </c>
      <c r="B873" t="s">
        <v>742</v>
      </c>
      <c r="C873" t="s">
        <v>142</v>
      </c>
      <c r="D873" t="s">
        <v>10</v>
      </c>
      <c r="E873" t="s">
        <v>11</v>
      </c>
      <c r="F873" s="2">
        <v>1</v>
      </c>
      <c r="G873" t="s">
        <v>553</v>
      </c>
      <c r="H873" t="s">
        <v>13</v>
      </c>
    </row>
    <row r="874" spans="1:8" x14ac:dyDescent="0.25">
      <c r="A874" s="1">
        <v>45313</v>
      </c>
      <c r="B874" t="s">
        <v>742</v>
      </c>
      <c r="C874" t="s">
        <v>142</v>
      </c>
      <c r="D874" t="s">
        <v>10</v>
      </c>
      <c r="E874" t="s">
        <v>11</v>
      </c>
      <c r="F874" s="2">
        <v>1</v>
      </c>
      <c r="G874" t="s">
        <v>553</v>
      </c>
      <c r="H874" t="s">
        <v>13</v>
      </c>
    </row>
    <row r="875" spans="1:8" x14ac:dyDescent="0.25">
      <c r="A875" s="1">
        <v>45313</v>
      </c>
      <c r="B875" t="s">
        <v>742</v>
      </c>
      <c r="C875" t="s">
        <v>29</v>
      </c>
      <c r="D875" t="s">
        <v>10</v>
      </c>
      <c r="E875" t="s">
        <v>11</v>
      </c>
      <c r="F875" s="2">
        <v>1</v>
      </c>
      <c r="G875" t="s">
        <v>553</v>
      </c>
      <c r="H875" t="s">
        <v>13</v>
      </c>
    </row>
    <row r="876" spans="1:8" x14ac:dyDescent="0.25">
      <c r="A876" s="1">
        <v>45313</v>
      </c>
      <c r="B876" t="s">
        <v>742</v>
      </c>
      <c r="C876" t="s">
        <v>29</v>
      </c>
      <c r="D876" t="s">
        <v>10</v>
      </c>
      <c r="E876" t="s">
        <v>11</v>
      </c>
      <c r="F876" s="2">
        <v>1</v>
      </c>
      <c r="G876" t="s">
        <v>553</v>
      </c>
      <c r="H876" t="s">
        <v>13</v>
      </c>
    </row>
    <row r="877" spans="1:8" x14ac:dyDescent="0.25">
      <c r="A877" s="1">
        <v>45313</v>
      </c>
      <c r="B877" t="s">
        <v>742</v>
      </c>
      <c r="C877" t="s">
        <v>151</v>
      </c>
      <c r="D877" t="s">
        <v>10</v>
      </c>
      <c r="E877" t="s">
        <v>11</v>
      </c>
      <c r="F877" s="2">
        <v>1</v>
      </c>
      <c r="G877" t="s">
        <v>553</v>
      </c>
      <c r="H877" t="s">
        <v>13</v>
      </c>
    </row>
    <row r="878" spans="1:8" x14ac:dyDescent="0.25">
      <c r="A878" s="1">
        <v>45313</v>
      </c>
      <c r="B878" t="s">
        <v>742</v>
      </c>
      <c r="C878" t="s">
        <v>151</v>
      </c>
      <c r="D878" t="s">
        <v>10</v>
      </c>
      <c r="E878" t="s">
        <v>11</v>
      </c>
      <c r="F878" s="2">
        <v>1</v>
      </c>
      <c r="G878" t="s">
        <v>553</v>
      </c>
      <c r="H878" t="s">
        <v>13</v>
      </c>
    </row>
    <row r="879" spans="1:8" x14ac:dyDescent="0.25">
      <c r="A879" s="1">
        <v>45313</v>
      </c>
      <c r="B879" t="s">
        <v>743</v>
      </c>
      <c r="C879" t="s">
        <v>14</v>
      </c>
      <c r="D879" t="s">
        <v>10</v>
      </c>
      <c r="E879" t="s">
        <v>11</v>
      </c>
      <c r="F879" s="2">
        <v>1</v>
      </c>
      <c r="G879" t="s">
        <v>20</v>
      </c>
      <c r="H879" t="s">
        <v>13</v>
      </c>
    </row>
    <row r="880" spans="1:8" x14ac:dyDescent="0.25">
      <c r="A880" s="1">
        <v>45313</v>
      </c>
      <c r="B880" t="s">
        <v>744</v>
      </c>
      <c r="C880" t="s">
        <v>34</v>
      </c>
      <c r="D880" t="s">
        <v>10</v>
      </c>
      <c r="E880" t="s">
        <v>11</v>
      </c>
      <c r="F880" s="2">
        <v>1</v>
      </c>
      <c r="G880" t="s">
        <v>72</v>
      </c>
      <c r="H880" t="s">
        <v>13</v>
      </c>
    </row>
    <row r="881" spans="1:8" x14ac:dyDescent="0.25">
      <c r="A881" s="1">
        <v>45312</v>
      </c>
      <c r="B881" t="s">
        <v>745</v>
      </c>
      <c r="C881" t="s">
        <v>47</v>
      </c>
      <c r="D881" t="s">
        <v>10</v>
      </c>
      <c r="E881" t="s">
        <v>11</v>
      </c>
      <c r="F881" s="2">
        <v>1</v>
      </c>
      <c r="G881" t="s">
        <v>181</v>
      </c>
      <c r="H881" t="s">
        <v>13</v>
      </c>
    </row>
    <row r="882" spans="1:8" x14ac:dyDescent="0.25">
      <c r="A882" s="1">
        <v>45312</v>
      </c>
      <c r="B882" t="s">
        <v>746</v>
      </c>
      <c r="C882" t="s">
        <v>35</v>
      </c>
      <c r="D882" t="s">
        <v>10</v>
      </c>
      <c r="E882" t="s">
        <v>11</v>
      </c>
      <c r="F882" s="2">
        <v>1</v>
      </c>
      <c r="G882" t="s">
        <v>46</v>
      </c>
      <c r="H882" t="s">
        <v>13</v>
      </c>
    </row>
    <row r="883" spans="1:8" x14ac:dyDescent="0.25">
      <c r="A883" s="1">
        <v>45309</v>
      </c>
      <c r="B883" t="s">
        <v>747</v>
      </c>
      <c r="C883" t="s">
        <v>174</v>
      </c>
      <c r="D883" t="s">
        <v>10</v>
      </c>
      <c r="E883" t="s">
        <v>11</v>
      </c>
      <c r="F883" s="2">
        <v>1</v>
      </c>
      <c r="G883" t="s">
        <v>748</v>
      </c>
      <c r="H883" t="s">
        <v>13</v>
      </c>
    </row>
    <row r="884" spans="1:8" x14ac:dyDescent="0.25">
      <c r="A884" s="1">
        <v>45308</v>
      </c>
      <c r="B884" t="s">
        <v>749</v>
      </c>
      <c r="C884" t="s">
        <v>9</v>
      </c>
      <c r="D884" t="s">
        <v>26</v>
      </c>
      <c r="E884" t="s">
        <v>11</v>
      </c>
      <c r="F884" s="2">
        <v>1</v>
      </c>
      <c r="G884" t="s">
        <v>46</v>
      </c>
      <c r="H884" t="s">
        <v>13</v>
      </c>
    </row>
    <row r="885" spans="1:8" x14ac:dyDescent="0.25">
      <c r="A885" s="1">
        <v>45308</v>
      </c>
      <c r="B885" t="s">
        <v>749</v>
      </c>
      <c r="C885" t="s">
        <v>47</v>
      </c>
      <c r="D885" t="s">
        <v>26</v>
      </c>
      <c r="E885" t="s">
        <v>11</v>
      </c>
      <c r="F885" s="2">
        <v>1</v>
      </c>
      <c r="G885" t="s">
        <v>46</v>
      </c>
      <c r="H885" t="s">
        <v>13</v>
      </c>
    </row>
    <row r="886" spans="1:8" x14ac:dyDescent="0.25">
      <c r="A886" s="1">
        <v>45308</v>
      </c>
      <c r="B886" t="s">
        <v>749</v>
      </c>
      <c r="C886" t="s">
        <v>65</v>
      </c>
      <c r="D886" t="s">
        <v>26</v>
      </c>
      <c r="E886" t="s">
        <v>11</v>
      </c>
      <c r="F886" s="2">
        <v>1</v>
      </c>
      <c r="G886" t="s">
        <v>46</v>
      </c>
      <c r="H886" t="s">
        <v>13</v>
      </c>
    </row>
    <row r="887" spans="1:8" x14ac:dyDescent="0.25">
      <c r="A887" s="1">
        <v>45307</v>
      </c>
      <c r="B887" t="s">
        <v>750</v>
      </c>
      <c r="C887" t="s">
        <v>142</v>
      </c>
      <c r="D887" t="s">
        <v>10</v>
      </c>
      <c r="E887" t="s">
        <v>11</v>
      </c>
      <c r="F887" s="2">
        <v>1</v>
      </c>
      <c r="G887" t="s">
        <v>93</v>
      </c>
      <c r="H887" t="s">
        <v>13</v>
      </c>
    </row>
    <row r="888" spans="1:8" x14ac:dyDescent="0.25">
      <c r="A888" s="1">
        <v>45307</v>
      </c>
      <c r="B888" t="s">
        <v>750</v>
      </c>
      <c r="C888" t="s">
        <v>16</v>
      </c>
      <c r="D888" t="s">
        <v>10</v>
      </c>
      <c r="E888" t="s">
        <v>11</v>
      </c>
      <c r="F888" s="2">
        <v>1</v>
      </c>
      <c r="G888" t="s">
        <v>93</v>
      </c>
      <c r="H888" t="s">
        <v>13</v>
      </c>
    </row>
    <row r="889" spans="1:8" x14ac:dyDescent="0.25">
      <c r="A889" s="1">
        <v>45307</v>
      </c>
      <c r="B889" t="s">
        <v>750</v>
      </c>
      <c r="C889" t="s">
        <v>413</v>
      </c>
      <c r="D889" t="s">
        <v>10</v>
      </c>
      <c r="E889" t="s">
        <v>11</v>
      </c>
      <c r="F889" s="2">
        <v>1</v>
      </c>
      <c r="G889" t="s">
        <v>93</v>
      </c>
      <c r="H889" t="s">
        <v>13</v>
      </c>
    </row>
    <row r="890" spans="1:8" x14ac:dyDescent="0.25">
      <c r="A890" s="1">
        <v>45307</v>
      </c>
      <c r="B890" t="s">
        <v>751</v>
      </c>
      <c r="C890" t="s">
        <v>47</v>
      </c>
      <c r="D890" t="s">
        <v>10</v>
      </c>
      <c r="E890" t="s">
        <v>11</v>
      </c>
      <c r="F890" s="2">
        <v>1</v>
      </c>
      <c r="G890" t="s">
        <v>31</v>
      </c>
      <c r="H890" t="s">
        <v>13</v>
      </c>
    </row>
    <row r="891" spans="1:8" x14ac:dyDescent="0.25">
      <c r="A891" s="1">
        <v>45306</v>
      </c>
      <c r="B891" t="s">
        <v>752</v>
      </c>
      <c r="C891" t="s">
        <v>16</v>
      </c>
      <c r="D891" t="s">
        <v>10</v>
      </c>
      <c r="E891" t="s">
        <v>11</v>
      </c>
      <c r="F891" s="2">
        <v>1</v>
      </c>
      <c r="G891" t="s">
        <v>172</v>
      </c>
      <c r="H891" t="s">
        <v>13</v>
      </c>
    </row>
    <row r="892" spans="1:8" x14ac:dyDescent="0.25">
      <c r="A892" s="1">
        <v>45306</v>
      </c>
      <c r="B892" t="s">
        <v>752</v>
      </c>
      <c r="C892" t="s">
        <v>47</v>
      </c>
      <c r="D892" t="s">
        <v>10</v>
      </c>
      <c r="E892" t="s">
        <v>11</v>
      </c>
      <c r="F892" s="2">
        <v>1</v>
      </c>
      <c r="G892" t="s">
        <v>172</v>
      </c>
      <c r="H892" t="s">
        <v>13</v>
      </c>
    </row>
    <row r="893" spans="1:8" x14ac:dyDescent="0.25">
      <c r="A893" s="1">
        <v>45306</v>
      </c>
      <c r="B893" t="s">
        <v>753</v>
      </c>
      <c r="C893" t="s">
        <v>47</v>
      </c>
      <c r="D893" t="s">
        <v>10</v>
      </c>
      <c r="E893" t="s">
        <v>11</v>
      </c>
      <c r="F893" s="2">
        <v>1</v>
      </c>
      <c r="G893" t="s">
        <v>135</v>
      </c>
      <c r="H893" t="s">
        <v>13</v>
      </c>
    </row>
    <row r="894" spans="1:8" x14ac:dyDescent="0.25">
      <c r="A894" s="1">
        <v>45304</v>
      </c>
      <c r="B894" t="s">
        <v>754</v>
      </c>
      <c r="C894" t="s">
        <v>19</v>
      </c>
      <c r="D894" t="s">
        <v>10</v>
      </c>
      <c r="E894" t="s">
        <v>11</v>
      </c>
      <c r="F894" s="2">
        <v>1</v>
      </c>
      <c r="G894" t="s">
        <v>100</v>
      </c>
      <c r="H894" t="s">
        <v>13</v>
      </c>
    </row>
    <row r="895" spans="1:8" x14ac:dyDescent="0.25">
      <c r="A895" s="1">
        <v>45304</v>
      </c>
      <c r="B895" t="s">
        <v>755</v>
      </c>
      <c r="C895" t="s">
        <v>28</v>
      </c>
      <c r="D895" t="s">
        <v>10</v>
      </c>
      <c r="E895" t="s">
        <v>11</v>
      </c>
      <c r="F895" s="2">
        <v>1</v>
      </c>
      <c r="G895" t="s">
        <v>100</v>
      </c>
      <c r="H895" t="s">
        <v>13</v>
      </c>
    </row>
    <row r="896" spans="1:8" x14ac:dyDescent="0.25">
      <c r="A896" s="1">
        <v>45304</v>
      </c>
      <c r="B896" t="s">
        <v>755</v>
      </c>
      <c r="C896" t="s">
        <v>29</v>
      </c>
      <c r="D896" t="s">
        <v>10</v>
      </c>
      <c r="E896" t="s">
        <v>11</v>
      </c>
      <c r="F896" s="2">
        <v>1</v>
      </c>
      <c r="G896" t="s">
        <v>100</v>
      </c>
      <c r="H896" t="s">
        <v>13</v>
      </c>
    </row>
    <row r="897" spans="1:8" x14ac:dyDescent="0.25">
      <c r="A897" s="1">
        <v>45303</v>
      </c>
      <c r="B897" t="s">
        <v>756</v>
      </c>
      <c r="C897" t="s">
        <v>74</v>
      </c>
      <c r="D897" t="s">
        <v>10</v>
      </c>
      <c r="E897" t="s">
        <v>11</v>
      </c>
      <c r="F897" s="2">
        <v>1</v>
      </c>
      <c r="G897" t="s">
        <v>72</v>
      </c>
      <c r="H897" t="s">
        <v>13</v>
      </c>
    </row>
    <row r="898" spans="1:8" x14ac:dyDescent="0.25">
      <c r="A898" s="1">
        <v>45303</v>
      </c>
      <c r="B898" t="s">
        <v>757</v>
      </c>
      <c r="C898" t="s">
        <v>282</v>
      </c>
      <c r="D898" t="s">
        <v>10</v>
      </c>
      <c r="E898" t="s">
        <v>11</v>
      </c>
      <c r="F898" s="2">
        <v>1</v>
      </c>
      <c r="G898" t="s">
        <v>72</v>
      </c>
      <c r="H898" t="s">
        <v>13</v>
      </c>
    </row>
    <row r="899" spans="1:8" x14ac:dyDescent="0.25">
      <c r="A899" s="1">
        <v>45303</v>
      </c>
      <c r="B899" t="s">
        <v>758</v>
      </c>
      <c r="C899" t="s">
        <v>9</v>
      </c>
      <c r="D899" t="s">
        <v>10</v>
      </c>
      <c r="E899" t="s">
        <v>11</v>
      </c>
      <c r="F899" s="2">
        <v>1</v>
      </c>
      <c r="G899" t="s">
        <v>37</v>
      </c>
      <c r="H899" t="s">
        <v>13</v>
      </c>
    </row>
    <row r="900" spans="1:8" x14ac:dyDescent="0.25">
      <c r="A900" s="1">
        <v>45303</v>
      </c>
      <c r="B900" t="s">
        <v>759</v>
      </c>
      <c r="C900" t="s">
        <v>96</v>
      </c>
      <c r="D900" t="s">
        <v>10</v>
      </c>
      <c r="E900" t="s">
        <v>11</v>
      </c>
      <c r="F900" s="2">
        <v>1</v>
      </c>
      <c r="G900" t="s">
        <v>197</v>
      </c>
      <c r="H900" t="s">
        <v>13</v>
      </c>
    </row>
    <row r="901" spans="1:8" x14ac:dyDescent="0.25">
      <c r="A901" s="1">
        <v>45302</v>
      </c>
      <c r="B901" t="s">
        <v>760</v>
      </c>
      <c r="C901" t="s">
        <v>174</v>
      </c>
      <c r="D901" t="s">
        <v>10</v>
      </c>
      <c r="E901" t="s">
        <v>11</v>
      </c>
      <c r="F901" s="2">
        <v>1</v>
      </c>
      <c r="G901" t="s">
        <v>701</v>
      </c>
      <c r="H901" t="s">
        <v>13</v>
      </c>
    </row>
    <row r="902" spans="1:8" x14ac:dyDescent="0.25">
      <c r="A902" s="1">
        <v>45301</v>
      </c>
      <c r="B902" t="s">
        <v>761</v>
      </c>
      <c r="C902" t="s">
        <v>9</v>
      </c>
      <c r="D902" t="s">
        <v>10</v>
      </c>
      <c r="E902" t="s">
        <v>11</v>
      </c>
      <c r="F902" s="2">
        <v>1</v>
      </c>
      <c r="G902" t="s">
        <v>72</v>
      </c>
      <c r="H902" t="s">
        <v>13</v>
      </c>
    </row>
    <row r="903" spans="1:8" x14ac:dyDescent="0.25">
      <c r="A903" s="1">
        <v>45301</v>
      </c>
      <c r="B903" t="s">
        <v>761</v>
      </c>
      <c r="C903" t="s">
        <v>52</v>
      </c>
      <c r="D903" t="s">
        <v>10</v>
      </c>
      <c r="E903" t="s">
        <v>11</v>
      </c>
      <c r="F903" s="2">
        <v>1</v>
      </c>
      <c r="G903" t="s">
        <v>72</v>
      </c>
      <c r="H903" t="s">
        <v>13</v>
      </c>
    </row>
    <row r="904" spans="1:8" x14ac:dyDescent="0.25">
      <c r="A904" s="1">
        <v>45301</v>
      </c>
      <c r="B904" t="s">
        <v>761</v>
      </c>
      <c r="C904" t="s">
        <v>762</v>
      </c>
      <c r="D904" t="s">
        <v>10</v>
      </c>
      <c r="E904" t="s">
        <v>11</v>
      </c>
      <c r="F904" s="2">
        <v>1</v>
      </c>
      <c r="G904" t="s">
        <v>72</v>
      </c>
      <c r="H904" t="s">
        <v>13</v>
      </c>
    </row>
    <row r="905" spans="1:8" x14ac:dyDescent="0.25">
      <c r="A905" s="1">
        <v>45301</v>
      </c>
      <c r="B905" t="s">
        <v>763</v>
      </c>
      <c r="C905" t="s">
        <v>79</v>
      </c>
      <c r="D905" t="s">
        <v>10</v>
      </c>
      <c r="E905" t="s">
        <v>11</v>
      </c>
      <c r="F905" s="2">
        <v>1</v>
      </c>
      <c r="G905" t="s">
        <v>63</v>
      </c>
      <c r="H905" t="s">
        <v>13</v>
      </c>
    </row>
    <row r="906" spans="1:8" x14ac:dyDescent="0.25">
      <c r="A906" s="1">
        <v>45301</v>
      </c>
      <c r="B906" t="s">
        <v>764</v>
      </c>
      <c r="C906" t="s">
        <v>9</v>
      </c>
      <c r="D906" t="s">
        <v>10</v>
      </c>
      <c r="E906" t="s">
        <v>11</v>
      </c>
      <c r="F906" s="2">
        <v>1</v>
      </c>
      <c r="G906" t="s">
        <v>765</v>
      </c>
      <c r="H906" t="s">
        <v>13</v>
      </c>
    </row>
    <row r="907" spans="1:8" x14ac:dyDescent="0.25">
      <c r="A907" s="1">
        <v>45300</v>
      </c>
      <c r="B907" t="s">
        <v>766</v>
      </c>
      <c r="C907" t="s">
        <v>19</v>
      </c>
      <c r="D907" t="s">
        <v>10</v>
      </c>
      <c r="E907" t="s">
        <v>11</v>
      </c>
      <c r="F907" s="2">
        <v>1</v>
      </c>
      <c r="G907" t="s">
        <v>44</v>
      </c>
      <c r="H907" t="s">
        <v>13</v>
      </c>
    </row>
    <row r="908" spans="1:8" x14ac:dyDescent="0.25">
      <c r="A908" s="1">
        <v>45300</v>
      </c>
      <c r="B908" t="s">
        <v>766</v>
      </c>
      <c r="C908" t="s">
        <v>103</v>
      </c>
      <c r="D908" t="s">
        <v>10</v>
      </c>
      <c r="E908" t="s">
        <v>11</v>
      </c>
      <c r="F908" s="2">
        <v>1</v>
      </c>
      <c r="G908" t="s">
        <v>44</v>
      </c>
      <c r="H908" t="s">
        <v>13</v>
      </c>
    </row>
    <row r="909" spans="1:8" x14ac:dyDescent="0.25">
      <c r="A909" s="1">
        <v>45300</v>
      </c>
      <c r="B909" t="s">
        <v>767</v>
      </c>
      <c r="C909" t="s">
        <v>9</v>
      </c>
      <c r="D909" t="s">
        <v>10</v>
      </c>
      <c r="E909" t="s">
        <v>11</v>
      </c>
      <c r="F909" s="2">
        <v>1</v>
      </c>
      <c r="G909" t="s">
        <v>768</v>
      </c>
      <c r="H909" t="s">
        <v>13</v>
      </c>
    </row>
    <row r="910" spans="1:8" x14ac:dyDescent="0.25">
      <c r="A910" s="1">
        <v>45300</v>
      </c>
      <c r="B910" t="s">
        <v>769</v>
      </c>
      <c r="C910" t="s">
        <v>9</v>
      </c>
      <c r="D910" t="s">
        <v>10</v>
      </c>
      <c r="E910" t="s">
        <v>11</v>
      </c>
      <c r="F910" s="2">
        <v>1</v>
      </c>
      <c r="G910" t="s">
        <v>113</v>
      </c>
      <c r="H910" t="s">
        <v>13</v>
      </c>
    </row>
    <row r="911" spans="1:8" x14ac:dyDescent="0.25">
      <c r="A911" s="1">
        <v>45300</v>
      </c>
      <c r="B911" t="s">
        <v>770</v>
      </c>
      <c r="C911" t="s">
        <v>9</v>
      </c>
      <c r="D911" t="s">
        <v>10</v>
      </c>
      <c r="E911" t="s">
        <v>11</v>
      </c>
      <c r="F911" s="2">
        <v>1</v>
      </c>
      <c r="G911" t="s">
        <v>100</v>
      </c>
      <c r="H911" t="s">
        <v>13</v>
      </c>
    </row>
    <row r="912" spans="1:8" x14ac:dyDescent="0.25">
      <c r="A912" s="1">
        <v>45299</v>
      </c>
      <c r="B912" t="s">
        <v>771</v>
      </c>
      <c r="C912" t="s">
        <v>9</v>
      </c>
      <c r="D912" t="s">
        <v>10</v>
      </c>
      <c r="E912" t="s">
        <v>11</v>
      </c>
      <c r="F912" s="2">
        <v>1</v>
      </c>
      <c r="G912" t="s">
        <v>113</v>
      </c>
      <c r="H912" t="s">
        <v>13</v>
      </c>
    </row>
    <row r="913" spans="1:8" x14ac:dyDescent="0.25">
      <c r="A913" s="1">
        <v>45299</v>
      </c>
      <c r="B913" t="s">
        <v>771</v>
      </c>
      <c r="C913" t="s">
        <v>47</v>
      </c>
      <c r="D913" t="s">
        <v>10</v>
      </c>
      <c r="E913" t="s">
        <v>11</v>
      </c>
      <c r="F913" s="2">
        <v>1</v>
      </c>
      <c r="G913" t="s">
        <v>113</v>
      </c>
      <c r="H913" t="s">
        <v>13</v>
      </c>
    </row>
    <row r="914" spans="1:8" x14ac:dyDescent="0.25">
      <c r="A914" s="1">
        <v>45299</v>
      </c>
      <c r="B914" t="s">
        <v>772</v>
      </c>
      <c r="C914" t="s">
        <v>28</v>
      </c>
      <c r="D914" t="s">
        <v>10</v>
      </c>
      <c r="E914" t="s">
        <v>11</v>
      </c>
      <c r="F914" s="2">
        <v>1</v>
      </c>
      <c r="G914" t="s">
        <v>710</v>
      </c>
      <c r="H914" t="s">
        <v>13</v>
      </c>
    </row>
    <row r="915" spans="1:8" x14ac:dyDescent="0.25">
      <c r="A915" s="1">
        <v>45299</v>
      </c>
      <c r="B915" t="s">
        <v>772</v>
      </c>
      <c r="C915" t="s">
        <v>29</v>
      </c>
      <c r="D915" t="s">
        <v>10</v>
      </c>
      <c r="E915" t="s">
        <v>11</v>
      </c>
      <c r="F915" s="2">
        <v>1</v>
      </c>
      <c r="G915" t="s">
        <v>710</v>
      </c>
      <c r="H915" t="s">
        <v>13</v>
      </c>
    </row>
    <row r="916" spans="1:8" x14ac:dyDescent="0.25">
      <c r="A916" s="1">
        <v>45299</v>
      </c>
      <c r="B916" t="s">
        <v>773</v>
      </c>
      <c r="C916" t="s">
        <v>9</v>
      </c>
      <c r="D916" t="s">
        <v>10</v>
      </c>
      <c r="E916" t="s">
        <v>11</v>
      </c>
      <c r="F916" s="2">
        <v>1</v>
      </c>
      <c r="G916" t="s">
        <v>37</v>
      </c>
      <c r="H916" t="s">
        <v>13</v>
      </c>
    </row>
    <row r="917" spans="1:8" x14ac:dyDescent="0.25">
      <c r="A917" s="1">
        <v>45298</v>
      </c>
      <c r="B917" t="s">
        <v>774</v>
      </c>
      <c r="C917" t="s">
        <v>47</v>
      </c>
      <c r="D917" t="s">
        <v>26</v>
      </c>
      <c r="E917" t="s">
        <v>11</v>
      </c>
      <c r="F917" s="2">
        <v>1</v>
      </c>
      <c r="G917" t="s">
        <v>31</v>
      </c>
      <c r="H917" t="s">
        <v>13</v>
      </c>
    </row>
    <row r="918" spans="1:8" x14ac:dyDescent="0.25">
      <c r="A918" s="1">
        <v>45296</v>
      </c>
      <c r="B918" t="s">
        <v>775</v>
      </c>
      <c r="C918" t="s">
        <v>79</v>
      </c>
      <c r="D918" t="s">
        <v>26</v>
      </c>
      <c r="E918" t="s">
        <v>11</v>
      </c>
      <c r="F918" s="2">
        <v>1</v>
      </c>
      <c r="G918" t="s">
        <v>40</v>
      </c>
      <c r="H918" t="s">
        <v>13</v>
      </c>
    </row>
    <row r="919" spans="1:8" x14ac:dyDescent="0.25">
      <c r="A919" s="1">
        <v>45296</v>
      </c>
      <c r="B919" t="s">
        <v>775</v>
      </c>
      <c r="C919" t="s">
        <v>80</v>
      </c>
      <c r="D919" t="s">
        <v>26</v>
      </c>
      <c r="E919" t="s">
        <v>11</v>
      </c>
      <c r="F919" s="2">
        <v>1</v>
      </c>
      <c r="G919" t="s">
        <v>40</v>
      </c>
      <c r="H919" t="s">
        <v>13</v>
      </c>
    </row>
    <row r="920" spans="1:8" x14ac:dyDescent="0.25">
      <c r="A920" s="1">
        <v>45296</v>
      </c>
      <c r="B920" t="s">
        <v>776</v>
      </c>
      <c r="C920" t="s">
        <v>96</v>
      </c>
      <c r="D920" t="s">
        <v>10</v>
      </c>
      <c r="E920" t="s">
        <v>11</v>
      </c>
      <c r="F920" s="2">
        <v>1</v>
      </c>
      <c r="G920" t="s">
        <v>100</v>
      </c>
      <c r="H920" t="s">
        <v>13</v>
      </c>
    </row>
    <row r="921" spans="1:8" x14ac:dyDescent="0.25">
      <c r="A921" s="1">
        <v>45296</v>
      </c>
      <c r="B921" t="s">
        <v>777</v>
      </c>
      <c r="C921" t="s">
        <v>28</v>
      </c>
      <c r="D921" t="s">
        <v>26</v>
      </c>
      <c r="E921" t="s">
        <v>11</v>
      </c>
      <c r="F921" s="2">
        <v>1</v>
      </c>
      <c r="G921" t="s">
        <v>100</v>
      </c>
      <c r="H921" t="s">
        <v>13</v>
      </c>
    </row>
    <row r="922" spans="1:8" x14ac:dyDescent="0.25">
      <c r="A922" s="1">
        <v>45296</v>
      </c>
      <c r="B922" t="s">
        <v>777</v>
      </c>
      <c r="C922" t="s">
        <v>29</v>
      </c>
      <c r="D922" t="s">
        <v>26</v>
      </c>
      <c r="E922" t="s">
        <v>11</v>
      </c>
      <c r="F922" s="2">
        <v>1</v>
      </c>
      <c r="G922" t="s">
        <v>100</v>
      </c>
      <c r="H922" t="s">
        <v>13</v>
      </c>
    </row>
    <row r="923" spans="1:8" x14ac:dyDescent="0.25">
      <c r="A923" s="1">
        <v>45296</v>
      </c>
      <c r="B923" t="s">
        <v>777</v>
      </c>
      <c r="C923" t="s">
        <v>96</v>
      </c>
      <c r="D923" t="s">
        <v>26</v>
      </c>
      <c r="E923" t="s">
        <v>11</v>
      </c>
      <c r="F923" s="2">
        <v>1</v>
      </c>
      <c r="G923" t="s">
        <v>100</v>
      </c>
      <c r="H923" t="s">
        <v>13</v>
      </c>
    </row>
    <row r="924" spans="1:8" x14ac:dyDescent="0.25">
      <c r="A924" s="1">
        <v>45296</v>
      </c>
      <c r="B924" t="s">
        <v>778</v>
      </c>
      <c r="C924" t="s">
        <v>9</v>
      </c>
      <c r="D924" t="s">
        <v>10</v>
      </c>
      <c r="E924" t="s">
        <v>11</v>
      </c>
      <c r="F924" s="2">
        <v>1</v>
      </c>
      <c r="G924" t="s">
        <v>147</v>
      </c>
      <c r="H924" t="s">
        <v>13</v>
      </c>
    </row>
    <row r="925" spans="1:8" x14ac:dyDescent="0.25">
      <c r="A925" s="1">
        <v>45296</v>
      </c>
      <c r="B925" t="s">
        <v>779</v>
      </c>
      <c r="C925" t="s">
        <v>780</v>
      </c>
      <c r="D925" t="s">
        <v>10</v>
      </c>
      <c r="E925" t="s">
        <v>11</v>
      </c>
      <c r="F925" s="2">
        <v>1</v>
      </c>
      <c r="G925" t="s">
        <v>781</v>
      </c>
      <c r="H925" t="s">
        <v>13</v>
      </c>
    </row>
    <row r="926" spans="1:8" x14ac:dyDescent="0.25">
      <c r="A926" s="1">
        <v>45295</v>
      </c>
      <c r="B926" t="s">
        <v>782</v>
      </c>
      <c r="C926" t="s">
        <v>79</v>
      </c>
      <c r="D926" t="s">
        <v>10</v>
      </c>
      <c r="E926" t="s">
        <v>11</v>
      </c>
      <c r="F926" s="2">
        <v>1</v>
      </c>
      <c r="G926" t="s">
        <v>181</v>
      </c>
      <c r="H926" t="s">
        <v>13</v>
      </c>
    </row>
    <row r="927" spans="1:8" x14ac:dyDescent="0.25">
      <c r="A927" s="1">
        <v>45295</v>
      </c>
      <c r="B927" t="s">
        <v>782</v>
      </c>
      <c r="C927" t="s">
        <v>80</v>
      </c>
      <c r="D927" t="s">
        <v>10</v>
      </c>
      <c r="E927" t="s">
        <v>11</v>
      </c>
      <c r="F927" s="2">
        <v>1</v>
      </c>
      <c r="G927" t="s">
        <v>181</v>
      </c>
      <c r="H927" t="s">
        <v>13</v>
      </c>
    </row>
    <row r="928" spans="1:8" x14ac:dyDescent="0.25">
      <c r="A928" s="1">
        <v>45295</v>
      </c>
      <c r="B928" t="s">
        <v>783</v>
      </c>
      <c r="C928" t="s">
        <v>9</v>
      </c>
      <c r="D928" t="s">
        <v>10</v>
      </c>
      <c r="E928" t="s">
        <v>11</v>
      </c>
      <c r="F928" s="2">
        <v>1</v>
      </c>
      <c r="G928" t="s">
        <v>72</v>
      </c>
      <c r="H928" t="s">
        <v>13</v>
      </c>
    </row>
    <row r="929" spans="1:8" x14ac:dyDescent="0.25">
      <c r="A929" s="1">
        <v>45295</v>
      </c>
      <c r="B929" t="s">
        <v>783</v>
      </c>
      <c r="C929" t="s">
        <v>9</v>
      </c>
      <c r="D929" t="s">
        <v>10</v>
      </c>
      <c r="E929" t="s">
        <v>11</v>
      </c>
      <c r="F929" s="2">
        <v>1</v>
      </c>
      <c r="G929" t="s">
        <v>72</v>
      </c>
      <c r="H929" t="s">
        <v>13</v>
      </c>
    </row>
    <row r="930" spans="1:8" x14ac:dyDescent="0.25">
      <c r="A930" s="1">
        <v>45295</v>
      </c>
      <c r="B930" t="s">
        <v>784</v>
      </c>
      <c r="C930" t="s">
        <v>785</v>
      </c>
      <c r="D930" t="s">
        <v>10</v>
      </c>
      <c r="E930" t="s">
        <v>11</v>
      </c>
      <c r="F930" s="2">
        <v>1</v>
      </c>
      <c r="G930" t="s">
        <v>20</v>
      </c>
      <c r="H930" t="s">
        <v>13</v>
      </c>
    </row>
    <row r="931" spans="1:8" x14ac:dyDescent="0.25">
      <c r="A931" s="1">
        <v>45294</v>
      </c>
      <c r="B931" t="s">
        <v>786</v>
      </c>
      <c r="C931" t="s">
        <v>16</v>
      </c>
      <c r="D931" t="s">
        <v>10</v>
      </c>
      <c r="E931" t="s">
        <v>11</v>
      </c>
      <c r="F931" s="2">
        <v>1</v>
      </c>
      <c r="G931" t="s">
        <v>100</v>
      </c>
      <c r="H931" t="s">
        <v>13</v>
      </c>
    </row>
    <row r="932" spans="1:8" x14ac:dyDescent="0.25">
      <c r="A932" s="1">
        <v>45294</v>
      </c>
      <c r="B932" t="s">
        <v>787</v>
      </c>
      <c r="C932" t="s">
        <v>9</v>
      </c>
      <c r="D932" t="s">
        <v>10</v>
      </c>
      <c r="E932" t="s">
        <v>11</v>
      </c>
      <c r="F932" s="2">
        <v>1</v>
      </c>
      <c r="G932" t="s">
        <v>788</v>
      </c>
      <c r="H932" t="s">
        <v>13</v>
      </c>
    </row>
    <row r="933" spans="1:8" x14ac:dyDescent="0.25">
      <c r="A933" s="1">
        <v>45294</v>
      </c>
      <c r="B933" t="s">
        <v>789</v>
      </c>
      <c r="C933" t="s">
        <v>34</v>
      </c>
      <c r="D933" t="s">
        <v>10</v>
      </c>
      <c r="E933" t="s">
        <v>11</v>
      </c>
      <c r="F933" s="2">
        <v>1</v>
      </c>
      <c r="G933" t="s">
        <v>46</v>
      </c>
      <c r="H933" t="s">
        <v>13</v>
      </c>
    </row>
    <row r="934" spans="1:8" x14ac:dyDescent="0.25">
      <c r="A934" s="1">
        <v>45294</v>
      </c>
      <c r="B934" t="s">
        <v>790</v>
      </c>
      <c r="C934" t="s">
        <v>35</v>
      </c>
      <c r="D934" t="s">
        <v>10</v>
      </c>
      <c r="E934" t="s">
        <v>11</v>
      </c>
      <c r="F934" s="2">
        <v>1</v>
      </c>
      <c r="G934" t="s">
        <v>46</v>
      </c>
      <c r="H934" t="s">
        <v>13</v>
      </c>
    </row>
    <row r="935" spans="1:8" x14ac:dyDescent="0.25">
      <c r="A935" s="1">
        <v>45294</v>
      </c>
      <c r="B935" t="s">
        <v>790</v>
      </c>
      <c r="C935" t="s">
        <v>32</v>
      </c>
      <c r="D935" t="s">
        <v>10</v>
      </c>
      <c r="E935" t="s">
        <v>11</v>
      </c>
      <c r="F935" s="2">
        <v>1</v>
      </c>
      <c r="G935" t="s">
        <v>46</v>
      </c>
      <c r="H935" t="s">
        <v>13</v>
      </c>
    </row>
    <row r="936" spans="1:8" x14ac:dyDescent="0.25">
      <c r="A936" s="1">
        <v>45294</v>
      </c>
      <c r="B936" t="s">
        <v>791</v>
      </c>
      <c r="C936" t="s">
        <v>47</v>
      </c>
      <c r="D936" t="s">
        <v>26</v>
      </c>
      <c r="E936" t="s">
        <v>11</v>
      </c>
      <c r="F936" s="2">
        <v>1</v>
      </c>
      <c r="G936" t="s">
        <v>20</v>
      </c>
      <c r="H936" t="s">
        <v>13</v>
      </c>
    </row>
    <row r="937" spans="1:8" x14ac:dyDescent="0.25">
      <c r="A937" s="1">
        <v>45293</v>
      </c>
      <c r="B937" t="s">
        <v>792</v>
      </c>
      <c r="C937" t="s">
        <v>19</v>
      </c>
      <c r="D937" t="s">
        <v>10</v>
      </c>
      <c r="E937" t="s">
        <v>11</v>
      </c>
      <c r="F937" s="2">
        <v>1</v>
      </c>
      <c r="G937" t="s">
        <v>793</v>
      </c>
      <c r="H937" t="s">
        <v>13</v>
      </c>
    </row>
    <row r="938" spans="1:8" x14ac:dyDescent="0.25">
      <c r="A938" s="1">
        <v>45293</v>
      </c>
      <c r="B938" t="s">
        <v>794</v>
      </c>
      <c r="C938" t="s">
        <v>9</v>
      </c>
      <c r="D938" t="s">
        <v>26</v>
      </c>
      <c r="E938" t="s">
        <v>11</v>
      </c>
      <c r="F938" s="2">
        <v>1</v>
      </c>
      <c r="G938" t="s">
        <v>100</v>
      </c>
      <c r="H938" t="s">
        <v>13</v>
      </c>
    </row>
    <row r="939" spans="1:8" x14ac:dyDescent="0.25">
      <c r="A939" s="1">
        <v>45293</v>
      </c>
      <c r="B939" t="s">
        <v>794</v>
      </c>
      <c r="C939" t="s">
        <v>28</v>
      </c>
      <c r="D939" t="s">
        <v>26</v>
      </c>
      <c r="E939" t="s">
        <v>11</v>
      </c>
      <c r="F939" s="2">
        <v>1</v>
      </c>
      <c r="G939" t="s">
        <v>100</v>
      </c>
      <c r="H939" t="s">
        <v>13</v>
      </c>
    </row>
    <row r="940" spans="1:8" x14ac:dyDescent="0.25">
      <c r="A940" s="1">
        <v>45293</v>
      </c>
      <c r="B940" t="s">
        <v>794</v>
      </c>
      <c r="C940" t="s">
        <v>29</v>
      </c>
      <c r="D940" t="s">
        <v>26</v>
      </c>
      <c r="E940" t="s">
        <v>11</v>
      </c>
      <c r="F940" s="2">
        <v>1</v>
      </c>
      <c r="G940" t="s">
        <v>100</v>
      </c>
      <c r="H940" t="s">
        <v>13</v>
      </c>
    </row>
    <row r="941" spans="1:8" x14ac:dyDescent="0.25">
      <c r="A941" s="1">
        <v>45293</v>
      </c>
      <c r="B941" t="s">
        <v>794</v>
      </c>
      <c r="C941" t="s">
        <v>35</v>
      </c>
      <c r="D941" t="s">
        <v>26</v>
      </c>
      <c r="E941" t="s">
        <v>11</v>
      </c>
      <c r="F941" s="2">
        <v>1</v>
      </c>
      <c r="G941" t="s">
        <v>100</v>
      </c>
      <c r="H941" t="s">
        <v>13</v>
      </c>
    </row>
    <row r="942" spans="1:8" x14ac:dyDescent="0.25">
      <c r="A942" s="1">
        <v>45293</v>
      </c>
      <c r="B942" t="s">
        <v>795</v>
      </c>
      <c r="C942" t="s">
        <v>9</v>
      </c>
      <c r="D942" t="s">
        <v>10</v>
      </c>
      <c r="E942" t="s">
        <v>11</v>
      </c>
      <c r="F942" s="2">
        <v>1</v>
      </c>
      <c r="G942" t="s">
        <v>557</v>
      </c>
      <c r="H942" t="s">
        <v>13</v>
      </c>
    </row>
    <row r="943" spans="1:8" x14ac:dyDescent="0.25">
      <c r="A943" s="1">
        <v>45293</v>
      </c>
      <c r="B943" t="s">
        <v>795</v>
      </c>
      <c r="C943" t="s">
        <v>28</v>
      </c>
      <c r="D943" t="s">
        <v>10</v>
      </c>
      <c r="E943" t="s">
        <v>11</v>
      </c>
      <c r="F943" s="2">
        <v>1</v>
      </c>
      <c r="G943" t="s">
        <v>557</v>
      </c>
      <c r="H943" t="s">
        <v>13</v>
      </c>
    </row>
    <row r="944" spans="1:8" x14ac:dyDescent="0.25">
      <c r="A944" s="1">
        <v>45293</v>
      </c>
      <c r="B944" t="s">
        <v>796</v>
      </c>
      <c r="C944" t="s">
        <v>19</v>
      </c>
      <c r="D944" t="s">
        <v>10</v>
      </c>
      <c r="E944" t="s">
        <v>11</v>
      </c>
      <c r="F944" s="2">
        <v>1</v>
      </c>
      <c r="G944" t="s">
        <v>145</v>
      </c>
      <c r="H944" t="s">
        <v>13</v>
      </c>
    </row>
    <row r="945" spans="1:8" x14ac:dyDescent="0.25">
      <c r="A945" s="1">
        <v>45292</v>
      </c>
      <c r="B945" t="s">
        <v>797</v>
      </c>
      <c r="C945" t="s">
        <v>52</v>
      </c>
      <c r="D945" t="s">
        <v>10</v>
      </c>
      <c r="E945" t="s">
        <v>11</v>
      </c>
      <c r="F945" s="2">
        <v>1</v>
      </c>
      <c r="G945" t="s">
        <v>289</v>
      </c>
      <c r="H945" t="s">
        <v>13</v>
      </c>
    </row>
    <row r="946" spans="1:8" x14ac:dyDescent="0.25">
      <c r="A946" s="1">
        <v>45292</v>
      </c>
      <c r="B946" t="s">
        <v>798</v>
      </c>
      <c r="C946" t="s">
        <v>9</v>
      </c>
      <c r="D946" t="s">
        <v>10</v>
      </c>
      <c r="E946" t="s">
        <v>11</v>
      </c>
      <c r="F946" s="2">
        <v>1</v>
      </c>
      <c r="G946" t="s">
        <v>636</v>
      </c>
      <c r="H946" t="s">
        <v>13</v>
      </c>
    </row>
    <row r="947" spans="1:8" x14ac:dyDescent="0.25">
      <c r="A947" s="1">
        <v>45291</v>
      </c>
      <c r="B947" t="s">
        <v>799</v>
      </c>
      <c r="C947" t="s">
        <v>118</v>
      </c>
      <c r="D947" t="s">
        <v>10</v>
      </c>
      <c r="E947" t="s">
        <v>11</v>
      </c>
      <c r="F947" s="2">
        <v>1</v>
      </c>
      <c r="G947" t="s">
        <v>77</v>
      </c>
      <c r="H947" t="s">
        <v>13</v>
      </c>
    </row>
    <row r="948" spans="1:8" x14ac:dyDescent="0.25">
      <c r="A948" s="1">
        <v>45291</v>
      </c>
      <c r="B948" t="s">
        <v>799</v>
      </c>
      <c r="C948" t="s">
        <v>142</v>
      </c>
      <c r="D948" t="s">
        <v>10</v>
      </c>
      <c r="E948" t="s">
        <v>11</v>
      </c>
      <c r="F948" s="2">
        <v>1</v>
      </c>
      <c r="G948" t="s">
        <v>77</v>
      </c>
      <c r="H948" t="s">
        <v>13</v>
      </c>
    </row>
    <row r="949" spans="1:8" x14ac:dyDescent="0.25">
      <c r="A949" s="1">
        <v>45291</v>
      </c>
      <c r="B949" t="s">
        <v>799</v>
      </c>
      <c r="C949" t="s">
        <v>800</v>
      </c>
      <c r="D949" t="s">
        <v>10</v>
      </c>
      <c r="E949" t="s">
        <v>11</v>
      </c>
      <c r="F949" s="2">
        <v>1</v>
      </c>
      <c r="G949" t="s">
        <v>77</v>
      </c>
      <c r="H949" t="s">
        <v>13</v>
      </c>
    </row>
    <row r="950" spans="1:8" x14ac:dyDescent="0.25">
      <c r="A950" s="1">
        <v>45291</v>
      </c>
      <c r="B950" t="s">
        <v>799</v>
      </c>
      <c r="C950" t="s">
        <v>689</v>
      </c>
      <c r="D950" t="s">
        <v>10</v>
      </c>
      <c r="E950" t="s">
        <v>11</v>
      </c>
      <c r="F950" s="2">
        <v>1</v>
      </c>
      <c r="G950" t="s">
        <v>77</v>
      </c>
      <c r="H950" t="s">
        <v>13</v>
      </c>
    </row>
    <row r="951" spans="1:8" x14ac:dyDescent="0.25">
      <c r="A951" s="1">
        <v>45291</v>
      </c>
      <c r="B951" t="s">
        <v>799</v>
      </c>
      <c r="C951" t="s">
        <v>16</v>
      </c>
      <c r="D951" t="s">
        <v>10</v>
      </c>
      <c r="E951" t="s">
        <v>11</v>
      </c>
      <c r="F951" s="2">
        <v>1</v>
      </c>
      <c r="G951" t="s">
        <v>77</v>
      </c>
      <c r="H951" t="s">
        <v>13</v>
      </c>
    </row>
    <row r="952" spans="1:8" x14ac:dyDescent="0.25">
      <c r="A952" s="1">
        <v>45291</v>
      </c>
      <c r="B952" t="s">
        <v>799</v>
      </c>
      <c r="C952" t="s">
        <v>151</v>
      </c>
      <c r="D952" t="s">
        <v>10</v>
      </c>
      <c r="E952" t="s">
        <v>11</v>
      </c>
      <c r="F952" s="2">
        <v>1</v>
      </c>
      <c r="G952" t="s">
        <v>77</v>
      </c>
      <c r="H952" t="s">
        <v>13</v>
      </c>
    </row>
    <row r="953" spans="1:8" x14ac:dyDescent="0.25">
      <c r="A953" s="1">
        <v>45291</v>
      </c>
      <c r="B953" t="s">
        <v>801</v>
      </c>
      <c r="C953" t="s">
        <v>47</v>
      </c>
      <c r="D953" t="s">
        <v>10</v>
      </c>
      <c r="E953" t="s">
        <v>11</v>
      </c>
      <c r="F953" s="2">
        <v>1</v>
      </c>
      <c r="G953" t="s">
        <v>20</v>
      </c>
      <c r="H953" t="s">
        <v>13</v>
      </c>
    </row>
    <row r="954" spans="1:8" x14ac:dyDescent="0.25">
      <c r="A954" s="1">
        <v>45290</v>
      </c>
      <c r="B954" t="s">
        <v>802</v>
      </c>
      <c r="C954" t="s">
        <v>29</v>
      </c>
      <c r="D954" t="s">
        <v>10</v>
      </c>
      <c r="E954" t="s">
        <v>11</v>
      </c>
      <c r="F954" s="2">
        <v>1</v>
      </c>
      <c r="G954" t="s">
        <v>37</v>
      </c>
      <c r="H954" t="s">
        <v>13</v>
      </c>
    </row>
    <row r="955" spans="1:8" x14ac:dyDescent="0.25">
      <c r="A955" s="1">
        <v>45290</v>
      </c>
      <c r="B955" t="s">
        <v>802</v>
      </c>
      <c r="C955" t="s">
        <v>96</v>
      </c>
      <c r="D955" t="s">
        <v>10</v>
      </c>
      <c r="E955" t="s">
        <v>11</v>
      </c>
      <c r="F955" s="2">
        <v>1</v>
      </c>
      <c r="G955" t="s">
        <v>37</v>
      </c>
      <c r="H955" t="s">
        <v>13</v>
      </c>
    </row>
    <row r="956" spans="1:8" x14ac:dyDescent="0.25">
      <c r="A956" s="1">
        <v>45290</v>
      </c>
      <c r="B956" t="s">
        <v>803</v>
      </c>
      <c r="C956" t="s">
        <v>9</v>
      </c>
      <c r="D956" t="s">
        <v>10</v>
      </c>
      <c r="E956" t="s">
        <v>11</v>
      </c>
      <c r="F956" s="2">
        <v>1</v>
      </c>
      <c r="G956" t="s">
        <v>20</v>
      </c>
      <c r="H956" t="s">
        <v>13</v>
      </c>
    </row>
    <row r="957" spans="1:8" x14ac:dyDescent="0.25">
      <c r="A957" s="1">
        <v>45290</v>
      </c>
      <c r="B957" t="s">
        <v>803</v>
      </c>
      <c r="C957" t="s">
        <v>35</v>
      </c>
      <c r="D957" t="s">
        <v>10</v>
      </c>
      <c r="E957" t="s">
        <v>11</v>
      </c>
      <c r="F957" s="2">
        <v>1</v>
      </c>
      <c r="G957" t="s">
        <v>20</v>
      </c>
      <c r="H957" t="s">
        <v>13</v>
      </c>
    </row>
    <row r="958" spans="1:8" x14ac:dyDescent="0.25">
      <c r="A958" s="1">
        <v>45290</v>
      </c>
      <c r="B958" t="s">
        <v>803</v>
      </c>
      <c r="C958" t="s">
        <v>14</v>
      </c>
      <c r="D958" t="s">
        <v>10</v>
      </c>
      <c r="E958" t="s">
        <v>11</v>
      </c>
      <c r="F958" s="2">
        <v>1</v>
      </c>
      <c r="G958" t="s">
        <v>20</v>
      </c>
      <c r="H958" t="s">
        <v>13</v>
      </c>
    </row>
    <row r="959" spans="1:8" x14ac:dyDescent="0.25">
      <c r="A959" s="1">
        <v>45289</v>
      </c>
      <c r="B959" t="s">
        <v>804</v>
      </c>
      <c r="C959" t="s">
        <v>35</v>
      </c>
      <c r="D959" t="s">
        <v>10</v>
      </c>
      <c r="E959" t="s">
        <v>11</v>
      </c>
      <c r="F959" s="2">
        <v>1</v>
      </c>
      <c r="G959" t="s">
        <v>20</v>
      </c>
      <c r="H959" t="s">
        <v>13</v>
      </c>
    </row>
    <row r="960" spans="1:8" x14ac:dyDescent="0.25">
      <c r="A960" s="1">
        <v>45289</v>
      </c>
      <c r="B960" t="s">
        <v>805</v>
      </c>
      <c r="C960" t="s">
        <v>16</v>
      </c>
      <c r="D960" t="s">
        <v>10</v>
      </c>
      <c r="E960" t="s">
        <v>11</v>
      </c>
      <c r="F960" s="2">
        <v>1</v>
      </c>
      <c r="G960" t="s">
        <v>44</v>
      </c>
      <c r="H960" t="s">
        <v>13</v>
      </c>
    </row>
    <row r="961" spans="1:8" x14ac:dyDescent="0.25">
      <c r="A961" s="1">
        <v>45287</v>
      </c>
      <c r="B961" t="s">
        <v>806</v>
      </c>
      <c r="C961" t="s">
        <v>271</v>
      </c>
      <c r="D961" t="s">
        <v>10</v>
      </c>
      <c r="E961" t="s">
        <v>11</v>
      </c>
      <c r="F961" s="2">
        <v>1</v>
      </c>
      <c r="G961" t="s">
        <v>37</v>
      </c>
      <c r="H961" t="s">
        <v>13</v>
      </c>
    </row>
    <row r="962" spans="1:8" x14ac:dyDescent="0.25">
      <c r="A962" s="1">
        <v>45286</v>
      </c>
      <c r="B962" t="s">
        <v>807</v>
      </c>
      <c r="C962" t="s">
        <v>47</v>
      </c>
      <c r="D962" t="s">
        <v>10</v>
      </c>
      <c r="E962" t="s">
        <v>11</v>
      </c>
      <c r="F962" s="2">
        <v>1</v>
      </c>
      <c r="G962" t="s">
        <v>559</v>
      </c>
      <c r="H962" t="s">
        <v>13</v>
      </c>
    </row>
    <row r="963" spans="1:8" x14ac:dyDescent="0.25">
      <c r="A963" s="1">
        <v>45286</v>
      </c>
      <c r="B963" t="s">
        <v>808</v>
      </c>
      <c r="C963" t="s">
        <v>809</v>
      </c>
      <c r="D963" t="s">
        <v>10</v>
      </c>
      <c r="E963" t="s">
        <v>11</v>
      </c>
      <c r="F963" s="2">
        <v>1</v>
      </c>
      <c r="G963" t="s">
        <v>100</v>
      </c>
      <c r="H963" t="s">
        <v>13</v>
      </c>
    </row>
    <row r="964" spans="1:8" x14ac:dyDescent="0.25">
      <c r="A964" s="1">
        <v>45286</v>
      </c>
      <c r="B964" t="s">
        <v>810</v>
      </c>
      <c r="C964" t="s">
        <v>413</v>
      </c>
      <c r="D964" t="s">
        <v>10</v>
      </c>
      <c r="E964" t="s">
        <v>11</v>
      </c>
      <c r="F964" s="2">
        <v>1</v>
      </c>
      <c r="G964" t="s">
        <v>181</v>
      </c>
      <c r="H964" t="s">
        <v>13</v>
      </c>
    </row>
    <row r="965" spans="1:8" x14ac:dyDescent="0.25">
      <c r="A965" s="1">
        <v>45286</v>
      </c>
      <c r="B965" t="s">
        <v>810</v>
      </c>
      <c r="C965" t="s">
        <v>199</v>
      </c>
      <c r="D965" t="s">
        <v>10</v>
      </c>
      <c r="E965" t="s">
        <v>11</v>
      </c>
      <c r="F965" s="2">
        <v>1</v>
      </c>
      <c r="G965" t="s">
        <v>181</v>
      </c>
      <c r="H965" t="s">
        <v>13</v>
      </c>
    </row>
    <row r="966" spans="1:8" x14ac:dyDescent="0.25">
      <c r="A966" s="1">
        <v>45285</v>
      </c>
      <c r="B966" t="s">
        <v>811</v>
      </c>
      <c r="C966" t="s">
        <v>812</v>
      </c>
      <c r="D966" t="s">
        <v>10</v>
      </c>
      <c r="E966" t="s">
        <v>11</v>
      </c>
      <c r="F966" s="2">
        <v>1</v>
      </c>
      <c r="G966" t="s">
        <v>98</v>
      </c>
      <c r="H966" t="s">
        <v>13</v>
      </c>
    </row>
    <row r="967" spans="1:8" x14ac:dyDescent="0.25">
      <c r="A967" s="1">
        <v>45285</v>
      </c>
      <c r="B967" t="s">
        <v>813</v>
      </c>
      <c r="C967" t="s">
        <v>34</v>
      </c>
      <c r="D967" t="s">
        <v>10</v>
      </c>
      <c r="E967" t="s">
        <v>11</v>
      </c>
      <c r="F967" s="2">
        <v>1</v>
      </c>
      <c r="G967" t="s">
        <v>131</v>
      </c>
      <c r="H967" t="s">
        <v>13</v>
      </c>
    </row>
    <row r="968" spans="1:8" x14ac:dyDescent="0.25">
      <c r="A968" s="1">
        <v>45285</v>
      </c>
      <c r="B968" t="s">
        <v>813</v>
      </c>
      <c r="C968" t="s">
        <v>9</v>
      </c>
      <c r="D968" t="s">
        <v>10</v>
      </c>
      <c r="E968" t="s">
        <v>11</v>
      </c>
      <c r="F968" s="2">
        <v>1</v>
      </c>
      <c r="G968" t="s">
        <v>131</v>
      </c>
      <c r="H968" t="s">
        <v>13</v>
      </c>
    </row>
    <row r="969" spans="1:8" x14ac:dyDescent="0.25">
      <c r="A969" s="1">
        <v>45284</v>
      </c>
      <c r="B969" t="s">
        <v>814</v>
      </c>
      <c r="C969" t="s">
        <v>207</v>
      </c>
      <c r="D969" t="s">
        <v>10</v>
      </c>
      <c r="E969" t="s">
        <v>11</v>
      </c>
      <c r="F969" s="2">
        <v>1</v>
      </c>
      <c r="G969" t="s">
        <v>181</v>
      </c>
      <c r="H969" t="s">
        <v>13</v>
      </c>
    </row>
    <row r="970" spans="1:8" x14ac:dyDescent="0.25">
      <c r="A970" s="1">
        <v>45284</v>
      </c>
      <c r="B970" t="s">
        <v>815</v>
      </c>
      <c r="C970" t="s">
        <v>9</v>
      </c>
      <c r="D970" t="s">
        <v>10</v>
      </c>
      <c r="E970" t="s">
        <v>11</v>
      </c>
      <c r="F970" s="2">
        <v>1</v>
      </c>
      <c r="G970" t="s">
        <v>98</v>
      </c>
      <c r="H970" t="s">
        <v>13</v>
      </c>
    </row>
    <row r="971" spans="1:8" x14ac:dyDescent="0.25">
      <c r="A971" s="1">
        <v>45284</v>
      </c>
      <c r="B971" t="s">
        <v>816</v>
      </c>
      <c r="C971" t="s">
        <v>9</v>
      </c>
      <c r="D971" t="s">
        <v>10</v>
      </c>
      <c r="E971" t="s">
        <v>11</v>
      </c>
      <c r="F971" s="2">
        <v>1</v>
      </c>
      <c r="G971" t="s">
        <v>20</v>
      </c>
      <c r="H971" t="s">
        <v>13</v>
      </c>
    </row>
    <row r="972" spans="1:8" x14ac:dyDescent="0.25">
      <c r="A972" s="1">
        <v>45284</v>
      </c>
      <c r="B972" t="s">
        <v>816</v>
      </c>
      <c r="C972" t="s">
        <v>9</v>
      </c>
      <c r="D972" t="s">
        <v>10</v>
      </c>
      <c r="E972" t="s">
        <v>11</v>
      </c>
      <c r="F972" s="2">
        <v>1</v>
      </c>
      <c r="G972" t="s">
        <v>20</v>
      </c>
      <c r="H972" t="s">
        <v>13</v>
      </c>
    </row>
    <row r="973" spans="1:8" x14ac:dyDescent="0.25">
      <c r="A973" s="1">
        <v>45284</v>
      </c>
      <c r="B973" t="s">
        <v>816</v>
      </c>
      <c r="C973" t="s">
        <v>35</v>
      </c>
      <c r="D973" t="s">
        <v>10</v>
      </c>
      <c r="E973" t="s">
        <v>11</v>
      </c>
      <c r="F973" s="2">
        <v>1</v>
      </c>
      <c r="G973" t="s">
        <v>20</v>
      </c>
      <c r="H973" t="s">
        <v>13</v>
      </c>
    </row>
    <row r="974" spans="1:8" x14ac:dyDescent="0.25">
      <c r="A974" s="1">
        <v>45284</v>
      </c>
      <c r="B974" t="s">
        <v>816</v>
      </c>
      <c r="C974" t="s">
        <v>35</v>
      </c>
      <c r="D974" t="s">
        <v>10</v>
      </c>
      <c r="E974" t="s">
        <v>11</v>
      </c>
      <c r="F974" s="2">
        <v>1</v>
      </c>
      <c r="G974" t="s">
        <v>20</v>
      </c>
      <c r="H974" t="s">
        <v>13</v>
      </c>
    </row>
    <row r="975" spans="1:8" x14ac:dyDescent="0.25">
      <c r="A975" s="1">
        <v>45282</v>
      </c>
      <c r="B975" t="s">
        <v>817</v>
      </c>
      <c r="C975" t="s">
        <v>16</v>
      </c>
      <c r="D975" t="s">
        <v>10</v>
      </c>
      <c r="E975" t="s">
        <v>11</v>
      </c>
      <c r="F975" s="2">
        <v>1</v>
      </c>
      <c r="G975" t="s">
        <v>135</v>
      </c>
      <c r="H975" t="s">
        <v>13</v>
      </c>
    </row>
    <row r="976" spans="1:8" x14ac:dyDescent="0.25">
      <c r="A976" s="1">
        <v>45282</v>
      </c>
      <c r="B976" t="s">
        <v>817</v>
      </c>
      <c r="C976" t="s">
        <v>149</v>
      </c>
      <c r="D976" t="s">
        <v>10</v>
      </c>
      <c r="E976" t="s">
        <v>11</v>
      </c>
      <c r="F976" s="2">
        <v>2</v>
      </c>
      <c r="G976" t="s">
        <v>135</v>
      </c>
      <c r="H976" t="s">
        <v>13</v>
      </c>
    </row>
    <row r="977" spans="1:8" x14ac:dyDescent="0.25">
      <c r="A977" s="1">
        <v>45282</v>
      </c>
      <c r="B977" t="s">
        <v>817</v>
      </c>
      <c r="C977" t="s">
        <v>47</v>
      </c>
      <c r="D977" t="s">
        <v>10</v>
      </c>
      <c r="E977" t="s">
        <v>11</v>
      </c>
      <c r="F977" s="2">
        <v>1</v>
      </c>
      <c r="G977" t="s">
        <v>135</v>
      </c>
      <c r="H977" t="s">
        <v>13</v>
      </c>
    </row>
    <row r="978" spans="1:8" x14ac:dyDescent="0.25">
      <c r="A978" s="1">
        <v>45282</v>
      </c>
      <c r="B978" t="s">
        <v>817</v>
      </c>
      <c r="C978" t="s">
        <v>150</v>
      </c>
      <c r="D978" t="s">
        <v>10</v>
      </c>
      <c r="E978" t="s">
        <v>11</v>
      </c>
      <c r="F978" s="2">
        <v>1</v>
      </c>
      <c r="G978" t="s">
        <v>135</v>
      </c>
      <c r="H978" t="s">
        <v>13</v>
      </c>
    </row>
    <row r="979" spans="1:8" x14ac:dyDescent="0.25">
      <c r="A979" s="1">
        <v>45282</v>
      </c>
      <c r="B979" t="s">
        <v>817</v>
      </c>
      <c r="C979" t="s">
        <v>410</v>
      </c>
      <c r="D979" t="s">
        <v>10</v>
      </c>
      <c r="E979" t="s">
        <v>11</v>
      </c>
      <c r="F979" s="2">
        <v>1</v>
      </c>
      <c r="G979" t="s">
        <v>135</v>
      </c>
      <c r="H979" t="s">
        <v>13</v>
      </c>
    </row>
    <row r="980" spans="1:8" x14ac:dyDescent="0.25">
      <c r="A980" s="1">
        <v>45282</v>
      </c>
      <c r="B980" t="s">
        <v>818</v>
      </c>
      <c r="C980" t="s">
        <v>9</v>
      </c>
      <c r="D980" t="s">
        <v>10</v>
      </c>
      <c r="E980" t="s">
        <v>11</v>
      </c>
      <c r="F980" s="2">
        <v>1</v>
      </c>
      <c r="G980" t="s">
        <v>22</v>
      </c>
      <c r="H980" t="s">
        <v>13</v>
      </c>
    </row>
    <row r="981" spans="1:8" x14ac:dyDescent="0.25">
      <c r="A981" s="1">
        <v>45282</v>
      </c>
      <c r="B981" t="s">
        <v>819</v>
      </c>
      <c r="C981" t="s">
        <v>58</v>
      </c>
      <c r="D981" t="s">
        <v>10</v>
      </c>
      <c r="E981" t="s">
        <v>11</v>
      </c>
      <c r="F981" s="2">
        <v>1</v>
      </c>
      <c r="G981" t="s">
        <v>197</v>
      </c>
      <c r="H981" t="s">
        <v>13</v>
      </c>
    </row>
    <row r="982" spans="1:8" x14ac:dyDescent="0.25">
      <c r="A982" s="1">
        <v>45280</v>
      </c>
      <c r="B982" t="s">
        <v>820</v>
      </c>
      <c r="C982" t="s">
        <v>821</v>
      </c>
      <c r="D982" t="s">
        <v>10</v>
      </c>
      <c r="E982" t="s">
        <v>11</v>
      </c>
      <c r="F982" s="2">
        <v>1</v>
      </c>
      <c r="G982" t="s">
        <v>574</v>
      </c>
      <c r="H982" t="s">
        <v>13</v>
      </c>
    </row>
    <row r="983" spans="1:8" x14ac:dyDescent="0.25">
      <c r="A983" s="1">
        <v>45280</v>
      </c>
      <c r="B983" t="s">
        <v>820</v>
      </c>
      <c r="C983" t="s">
        <v>47</v>
      </c>
      <c r="D983" t="s">
        <v>10</v>
      </c>
      <c r="E983" t="s">
        <v>11</v>
      </c>
      <c r="F983" s="2">
        <v>1</v>
      </c>
      <c r="G983" t="s">
        <v>574</v>
      </c>
      <c r="H983" t="s">
        <v>13</v>
      </c>
    </row>
    <row r="984" spans="1:8" x14ac:dyDescent="0.25">
      <c r="A984" s="1">
        <v>45279</v>
      </c>
      <c r="B984" t="s">
        <v>822</v>
      </c>
      <c r="C984" t="s">
        <v>35</v>
      </c>
      <c r="D984" t="s">
        <v>10</v>
      </c>
      <c r="E984" t="s">
        <v>11</v>
      </c>
      <c r="F984" s="2">
        <v>1</v>
      </c>
      <c r="G984" t="s">
        <v>492</v>
      </c>
      <c r="H984" t="s">
        <v>13</v>
      </c>
    </row>
    <row r="985" spans="1:8" x14ac:dyDescent="0.25">
      <c r="A985" s="1">
        <v>45278</v>
      </c>
      <c r="B985" t="s">
        <v>823</v>
      </c>
      <c r="C985" t="s">
        <v>9</v>
      </c>
      <c r="D985" t="s">
        <v>10</v>
      </c>
      <c r="E985" t="s">
        <v>11</v>
      </c>
      <c r="F985" s="2">
        <v>1</v>
      </c>
      <c r="G985" t="s">
        <v>46</v>
      </c>
      <c r="H985" t="s">
        <v>13</v>
      </c>
    </row>
    <row r="986" spans="1:8" x14ac:dyDescent="0.25">
      <c r="A986" s="1">
        <v>45278</v>
      </c>
      <c r="B986" t="s">
        <v>824</v>
      </c>
      <c r="C986" t="s">
        <v>58</v>
      </c>
      <c r="D986" t="s">
        <v>10</v>
      </c>
      <c r="E986" t="s">
        <v>11</v>
      </c>
      <c r="F986" s="2">
        <v>1</v>
      </c>
      <c r="G986" t="s">
        <v>27</v>
      </c>
      <c r="H986" t="s">
        <v>13</v>
      </c>
    </row>
    <row r="987" spans="1:8" x14ac:dyDescent="0.25">
      <c r="A987" s="1">
        <v>45276</v>
      </c>
      <c r="B987" t="s">
        <v>825</v>
      </c>
      <c r="C987" t="s">
        <v>9</v>
      </c>
      <c r="D987" t="s">
        <v>26</v>
      </c>
      <c r="E987" t="s">
        <v>11</v>
      </c>
      <c r="F987" s="2">
        <v>1</v>
      </c>
      <c r="G987" t="s">
        <v>20</v>
      </c>
      <c r="H987" t="s">
        <v>13</v>
      </c>
    </row>
    <row r="988" spans="1:8" x14ac:dyDescent="0.25">
      <c r="A988" s="1">
        <v>45276</v>
      </c>
      <c r="B988" t="s">
        <v>825</v>
      </c>
      <c r="C988" t="s">
        <v>47</v>
      </c>
      <c r="D988" t="s">
        <v>26</v>
      </c>
      <c r="E988" t="s">
        <v>11</v>
      </c>
      <c r="F988" s="2">
        <v>1</v>
      </c>
      <c r="G988" t="s">
        <v>20</v>
      </c>
      <c r="H988" t="s">
        <v>13</v>
      </c>
    </row>
    <row r="989" spans="1:8" x14ac:dyDescent="0.25">
      <c r="A989" s="1">
        <v>45276</v>
      </c>
      <c r="B989" t="s">
        <v>826</v>
      </c>
      <c r="C989" t="s">
        <v>9</v>
      </c>
      <c r="D989" t="s">
        <v>10</v>
      </c>
      <c r="E989" t="s">
        <v>11</v>
      </c>
      <c r="F989" s="2">
        <v>1</v>
      </c>
      <c r="G989" t="s">
        <v>72</v>
      </c>
      <c r="H989" t="s">
        <v>13</v>
      </c>
    </row>
    <row r="990" spans="1:8" x14ac:dyDescent="0.25">
      <c r="A990" s="1">
        <v>45276</v>
      </c>
      <c r="B990" t="s">
        <v>827</v>
      </c>
      <c r="C990" t="s">
        <v>9</v>
      </c>
      <c r="D990" t="s">
        <v>10</v>
      </c>
      <c r="E990" t="s">
        <v>11</v>
      </c>
      <c r="F990" s="2">
        <v>1</v>
      </c>
      <c r="G990" t="s">
        <v>37</v>
      </c>
      <c r="H990" t="s">
        <v>13</v>
      </c>
    </row>
    <row r="991" spans="1:8" x14ac:dyDescent="0.25">
      <c r="A991" s="1">
        <v>45275</v>
      </c>
      <c r="B991" t="s">
        <v>828</v>
      </c>
      <c r="C991" t="s">
        <v>149</v>
      </c>
      <c r="D991" t="s">
        <v>10</v>
      </c>
      <c r="E991" t="s">
        <v>11</v>
      </c>
      <c r="F991" s="2">
        <v>1</v>
      </c>
      <c r="G991" t="s">
        <v>205</v>
      </c>
      <c r="H991" t="s">
        <v>13</v>
      </c>
    </row>
    <row r="992" spans="1:8" x14ac:dyDescent="0.25">
      <c r="A992" s="1">
        <v>45275</v>
      </c>
      <c r="B992" t="s">
        <v>828</v>
      </c>
      <c r="C992" t="s">
        <v>379</v>
      </c>
      <c r="D992" t="s">
        <v>10</v>
      </c>
      <c r="E992" t="s">
        <v>11</v>
      </c>
      <c r="F992" s="2">
        <v>1</v>
      </c>
      <c r="G992" t="s">
        <v>205</v>
      </c>
      <c r="H992" t="s">
        <v>13</v>
      </c>
    </row>
    <row r="993" spans="1:8" x14ac:dyDescent="0.25">
      <c r="A993" s="1">
        <v>45273</v>
      </c>
      <c r="B993" t="s">
        <v>829</v>
      </c>
      <c r="C993" t="s">
        <v>58</v>
      </c>
      <c r="D993" t="s">
        <v>10</v>
      </c>
      <c r="E993" t="s">
        <v>11</v>
      </c>
      <c r="F993" s="2">
        <v>1</v>
      </c>
      <c r="G993" t="s">
        <v>364</v>
      </c>
      <c r="H993" t="s">
        <v>13</v>
      </c>
    </row>
    <row r="994" spans="1:8" x14ac:dyDescent="0.25">
      <c r="A994" s="1">
        <v>45273</v>
      </c>
      <c r="B994" t="s">
        <v>830</v>
      </c>
      <c r="C994" t="s">
        <v>282</v>
      </c>
      <c r="D994" t="s">
        <v>10</v>
      </c>
      <c r="E994" t="s">
        <v>11</v>
      </c>
      <c r="F994" s="2">
        <v>1</v>
      </c>
      <c r="G994" t="s">
        <v>364</v>
      </c>
      <c r="H994" t="s">
        <v>13</v>
      </c>
    </row>
    <row r="995" spans="1:8" x14ac:dyDescent="0.25">
      <c r="A995" s="1">
        <v>45272</v>
      </c>
      <c r="B995" t="s">
        <v>831</v>
      </c>
      <c r="C995" t="s">
        <v>510</v>
      </c>
      <c r="D995" t="s">
        <v>10</v>
      </c>
      <c r="E995" t="s">
        <v>11</v>
      </c>
      <c r="F995" s="2">
        <v>1</v>
      </c>
      <c r="G995" t="s">
        <v>200</v>
      </c>
      <c r="H995" t="s">
        <v>13</v>
      </c>
    </row>
    <row r="996" spans="1:8" x14ac:dyDescent="0.25">
      <c r="A996" s="1">
        <v>45272</v>
      </c>
      <c r="B996" t="s">
        <v>832</v>
      </c>
      <c r="C996" t="s">
        <v>379</v>
      </c>
      <c r="D996" t="s">
        <v>10</v>
      </c>
      <c r="E996" t="s">
        <v>11</v>
      </c>
      <c r="F996" s="2">
        <v>1</v>
      </c>
      <c r="G996" t="s">
        <v>37</v>
      </c>
      <c r="H996" t="s">
        <v>13</v>
      </c>
    </row>
    <row r="997" spans="1:8" x14ac:dyDescent="0.25">
      <c r="A997" s="1">
        <v>45271</v>
      </c>
      <c r="B997" t="s">
        <v>833</v>
      </c>
      <c r="C997" t="s">
        <v>9</v>
      </c>
      <c r="D997" t="s">
        <v>10</v>
      </c>
      <c r="E997" t="s">
        <v>11</v>
      </c>
      <c r="F997" s="2">
        <v>1</v>
      </c>
      <c r="G997" t="s">
        <v>834</v>
      </c>
      <c r="H997" t="s">
        <v>13</v>
      </c>
    </row>
    <row r="998" spans="1:8" x14ac:dyDescent="0.25">
      <c r="A998" s="1">
        <v>45271</v>
      </c>
      <c r="B998" t="s">
        <v>833</v>
      </c>
      <c r="C998" t="s">
        <v>16</v>
      </c>
      <c r="D998" t="s">
        <v>10</v>
      </c>
      <c r="E998" t="s">
        <v>11</v>
      </c>
      <c r="F998" s="2">
        <v>1</v>
      </c>
      <c r="G998" t="s">
        <v>834</v>
      </c>
      <c r="H998" t="s">
        <v>13</v>
      </c>
    </row>
    <row r="999" spans="1:8" x14ac:dyDescent="0.25">
      <c r="A999" s="1">
        <v>45271</v>
      </c>
      <c r="B999" t="s">
        <v>833</v>
      </c>
      <c r="C999" t="s">
        <v>835</v>
      </c>
      <c r="D999" t="s">
        <v>10</v>
      </c>
      <c r="E999" t="s">
        <v>11</v>
      </c>
      <c r="F999" s="2">
        <v>1</v>
      </c>
      <c r="G999" t="s">
        <v>834</v>
      </c>
      <c r="H999" t="s">
        <v>13</v>
      </c>
    </row>
    <row r="1000" spans="1:8" x14ac:dyDescent="0.25">
      <c r="A1000" s="1">
        <v>45271</v>
      </c>
      <c r="B1000" t="s">
        <v>833</v>
      </c>
      <c r="C1000" t="s">
        <v>47</v>
      </c>
      <c r="D1000" t="s">
        <v>10</v>
      </c>
      <c r="E1000" t="s">
        <v>11</v>
      </c>
      <c r="F1000" s="2">
        <v>1</v>
      </c>
      <c r="G1000" t="s">
        <v>834</v>
      </c>
      <c r="H1000" t="s">
        <v>13</v>
      </c>
    </row>
    <row r="1001" spans="1:8" x14ac:dyDescent="0.25">
      <c r="A1001" s="1">
        <v>45271</v>
      </c>
      <c r="B1001" t="s">
        <v>833</v>
      </c>
      <c r="C1001" t="s">
        <v>151</v>
      </c>
      <c r="D1001" t="s">
        <v>10</v>
      </c>
      <c r="E1001" t="s">
        <v>11</v>
      </c>
      <c r="F1001" s="2">
        <v>1</v>
      </c>
      <c r="G1001" t="s">
        <v>834</v>
      </c>
      <c r="H1001" t="s">
        <v>13</v>
      </c>
    </row>
    <row r="1002" spans="1:8" x14ac:dyDescent="0.25">
      <c r="A1002" s="1">
        <v>45271</v>
      </c>
      <c r="B1002" t="s">
        <v>833</v>
      </c>
      <c r="C1002" t="s">
        <v>836</v>
      </c>
      <c r="D1002" t="s">
        <v>10</v>
      </c>
      <c r="E1002" t="s">
        <v>11</v>
      </c>
      <c r="F1002" s="2">
        <v>1</v>
      </c>
      <c r="G1002" t="s">
        <v>834</v>
      </c>
      <c r="H1002" t="s">
        <v>13</v>
      </c>
    </row>
    <row r="1003" spans="1:8" x14ac:dyDescent="0.25">
      <c r="A1003" s="1">
        <v>45270</v>
      </c>
      <c r="B1003" t="s">
        <v>837</v>
      </c>
      <c r="C1003" t="s">
        <v>47</v>
      </c>
      <c r="D1003" t="s">
        <v>10</v>
      </c>
      <c r="E1003" t="s">
        <v>11</v>
      </c>
      <c r="F1003" s="2">
        <v>1</v>
      </c>
      <c r="G1003" t="s">
        <v>100</v>
      </c>
      <c r="H1003" t="s">
        <v>13</v>
      </c>
    </row>
    <row r="1004" spans="1:8" x14ac:dyDescent="0.25">
      <c r="A1004" s="1">
        <v>45270</v>
      </c>
      <c r="B1004" t="s">
        <v>838</v>
      </c>
      <c r="C1004" t="s">
        <v>96</v>
      </c>
      <c r="D1004" t="s">
        <v>10</v>
      </c>
      <c r="E1004" t="s">
        <v>11</v>
      </c>
      <c r="F1004" s="2">
        <v>1</v>
      </c>
      <c r="G1004" t="s">
        <v>100</v>
      </c>
      <c r="H1004" t="s">
        <v>13</v>
      </c>
    </row>
    <row r="1005" spans="1:8" x14ac:dyDescent="0.25">
      <c r="A1005" s="1">
        <v>45270</v>
      </c>
      <c r="B1005" t="s">
        <v>839</v>
      </c>
      <c r="C1005" t="s">
        <v>9</v>
      </c>
      <c r="D1005" t="s">
        <v>26</v>
      </c>
      <c r="E1005" t="s">
        <v>11</v>
      </c>
      <c r="F1005" s="2">
        <v>1</v>
      </c>
      <c r="G1005" t="s">
        <v>181</v>
      </c>
      <c r="H1005" t="s">
        <v>13</v>
      </c>
    </row>
    <row r="1006" spans="1:8" x14ac:dyDescent="0.25">
      <c r="A1006" s="1">
        <v>45269</v>
      </c>
      <c r="B1006" t="s">
        <v>840</v>
      </c>
      <c r="C1006" t="s">
        <v>19</v>
      </c>
      <c r="D1006" t="s">
        <v>10</v>
      </c>
      <c r="E1006" t="s">
        <v>11</v>
      </c>
      <c r="F1006" s="2">
        <v>1</v>
      </c>
      <c r="G1006" t="s">
        <v>191</v>
      </c>
      <c r="H1006" t="s">
        <v>13</v>
      </c>
    </row>
    <row r="1007" spans="1:8" x14ac:dyDescent="0.25">
      <c r="A1007" s="1">
        <v>45268</v>
      </c>
      <c r="B1007" t="s">
        <v>841</v>
      </c>
      <c r="C1007" t="s">
        <v>9</v>
      </c>
      <c r="D1007" t="s">
        <v>10</v>
      </c>
      <c r="E1007" t="s">
        <v>11</v>
      </c>
      <c r="F1007" s="2">
        <v>1</v>
      </c>
      <c r="G1007" t="s">
        <v>37</v>
      </c>
      <c r="H1007" t="s">
        <v>13</v>
      </c>
    </row>
    <row r="1008" spans="1:8" x14ac:dyDescent="0.25">
      <c r="A1008" s="1">
        <v>45268</v>
      </c>
      <c r="B1008" t="s">
        <v>841</v>
      </c>
      <c r="C1008" t="s">
        <v>42</v>
      </c>
      <c r="D1008" t="s">
        <v>10</v>
      </c>
      <c r="E1008" t="s">
        <v>11</v>
      </c>
      <c r="F1008" s="2">
        <v>1</v>
      </c>
      <c r="G1008" t="s">
        <v>37</v>
      </c>
      <c r="H1008" t="s">
        <v>13</v>
      </c>
    </row>
    <row r="1009" spans="1:8" x14ac:dyDescent="0.25">
      <c r="A1009" s="1">
        <v>45268</v>
      </c>
      <c r="B1009" t="s">
        <v>842</v>
      </c>
      <c r="C1009" t="s">
        <v>47</v>
      </c>
      <c r="D1009" t="s">
        <v>10</v>
      </c>
      <c r="E1009" t="s">
        <v>11</v>
      </c>
      <c r="F1009" s="2">
        <v>1</v>
      </c>
      <c r="G1009" t="s">
        <v>710</v>
      </c>
      <c r="H1009" t="s">
        <v>13</v>
      </c>
    </row>
    <row r="1010" spans="1:8" x14ac:dyDescent="0.25">
      <c r="A1010" s="1">
        <v>45268</v>
      </c>
      <c r="B1010" t="s">
        <v>843</v>
      </c>
      <c r="C1010" t="s">
        <v>47</v>
      </c>
      <c r="D1010" t="s">
        <v>10</v>
      </c>
      <c r="E1010" t="s">
        <v>11</v>
      </c>
      <c r="F1010" s="2">
        <v>1</v>
      </c>
      <c r="G1010" t="s">
        <v>53</v>
      </c>
      <c r="H1010" t="s">
        <v>13</v>
      </c>
    </row>
    <row r="1011" spans="1:8" x14ac:dyDescent="0.25">
      <c r="A1011" s="1">
        <v>45267</v>
      </c>
      <c r="B1011" t="s">
        <v>844</v>
      </c>
      <c r="C1011" t="s">
        <v>79</v>
      </c>
      <c r="D1011" t="s">
        <v>26</v>
      </c>
      <c r="E1011" t="s">
        <v>11</v>
      </c>
      <c r="F1011" s="2">
        <v>1</v>
      </c>
      <c r="G1011" t="s">
        <v>20</v>
      </c>
      <c r="H1011" t="s">
        <v>13</v>
      </c>
    </row>
    <row r="1012" spans="1:8" x14ac:dyDescent="0.25">
      <c r="A1012" s="1">
        <v>45267</v>
      </c>
      <c r="B1012" t="s">
        <v>844</v>
      </c>
      <c r="C1012" t="s">
        <v>80</v>
      </c>
      <c r="D1012" t="s">
        <v>26</v>
      </c>
      <c r="E1012" t="s">
        <v>11</v>
      </c>
      <c r="F1012" s="2">
        <v>1</v>
      </c>
      <c r="G1012" t="s">
        <v>20</v>
      </c>
      <c r="H1012" t="s">
        <v>13</v>
      </c>
    </row>
    <row r="1013" spans="1:8" x14ac:dyDescent="0.25">
      <c r="A1013" s="1">
        <v>45267</v>
      </c>
      <c r="B1013" t="s">
        <v>845</v>
      </c>
      <c r="C1013" t="s">
        <v>34</v>
      </c>
      <c r="D1013" t="s">
        <v>10</v>
      </c>
      <c r="E1013" t="s">
        <v>11</v>
      </c>
      <c r="F1013" s="2">
        <v>1</v>
      </c>
      <c r="G1013" t="s">
        <v>46</v>
      </c>
      <c r="H1013" t="s">
        <v>13</v>
      </c>
    </row>
    <row r="1014" spans="1:8" x14ac:dyDescent="0.25">
      <c r="A1014" s="1">
        <v>45267</v>
      </c>
      <c r="B1014" t="s">
        <v>845</v>
      </c>
      <c r="C1014" t="s">
        <v>174</v>
      </c>
      <c r="D1014" t="s">
        <v>10</v>
      </c>
      <c r="E1014" t="s">
        <v>11</v>
      </c>
      <c r="F1014" s="2">
        <v>1</v>
      </c>
      <c r="G1014" t="s">
        <v>46</v>
      </c>
      <c r="H1014" t="s">
        <v>13</v>
      </c>
    </row>
    <row r="1015" spans="1:8" x14ac:dyDescent="0.25">
      <c r="A1015" s="1">
        <v>45264</v>
      </c>
      <c r="B1015" t="s">
        <v>846</v>
      </c>
      <c r="C1015" t="s">
        <v>79</v>
      </c>
      <c r="D1015" t="s">
        <v>10</v>
      </c>
      <c r="E1015" t="s">
        <v>11</v>
      </c>
      <c r="F1015" s="2">
        <v>1</v>
      </c>
      <c r="G1015" t="s">
        <v>275</v>
      </c>
      <c r="H1015" t="s">
        <v>13</v>
      </c>
    </row>
    <row r="1016" spans="1:8" x14ac:dyDescent="0.25">
      <c r="A1016" s="1">
        <v>45264</v>
      </c>
      <c r="B1016" t="s">
        <v>846</v>
      </c>
      <c r="C1016" t="s">
        <v>80</v>
      </c>
      <c r="D1016" t="s">
        <v>10</v>
      </c>
      <c r="E1016" t="s">
        <v>11</v>
      </c>
      <c r="F1016" s="2">
        <v>1</v>
      </c>
      <c r="G1016" t="s">
        <v>275</v>
      </c>
      <c r="H1016" t="s">
        <v>13</v>
      </c>
    </row>
    <row r="1017" spans="1:8" x14ac:dyDescent="0.25">
      <c r="A1017" s="1">
        <v>45264</v>
      </c>
      <c r="B1017" t="s">
        <v>847</v>
      </c>
      <c r="C1017" t="s">
        <v>29</v>
      </c>
      <c r="D1017" t="s">
        <v>10</v>
      </c>
      <c r="E1017" t="s">
        <v>11</v>
      </c>
      <c r="F1017" s="2">
        <v>1</v>
      </c>
      <c r="G1017" t="s">
        <v>20</v>
      </c>
      <c r="H1017" t="s">
        <v>13</v>
      </c>
    </row>
    <row r="1018" spans="1:8" x14ac:dyDescent="0.25">
      <c r="A1018" s="1">
        <v>45264</v>
      </c>
      <c r="B1018" t="s">
        <v>847</v>
      </c>
      <c r="C1018" t="s">
        <v>47</v>
      </c>
      <c r="D1018" t="s">
        <v>10</v>
      </c>
      <c r="E1018" t="s">
        <v>11</v>
      </c>
      <c r="F1018" s="2">
        <v>1</v>
      </c>
      <c r="G1018" t="s">
        <v>20</v>
      </c>
      <c r="H1018" t="s">
        <v>13</v>
      </c>
    </row>
    <row r="1019" spans="1:8" x14ac:dyDescent="0.25">
      <c r="A1019" s="1">
        <v>45264</v>
      </c>
      <c r="B1019" t="s">
        <v>848</v>
      </c>
      <c r="C1019" t="s">
        <v>268</v>
      </c>
      <c r="D1019" t="s">
        <v>10</v>
      </c>
      <c r="E1019" t="s">
        <v>11</v>
      </c>
      <c r="F1019" s="2">
        <v>1</v>
      </c>
      <c r="G1019" t="s">
        <v>197</v>
      </c>
      <c r="H1019" t="s">
        <v>13</v>
      </c>
    </row>
    <row r="1020" spans="1:8" x14ac:dyDescent="0.25">
      <c r="A1020" s="1">
        <v>45264</v>
      </c>
      <c r="B1020" t="s">
        <v>849</v>
      </c>
      <c r="C1020" t="s">
        <v>9</v>
      </c>
      <c r="D1020" t="s">
        <v>10</v>
      </c>
      <c r="E1020" t="s">
        <v>11</v>
      </c>
      <c r="F1020" s="2">
        <v>1</v>
      </c>
      <c r="G1020" t="s">
        <v>191</v>
      </c>
      <c r="H1020" t="s">
        <v>13</v>
      </c>
    </row>
    <row r="1021" spans="1:8" x14ac:dyDescent="0.25">
      <c r="A1021" s="1">
        <v>45263</v>
      </c>
      <c r="B1021" t="s">
        <v>850</v>
      </c>
      <c r="C1021" t="s">
        <v>19</v>
      </c>
      <c r="D1021" t="s">
        <v>10</v>
      </c>
      <c r="E1021" t="s">
        <v>11</v>
      </c>
      <c r="F1021" s="2">
        <v>1</v>
      </c>
      <c r="G1021" t="s">
        <v>67</v>
      </c>
      <c r="H1021" t="s">
        <v>13</v>
      </c>
    </row>
    <row r="1022" spans="1:8" x14ac:dyDescent="0.25">
      <c r="A1022" s="1">
        <v>45263</v>
      </c>
      <c r="B1022" t="s">
        <v>851</v>
      </c>
      <c r="C1022" t="s">
        <v>9</v>
      </c>
      <c r="D1022" t="s">
        <v>10</v>
      </c>
      <c r="E1022" t="s">
        <v>11</v>
      </c>
      <c r="F1022" s="2">
        <v>1</v>
      </c>
      <c r="G1022" t="s">
        <v>46</v>
      </c>
      <c r="H1022" t="s">
        <v>13</v>
      </c>
    </row>
    <row r="1023" spans="1:8" x14ac:dyDescent="0.25">
      <c r="A1023" s="1">
        <v>45263</v>
      </c>
      <c r="B1023" t="s">
        <v>851</v>
      </c>
      <c r="C1023" t="s">
        <v>35</v>
      </c>
      <c r="D1023" t="s">
        <v>10</v>
      </c>
      <c r="E1023" t="s">
        <v>11</v>
      </c>
      <c r="F1023" s="2">
        <v>1</v>
      </c>
      <c r="G1023" t="s">
        <v>46</v>
      </c>
      <c r="H1023" t="s">
        <v>13</v>
      </c>
    </row>
    <row r="1024" spans="1:8" x14ac:dyDescent="0.25">
      <c r="A1024" s="1">
        <v>45263</v>
      </c>
      <c r="B1024" t="s">
        <v>851</v>
      </c>
      <c r="C1024" t="s">
        <v>65</v>
      </c>
      <c r="D1024" t="s">
        <v>10</v>
      </c>
      <c r="E1024" t="s">
        <v>11</v>
      </c>
      <c r="F1024" s="2">
        <v>1</v>
      </c>
      <c r="G1024" t="s">
        <v>46</v>
      </c>
      <c r="H1024" t="s">
        <v>13</v>
      </c>
    </row>
    <row r="1025" spans="1:8" x14ac:dyDescent="0.25">
      <c r="A1025" s="1">
        <v>45262</v>
      </c>
      <c r="B1025" t="s">
        <v>852</v>
      </c>
      <c r="C1025" t="s">
        <v>9</v>
      </c>
      <c r="D1025" t="s">
        <v>10</v>
      </c>
      <c r="E1025" t="s">
        <v>11</v>
      </c>
      <c r="F1025" s="2">
        <v>1</v>
      </c>
      <c r="G1025" t="s">
        <v>83</v>
      </c>
      <c r="H1025" t="s">
        <v>13</v>
      </c>
    </row>
    <row r="1026" spans="1:8" x14ac:dyDescent="0.25">
      <c r="A1026" s="1">
        <v>45262</v>
      </c>
      <c r="B1026" t="s">
        <v>852</v>
      </c>
      <c r="C1026" t="s">
        <v>47</v>
      </c>
      <c r="D1026" t="s">
        <v>10</v>
      </c>
      <c r="E1026" t="s">
        <v>11</v>
      </c>
      <c r="F1026" s="2">
        <v>1</v>
      </c>
      <c r="G1026" t="s">
        <v>83</v>
      </c>
      <c r="H1026" t="s">
        <v>13</v>
      </c>
    </row>
    <row r="1027" spans="1:8" x14ac:dyDescent="0.25">
      <c r="A1027" s="1">
        <v>45262</v>
      </c>
      <c r="B1027" t="s">
        <v>853</v>
      </c>
      <c r="C1027" t="s">
        <v>79</v>
      </c>
      <c r="D1027" t="s">
        <v>10</v>
      </c>
      <c r="E1027" t="s">
        <v>11</v>
      </c>
      <c r="F1027" s="2">
        <v>1</v>
      </c>
      <c r="G1027" t="s">
        <v>46</v>
      </c>
      <c r="H1027" t="s">
        <v>13</v>
      </c>
    </row>
    <row r="1028" spans="1:8" x14ac:dyDescent="0.25">
      <c r="A1028" s="1">
        <v>45262</v>
      </c>
      <c r="B1028" t="s">
        <v>853</v>
      </c>
      <c r="C1028" t="s">
        <v>80</v>
      </c>
      <c r="D1028" t="s">
        <v>10</v>
      </c>
      <c r="E1028" t="s">
        <v>11</v>
      </c>
      <c r="F1028" s="2">
        <v>1</v>
      </c>
      <c r="G1028" t="s">
        <v>46</v>
      </c>
      <c r="H1028" t="s">
        <v>13</v>
      </c>
    </row>
    <row r="1029" spans="1:8" x14ac:dyDescent="0.25">
      <c r="A1029" s="1">
        <v>45261</v>
      </c>
      <c r="B1029" t="s">
        <v>854</v>
      </c>
      <c r="C1029" t="s">
        <v>86</v>
      </c>
      <c r="D1029" t="s">
        <v>10</v>
      </c>
      <c r="E1029" t="s">
        <v>11</v>
      </c>
      <c r="F1029" s="2">
        <v>1</v>
      </c>
      <c r="G1029" t="s">
        <v>100</v>
      </c>
      <c r="H1029" t="s">
        <v>13</v>
      </c>
    </row>
    <row r="1030" spans="1:8" x14ac:dyDescent="0.25">
      <c r="A1030" s="1">
        <v>45259</v>
      </c>
      <c r="B1030" t="s">
        <v>855</v>
      </c>
      <c r="C1030" t="s">
        <v>9</v>
      </c>
      <c r="D1030" t="s">
        <v>26</v>
      </c>
      <c r="E1030" t="s">
        <v>11</v>
      </c>
      <c r="F1030" s="2">
        <v>1</v>
      </c>
      <c r="G1030" t="s">
        <v>856</v>
      </c>
      <c r="H1030" t="s">
        <v>13</v>
      </c>
    </row>
    <row r="1031" spans="1:8" x14ac:dyDescent="0.25">
      <c r="A1031" s="1">
        <v>45259</v>
      </c>
      <c r="B1031" t="s">
        <v>857</v>
      </c>
      <c r="C1031" t="s">
        <v>9</v>
      </c>
      <c r="D1031" t="s">
        <v>10</v>
      </c>
      <c r="E1031" t="s">
        <v>11</v>
      </c>
      <c r="F1031" s="2">
        <v>1</v>
      </c>
      <c r="G1031" t="s">
        <v>20</v>
      </c>
      <c r="H1031" t="s">
        <v>13</v>
      </c>
    </row>
    <row r="1032" spans="1:8" x14ac:dyDescent="0.25">
      <c r="A1032" s="1">
        <v>45259</v>
      </c>
      <c r="B1032" t="s">
        <v>858</v>
      </c>
      <c r="C1032" t="s">
        <v>35</v>
      </c>
      <c r="D1032" t="s">
        <v>10</v>
      </c>
      <c r="E1032" t="s">
        <v>11</v>
      </c>
      <c r="F1032" s="2">
        <v>1</v>
      </c>
      <c r="G1032" t="s">
        <v>859</v>
      </c>
      <c r="H1032" t="s">
        <v>13</v>
      </c>
    </row>
    <row r="1033" spans="1:8" x14ac:dyDescent="0.25">
      <c r="A1033" s="1">
        <v>45258</v>
      </c>
      <c r="B1033" t="s">
        <v>860</v>
      </c>
      <c r="C1033" t="s">
        <v>19</v>
      </c>
      <c r="D1033" t="s">
        <v>10</v>
      </c>
      <c r="E1033" t="s">
        <v>11</v>
      </c>
      <c r="F1033" s="2">
        <v>1</v>
      </c>
      <c r="G1033" t="s">
        <v>46</v>
      </c>
      <c r="H1033" t="s">
        <v>13</v>
      </c>
    </row>
    <row r="1034" spans="1:8" x14ac:dyDescent="0.25">
      <c r="A1034" s="1">
        <v>45257</v>
      </c>
      <c r="B1034" t="s">
        <v>861</v>
      </c>
      <c r="C1034" t="s">
        <v>16</v>
      </c>
      <c r="D1034" t="s">
        <v>10</v>
      </c>
      <c r="E1034" t="s">
        <v>11</v>
      </c>
      <c r="F1034" s="2">
        <v>1</v>
      </c>
      <c r="G1034" t="s">
        <v>31</v>
      </c>
      <c r="H1034" t="s">
        <v>13</v>
      </c>
    </row>
    <row r="1035" spans="1:8" x14ac:dyDescent="0.25">
      <c r="A1035" s="1">
        <v>45257</v>
      </c>
      <c r="B1035" t="s">
        <v>862</v>
      </c>
      <c r="C1035" t="s">
        <v>52</v>
      </c>
      <c r="D1035" t="s">
        <v>10</v>
      </c>
      <c r="E1035" t="s">
        <v>11</v>
      </c>
      <c r="F1035" s="2">
        <v>1</v>
      </c>
      <c r="G1035" t="s">
        <v>157</v>
      </c>
      <c r="H1035" t="s">
        <v>13</v>
      </c>
    </row>
    <row r="1036" spans="1:8" x14ac:dyDescent="0.25">
      <c r="A1036" s="1">
        <v>45257</v>
      </c>
      <c r="B1036" t="s">
        <v>862</v>
      </c>
      <c r="C1036" t="s">
        <v>35</v>
      </c>
      <c r="D1036" t="s">
        <v>10</v>
      </c>
      <c r="E1036" t="s">
        <v>11</v>
      </c>
      <c r="F1036" s="2">
        <v>1</v>
      </c>
      <c r="G1036" t="s">
        <v>157</v>
      </c>
      <c r="H1036" t="s">
        <v>13</v>
      </c>
    </row>
    <row r="1037" spans="1:8" x14ac:dyDescent="0.25">
      <c r="A1037" s="1">
        <v>45256</v>
      </c>
      <c r="B1037" t="s">
        <v>863</v>
      </c>
      <c r="C1037" t="s">
        <v>9</v>
      </c>
      <c r="D1037" t="s">
        <v>10</v>
      </c>
      <c r="E1037" t="s">
        <v>11</v>
      </c>
      <c r="F1037" s="2">
        <v>1</v>
      </c>
      <c r="G1037" t="s">
        <v>859</v>
      </c>
      <c r="H1037" t="s">
        <v>13</v>
      </c>
    </row>
    <row r="1038" spans="1:8" x14ac:dyDescent="0.25">
      <c r="A1038" s="1">
        <v>45255</v>
      </c>
      <c r="B1038" t="s">
        <v>864</v>
      </c>
      <c r="C1038" t="s">
        <v>800</v>
      </c>
      <c r="D1038" t="s">
        <v>10</v>
      </c>
      <c r="E1038" t="s">
        <v>11</v>
      </c>
      <c r="F1038" s="2">
        <v>1</v>
      </c>
      <c r="G1038" t="s">
        <v>748</v>
      </c>
      <c r="H1038" t="s">
        <v>13</v>
      </c>
    </row>
    <row r="1039" spans="1:8" x14ac:dyDescent="0.25">
      <c r="A1039" s="1">
        <v>45255</v>
      </c>
      <c r="B1039" t="s">
        <v>864</v>
      </c>
      <c r="C1039" t="s">
        <v>16</v>
      </c>
      <c r="D1039" t="s">
        <v>10</v>
      </c>
      <c r="E1039" t="s">
        <v>11</v>
      </c>
      <c r="F1039" s="2">
        <v>1</v>
      </c>
      <c r="G1039" t="s">
        <v>748</v>
      </c>
      <c r="H1039" t="s">
        <v>13</v>
      </c>
    </row>
    <row r="1040" spans="1:8" x14ac:dyDescent="0.25">
      <c r="A1040" s="1">
        <v>45255</v>
      </c>
      <c r="B1040" t="s">
        <v>864</v>
      </c>
      <c r="C1040" t="s">
        <v>149</v>
      </c>
      <c r="D1040" t="s">
        <v>10</v>
      </c>
      <c r="E1040" t="s">
        <v>11</v>
      </c>
      <c r="F1040" s="2">
        <v>1</v>
      </c>
      <c r="G1040" t="s">
        <v>748</v>
      </c>
      <c r="H1040" t="s">
        <v>13</v>
      </c>
    </row>
    <row r="1041" spans="1:8" x14ac:dyDescent="0.25">
      <c r="A1041" s="1">
        <v>45255</v>
      </c>
      <c r="B1041" t="s">
        <v>865</v>
      </c>
      <c r="C1041" t="s">
        <v>76</v>
      </c>
      <c r="D1041" t="s">
        <v>10</v>
      </c>
      <c r="E1041" t="s">
        <v>11</v>
      </c>
      <c r="F1041" s="2">
        <v>1</v>
      </c>
      <c r="G1041" t="s">
        <v>197</v>
      </c>
      <c r="H1041" t="s">
        <v>13</v>
      </c>
    </row>
    <row r="1042" spans="1:8" x14ac:dyDescent="0.25">
      <c r="A1042" s="1">
        <v>45255</v>
      </c>
      <c r="B1042" t="s">
        <v>866</v>
      </c>
      <c r="C1042" t="s">
        <v>9</v>
      </c>
      <c r="D1042" t="s">
        <v>26</v>
      </c>
      <c r="E1042" t="s">
        <v>11</v>
      </c>
      <c r="F1042" s="2">
        <v>1</v>
      </c>
      <c r="G1042" t="s">
        <v>100</v>
      </c>
      <c r="H1042" t="s">
        <v>13</v>
      </c>
    </row>
    <row r="1043" spans="1:8" x14ac:dyDescent="0.25">
      <c r="A1043" s="1">
        <v>45255</v>
      </c>
      <c r="B1043" t="s">
        <v>866</v>
      </c>
      <c r="C1043" t="s">
        <v>28</v>
      </c>
      <c r="D1043" t="s">
        <v>26</v>
      </c>
      <c r="E1043" t="s">
        <v>11</v>
      </c>
      <c r="F1043" s="2">
        <v>1</v>
      </c>
      <c r="G1043" t="s">
        <v>100</v>
      </c>
      <c r="H1043" t="s">
        <v>13</v>
      </c>
    </row>
    <row r="1044" spans="1:8" x14ac:dyDescent="0.25">
      <c r="A1044" s="1">
        <v>45255</v>
      </c>
      <c r="B1044" t="s">
        <v>866</v>
      </c>
      <c r="C1044" t="s">
        <v>29</v>
      </c>
      <c r="D1044" t="s">
        <v>26</v>
      </c>
      <c r="E1044" t="s">
        <v>11</v>
      </c>
      <c r="F1044" s="2">
        <v>1</v>
      </c>
      <c r="G1044" t="s">
        <v>100</v>
      </c>
      <c r="H1044" t="s">
        <v>13</v>
      </c>
    </row>
    <row r="1045" spans="1:8" x14ac:dyDescent="0.25">
      <c r="A1045" s="1">
        <v>45255</v>
      </c>
      <c r="B1045" t="s">
        <v>866</v>
      </c>
      <c r="C1045" t="s">
        <v>35</v>
      </c>
      <c r="D1045" t="s">
        <v>26</v>
      </c>
      <c r="E1045" t="s">
        <v>11</v>
      </c>
      <c r="F1045" s="2">
        <v>1</v>
      </c>
      <c r="G1045" t="s">
        <v>100</v>
      </c>
      <c r="H1045" t="s">
        <v>13</v>
      </c>
    </row>
    <row r="1046" spans="1:8" x14ac:dyDescent="0.25">
      <c r="A1046" s="1">
        <v>45254</v>
      </c>
      <c r="B1046" t="s">
        <v>867</v>
      </c>
      <c r="C1046" t="s">
        <v>484</v>
      </c>
      <c r="D1046" t="s">
        <v>10</v>
      </c>
      <c r="E1046" t="s">
        <v>11</v>
      </c>
      <c r="F1046" s="2">
        <v>1</v>
      </c>
      <c r="G1046" t="s">
        <v>279</v>
      </c>
      <c r="H1046" t="s">
        <v>13</v>
      </c>
    </row>
    <row r="1047" spans="1:8" x14ac:dyDescent="0.25">
      <c r="A1047" s="1">
        <v>45254</v>
      </c>
      <c r="B1047" t="s">
        <v>868</v>
      </c>
      <c r="C1047" t="s">
        <v>47</v>
      </c>
      <c r="D1047" t="s">
        <v>10</v>
      </c>
      <c r="E1047" t="s">
        <v>11</v>
      </c>
      <c r="F1047" s="2">
        <v>1</v>
      </c>
      <c r="G1047" t="s">
        <v>100</v>
      </c>
      <c r="H1047" t="s">
        <v>13</v>
      </c>
    </row>
    <row r="1048" spans="1:8" x14ac:dyDescent="0.25">
      <c r="A1048" s="1">
        <v>45254</v>
      </c>
      <c r="B1048" t="s">
        <v>869</v>
      </c>
      <c r="C1048" t="s">
        <v>79</v>
      </c>
      <c r="D1048" t="s">
        <v>10</v>
      </c>
      <c r="E1048" t="s">
        <v>11</v>
      </c>
      <c r="F1048" s="2">
        <v>1</v>
      </c>
      <c r="G1048" t="s">
        <v>37</v>
      </c>
      <c r="H1048" t="s">
        <v>13</v>
      </c>
    </row>
    <row r="1049" spans="1:8" x14ac:dyDescent="0.25">
      <c r="A1049" s="1">
        <v>45254</v>
      </c>
      <c r="B1049" t="s">
        <v>869</v>
      </c>
      <c r="C1049" t="s">
        <v>870</v>
      </c>
      <c r="D1049" t="s">
        <v>10</v>
      </c>
      <c r="E1049" t="s">
        <v>11</v>
      </c>
      <c r="F1049" s="2">
        <v>1</v>
      </c>
      <c r="G1049" t="s">
        <v>37</v>
      </c>
      <c r="H1049" t="s">
        <v>13</v>
      </c>
    </row>
    <row r="1050" spans="1:8" x14ac:dyDescent="0.25">
      <c r="A1050" s="1">
        <v>45254</v>
      </c>
      <c r="B1050" t="s">
        <v>871</v>
      </c>
      <c r="C1050" t="s">
        <v>79</v>
      </c>
      <c r="D1050" t="s">
        <v>10</v>
      </c>
      <c r="E1050" t="s">
        <v>11</v>
      </c>
      <c r="F1050" s="2">
        <v>1</v>
      </c>
      <c r="G1050" t="s">
        <v>83</v>
      </c>
      <c r="H1050" t="s">
        <v>13</v>
      </c>
    </row>
    <row r="1051" spans="1:8" x14ac:dyDescent="0.25">
      <c r="A1051" s="1">
        <v>45254</v>
      </c>
      <c r="B1051" t="s">
        <v>871</v>
      </c>
      <c r="C1051" t="s">
        <v>80</v>
      </c>
      <c r="D1051" t="s">
        <v>10</v>
      </c>
      <c r="E1051" t="s">
        <v>11</v>
      </c>
      <c r="F1051" s="2">
        <v>1</v>
      </c>
      <c r="G1051" t="s">
        <v>83</v>
      </c>
      <c r="H1051" t="s">
        <v>13</v>
      </c>
    </row>
    <row r="1052" spans="1:8" x14ac:dyDescent="0.25">
      <c r="A1052" s="1">
        <v>45254</v>
      </c>
      <c r="B1052" t="s">
        <v>872</v>
      </c>
      <c r="C1052" t="s">
        <v>9</v>
      </c>
      <c r="D1052" t="s">
        <v>10</v>
      </c>
      <c r="E1052" t="s">
        <v>11</v>
      </c>
      <c r="F1052" s="2">
        <v>1</v>
      </c>
      <c r="G1052" t="s">
        <v>181</v>
      </c>
      <c r="H1052" t="s">
        <v>13</v>
      </c>
    </row>
    <row r="1053" spans="1:8" x14ac:dyDescent="0.25">
      <c r="A1053" s="1">
        <v>45254</v>
      </c>
      <c r="B1053" t="s">
        <v>872</v>
      </c>
      <c r="C1053" t="s">
        <v>14</v>
      </c>
      <c r="D1053" t="s">
        <v>10</v>
      </c>
      <c r="E1053" t="s">
        <v>11</v>
      </c>
      <c r="F1053" s="2">
        <v>1</v>
      </c>
      <c r="G1053" t="s">
        <v>181</v>
      </c>
      <c r="H1053" t="s">
        <v>13</v>
      </c>
    </row>
    <row r="1054" spans="1:8" x14ac:dyDescent="0.25">
      <c r="A1054" s="1">
        <v>45252</v>
      </c>
      <c r="B1054" t="s">
        <v>873</v>
      </c>
      <c r="C1054" t="s">
        <v>74</v>
      </c>
      <c r="D1054" t="s">
        <v>10</v>
      </c>
      <c r="E1054" t="s">
        <v>11</v>
      </c>
      <c r="F1054" s="2">
        <v>1</v>
      </c>
      <c r="G1054" t="s">
        <v>46</v>
      </c>
      <c r="H1054" t="s">
        <v>13</v>
      </c>
    </row>
    <row r="1055" spans="1:8" x14ac:dyDescent="0.25">
      <c r="A1055" s="1">
        <v>45252</v>
      </c>
      <c r="B1055" t="s">
        <v>874</v>
      </c>
      <c r="C1055" t="s">
        <v>9</v>
      </c>
      <c r="D1055" t="s">
        <v>10</v>
      </c>
      <c r="E1055" t="s">
        <v>11</v>
      </c>
      <c r="F1055" s="2">
        <v>1</v>
      </c>
      <c r="G1055" t="s">
        <v>768</v>
      </c>
      <c r="H1055" t="s">
        <v>13</v>
      </c>
    </row>
    <row r="1056" spans="1:8" x14ac:dyDescent="0.25">
      <c r="A1056" s="1">
        <v>45252</v>
      </c>
      <c r="B1056" t="s">
        <v>875</v>
      </c>
      <c r="C1056" t="s">
        <v>74</v>
      </c>
      <c r="D1056" t="s">
        <v>10</v>
      </c>
      <c r="E1056" t="s">
        <v>11</v>
      </c>
      <c r="F1056" s="2">
        <v>1</v>
      </c>
      <c r="G1056" t="s">
        <v>100</v>
      </c>
      <c r="H1056" t="s">
        <v>13</v>
      </c>
    </row>
    <row r="1057" spans="1:8" x14ac:dyDescent="0.25">
      <c r="A1057" s="1">
        <v>45252</v>
      </c>
      <c r="B1057" t="s">
        <v>876</v>
      </c>
      <c r="C1057" t="s">
        <v>74</v>
      </c>
      <c r="D1057" t="s">
        <v>10</v>
      </c>
      <c r="E1057" t="s">
        <v>11</v>
      </c>
      <c r="F1057" s="2">
        <v>1</v>
      </c>
      <c r="G1057" t="s">
        <v>46</v>
      </c>
      <c r="H1057" t="s">
        <v>13</v>
      </c>
    </row>
    <row r="1058" spans="1:8" x14ac:dyDescent="0.25">
      <c r="A1058" s="1">
        <v>45252</v>
      </c>
      <c r="B1058" t="s">
        <v>877</v>
      </c>
      <c r="C1058" t="s">
        <v>9</v>
      </c>
      <c r="D1058" t="s">
        <v>10</v>
      </c>
      <c r="E1058" t="s">
        <v>11</v>
      </c>
      <c r="F1058" s="2">
        <v>1</v>
      </c>
      <c r="G1058" t="s">
        <v>878</v>
      </c>
      <c r="H1058" t="s">
        <v>13</v>
      </c>
    </row>
    <row r="1059" spans="1:8" x14ac:dyDescent="0.25">
      <c r="A1059" s="1">
        <v>45252</v>
      </c>
      <c r="B1059" t="s">
        <v>879</v>
      </c>
      <c r="C1059" t="s">
        <v>120</v>
      </c>
      <c r="D1059" t="s">
        <v>10</v>
      </c>
      <c r="E1059" t="s">
        <v>11</v>
      </c>
      <c r="F1059" s="2">
        <v>1</v>
      </c>
      <c r="G1059" t="s">
        <v>880</v>
      </c>
      <c r="H1059" t="s">
        <v>13</v>
      </c>
    </row>
    <row r="1060" spans="1:8" x14ac:dyDescent="0.25">
      <c r="A1060" s="1">
        <v>45251</v>
      </c>
      <c r="B1060" t="s">
        <v>881</v>
      </c>
      <c r="C1060" t="s">
        <v>47</v>
      </c>
      <c r="D1060" t="s">
        <v>10</v>
      </c>
      <c r="E1060" t="s">
        <v>11</v>
      </c>
      <c r="F1060" s="2">
        <v>1</v>
      </c>
      <c r="G1060" t="s">
        <v>197</v>
      </c>
      <c r="H1060" t="s">
        <v>13</v>
      </c>
    </row>
    <row r="1061" spans="1:8" x14ac:dyDescent="0.25">
      <c r="A1061" s="1">
        <v>45251</v>
      </c>
      <c r="B1061" t="s">
        <v>882</v>
      </c>
      <c r="C1061" t="s">
        <v>174</v>
      </c>
      <c r="D1061" t="s">
        <v>10</v>
      </c>
      <c r="E1061" t="s">
        <v>11</v>
      </c>
      <c r="F1061" s="2">
        <v>1</v>
      </c>
      <c r="G1061" t="s">
        <v>197</v>
      </c>
      <c r="H1061" t="s">
        <v>13</v>
      </c>
    </row>
    <row r="1062" spans="1:8" x14ac:dyDescent="0.25">
      <c r="A1062" s="1">
        <v>45251</v>
      </c>
      <c r="B1062" t="s">
        <v>882</v>
      </c>
      <c r="C1062" t="s">
        <v>47</v>
      </c>
      <c r="D1062" t="s">
        <v>10</v>
      </c>
      <c r="E1062" t="s">
        <v>11</v>
      </c>
      <c r="F1062" s="2">
        <v>1</v>
      </c>
      <c r="G1062" t="s">
        <v>197</v>
      </c>
      <c r="H1062" t="s">
        <v>13</v>
      </c>
    </row>
    <row r="1063" spans="1:8" x14ac:dyDescent="0.25">
      <c r="A1063" s="1">
        <v>45251</v>
      </c>
      <c r="B1063" t="s">
        <v>883</v>
      </c>
      <c r="C1063" t="s">
        <v>28</v>
      </c>
      <c r="D1063" t="s">
        <v>10</v>
      </c>
      <c r="E1063" t="s">
        <v>11</v>
      </c>
      <c r="F1063" s="2">
        <v>1</v>
      </c>
      <c r="G1063" t="s">
        <v>216</v>
      </c>
      <c r="H1063" t="s">
        <v>13</v>
      </c>
    </row>
    <row r="1064" spans="1:8" x14ac:dyDescent="0.25">
      <c r="A1064" s="1">
        <v>45250</v>
      </c>
      <c r="B1064" t="s">
        <v>884</v>
      </c>
      <c r="C1064" t="s">
        <v>19</v>
      </c>
      <c r="D1064" t="s">
        <v>10</v>
      </c>
      <c r="E1064" t="s">
        <v>11</v>
      </c>
      <c r="F1064" s="2">
        <v>1</v>
      </c>
      <c r="G1064" t="s">
        <v>111</v>
      </c>
      <c r="H1064" t="s">
        <v>13</v>
      </c>
    </row>
    <row r="1065" spans="1:8" x14ac:dyDescent="0.25">
      <c r="A1065" s="1">
        <v>45250</v>
      </c>
      <c r="B1065" t="s">
        <v>884</v>
      </c>
      <c r="C1065" t="s">
        <v>689</v>
      </c>
      <c r="D1065" t="s">
        <v>10</v>
      </c>
      <c r="E1065" t="s">
        <v>11</v>
      </c>
      <c r="F1065" s="2">
        <v>1</v>
      </c>
      <c r="G1065" t="s">
        <v>111</v>
      </c>
      <c r="H1065" t="s">
        <v>13</v>
      </c>
    </row>
    <row r="1066" spans="1:8" x14ac:dyDescent="0.25">
      <c r="A1066" s="1">
        <v>45250</v>
      </c>
      <c r="B1066" t="s">
        <v>885</v>
      </c>
      <c r="C1066" t="s">
        <v>79</v>
      </c>
      <c r="D1066" t="s">
        <v>10</v>
      </c>
      <c r="E1066" t="s">
        <v>11</v>
      </c>
      <c r="F1066" s="2">
        <v>1</v>
      </c>
      <c r="G1066" t="s">
        <v>46</v>
      </c>
      <c r="H1066" t="s">
        <v>13</v>
      </c>
    </row>
    <row r="1067" spans="1:8" x14ac:dyDescent="0.25">
      <c r="A1067" s="1">
        <v>45250</v>
      </c>
      <c r="B1067" t="s">
        <v>885</v>
      </c>
      <c r="C1067" t="s">
        <v>80</v>
      </c>
      <c r="D1067" t="s">
        <v>10</v>
      </c>
      <c r="E1067" t="s">
        <v>11</v>
      </c>
      <c r="F1067" s="2">
        <v>1</v>
      </c>
      <c r="G1067" t="s">
        <v>46</v>
      </c>
      <c r="H1067" t="s">
        <v>13</v>
      </c>
    </row>
    <row r="1068" spans="1:8" x14ac:dyDescent="0.25">
      <c r="A1068" s="1">
        <v>45250</v>
      </c>
      <c r="B1068" t="s">
        <v>886</v>
      </c>
      <c r="C1068" t="s">
        <v>9</v>
      </c>
      <c r="D1068" t="s">
        <v>10</v>
      </c>
      <c r="E1068" t="s">
        <v>11</v>
      </c>
      <c r="F1068" s="2">
        <v>1</v>
      </c>
      <c r="G1068" t="s">
        <v>113</v>
      </c>
      <c r="H1068" t="s">
        <v>13</v>
      </c>
    </row>
    <row r="1069" spans="1:8" x14ac:dyDescent="0.25">
      <c r="A1069" s="1">
        <v>45250</v>
      </c>
      <c r="B1069" t="s">
        <v>886</v>
      </c>
      <c r="C1069" t="s">
        <v>35</v>
      </c>
      <c r="D1069" t="s">
        <v>10</v>
      </c>
      <c r="E1069" t="s">
        <v>11</v>
      </c>
      <c r="F1069" s="2">
        <v>1</v>
      </c>
      <c r="G1069" t="s">
        <v>113</v>
      </c>
      <c r="H1069" t="s">
        <v>13</v>
      </c>
    </row>
    <row r="1070" spans="1:8" x14ac:dyDescent="0.25">
      <c r="A1070" s="1">
        <v>45249</v>
      </c>
      <c r="B1070" t="s">
        <v>887</v>
      </c>
      <c r="C1070" t="s">
        <v>9</v>
      </c>
      <c r="D1070" t="s">
        <v>10</v>
      </c>
      <c r="E1070" t="s">
        <v>11</v>
      </c>
      <c r="F1070" s="2">
        <v>1</v>
      </c>
      <c r="G1070" t="s">
        <v>748</v>
      </c>
      <c r="H1070" t="s">
        <v>13</v>
      </c>
    </row>
    <row r="1071" spans="1:8" x14ac:dyDescent="0.25">
      <c r="A1071" s="1">
        <v>45249</v>
      </c>
      <c r="B1071" t="s">
        <v>887</v>
      </c>
      <c r="C1071" t="s">
        <v>35</v>
      </c>
      <c r="D1071" t="s">
        <v>10</v>
      </c>
      <c r="E1071" t="s">
        <v>11</v>
      </c>
      <c r="F1071" s="2">
        <v>1</v>
      </c>
      <c r="G1071" t="s">
        <v>748</v>
      </c>
      <c r="H1071" t="s">
        <v>13</v>
      </c>
    </row>
    <row r="1072" spans="1:8" x14ac:dyDescent="0.25">
      <c r="A1072" s="1">
        <v>45245</v>
      </c>
      <c r="B1072" t="s">
        <v>888</v>
      </c>
      <c r="C1072" t="s">
        <v>86</v>
      </c>
      <c r="D1072" t="s">
        <v>10</v>
      </c>
      <c r="E1072" t="s">
        <v>11</v>
      </c>
      <c r="F1072" s="2">
        <v>1</v>
      </c>
      <c r="G1072" t="s">
        <v>889</v>
      </c>
      <c r="H1072" t="s">
        <v>13</v>
      </c>
    </row>
    <row r="1073" spans="1:8" x14ac:dyDescent="0.25">
      <c r="A1073" s="1">
        <v>45245</v>
      </c>
      <c r="B1073" t="s">
        <v>888</v>
      </c>
      <c r="C1073" t="s">
        <v>35</v>
      </c>
      <c r="D1073" t="s">
        <v>10</v>
      </c>
      <c r="E1073" t="s">
        <v>11</v>
      </c>
      <c r="F1073" s="2">
        <v>1</v>
      </c>
      <c r="G1073" t="s">
        <v>889</v>
      </c>
      <c r="H1073" t="s">
        <v>13</v>
      </c>
    </row>
    <row r="1074" spans="1:8" x14ac:dyDescent="0.25">
      <c r="A1074" s="1">
        <v>45245</v>
      </c>
      <c r="B1074" t="s">
        <v>890</v>
      </c>
      <c r="C1074" t="s">
        <v>47</v>
      </c>
      <c r="D1074" t="s">
        <v>10</v>
      </c>
      <c r="E1074" t="s">
        <v>11</v>
      </c>
      <c r="F1074" s="2">
        <v>1</v>
      </c>
      <c r="G1074" t="s">
        <v>661</v>
      </c>
      <c r="H1074" t="s">
        <v>13</v>
      </c>
    </row>
    <row r="1075" spans="1:8" x14ac:dyDescent="0.25">
      <c r="A1075" s="1">
        <v>45245</v>
      </c>
      <c r="B1075" t="s">
        <v>890</v>
      </c>
      <c r="C1075" t="s">
        <v>47</v>
      </c>
      <c r="D1075" t="s">
        <v>10</v>
      </c>
      <c r="E1075" t="s">
        <v>11</v>
      </c>
      <c r="F1075" s="2">
        <v>1</v>
      </c>
      <c r="G1075" t="s">
        <v>661</v>
      </c>
      <c r="H1075" t="s">
        <v>13</v>
      </c>
    </row>
    <row r="1076" spans="1:8" x14ac:dyDescent="0.25">
      <c r="A1076" s="1">
        <v>45245</v>
      </c>
      <c r="B1076" t="s">
        <v>890</v>
      </c>
      <c r="C1076" t="s">
        <v>47</v>
      </c>
      <c r="D1076" t="s">
        <v>10</v>
      </c>
      <c r="E1076" t="s">
        <v>11</v>
      </c>
      <c r="F1076" s="2">
        <v>1</v>
      </c>
      <c r="G1076" t="s">
        <v>661</v>
      </c>
      <c r="H1076" t="s">
        <v>13</v>
      </c>
    </row>
    <row r="1077" spans="1:8" x14ac:dyDescent="0.25">
      <c r="A1077" s="1">
        <v>45243</v>
      </c>
      <c r="B1077" t="s">
        <v>891</v>
      </c>
      <c r="C1077" t="s">
        <v>413</v>
      </c>
      <c r="D1077" t="s">
        <v>10</v>
      </c>
      <c r="E1077" t="s">
        <v>11</v>
      </c>
      <c r="F1077" s="2">
        <v>1</v>
      </c>
      <c r="G1077" t="s">
        <v>63</v>
      </c>
      <c r="H1077" t="s">
        <v>13</v>
      </c>
    </row>
    <row r="1078" spans="1:8" x14ac:dyDescent="0.25">
      <c r="A1078" s="1">
        <v>45243</v>
      </c>
      <c r="B1078" t="s">
        <v>892</v>
      </c>
      <c r="C1078" t="s">
        <v>79</v>
      </c>
      <c r="D1078" t="s">
        <v>10</v>
      </c>
      <c r="E1078" t="s">
        <v>11</v>
      </c>
      <c r="F1078" s="2">
        <v>1</v>
      </c>
      <c r="G1078" t="s">
        <v>244</v>
      </c>
      <c r="H1078" t="s">
        <v>13</v>
      </c>
    </row>
    <row r="1079" spans="1:8" x14ac:dyDescent="0.25">
      <c r="A1079" s="1">
        <v>45243</v>
      </c>
      <c r="B1079" t="s">
        <v>892</v>
      </c>
      <c r="C1079" t="s">
        <v>79</v>
      </c>
      <c r="D1079" t="s">
        <v>10</v>
      </c>
      <c r="E1079" t="s">
        <v>11</v>
      </c>
      <c r="F1079" s="2">
        <v>1</v>
      </c>
      <c r="G1079" t="s">
        <v>244</v>
      </c>
      <c r="H1079" t="s">
        <v>13</v>
      </c>
    </row>
    <row r="1080" spans="1:8" x14ac:dyDescent="0.25">
      <c r="A1080" s="1">
        <v>45243</v>
      </c>
      <c r="B1080" t="s">
        <v>892</v>
      </c>
      <c r="C1080" t="s">
        <v>142</v>
      </c>
      <c r="D1080" t="s">
        <v>10</v>
      </c>
      <c r="E1080" t="s">
        <v>11</v>
      </c>
      <c r="F1080" s="2">
        <v>1</v>
      </c>
      <c r="G1080" t="s">
        <v>244</v>
      </c>
      <c r="H1080" t="s">
        <v>13</v>
      </c>
    </row>
    <row r="1081" spans="1:8" x14ac:dyDescent="0.25">
      <c r="A1081" s="1">
        <v>45243</v>
      </c>
      <c r="B1081" t="s">
        <v>892</v>
      </c>
      <c r="C1081" t="s">
        <v>142</v>
      </c>
      <c r="D1081" t="s">
        <v>10</v>
      </c>
      <c r="E1081" t="s">
        <v>11</v>
      </c>
      <c r="F1081" s="2">
        <v>1</v>
      </c>
      <c r="G1081" t="s">
        <v>244</v>
      </c>
      <c r="H1081" t="s">
        <v>13</v>
      </c>
    </row>
    <row r="1082" spans="1:8" x14ac:dyDescent="0.25">
      <c r="A1082" s="1">
        <v>45243</v>
      </c>
      <c r="B1082" t="s">
        <v>892</v>
      </c>
      <c r="C1082" t="s">
        <v>16</v>
      </c>
      <c r="D1082" t="s">
        <v>10</v>
      </c>
      <c r="E1082" t="s">
        <v>11</v>
      </c>
      <c r="F1082" s="2">
        <v>1</v>
      </c>
      <c r="G1082" t="s">
        <v>244</v>
      </c>
      <c r="H1082" t="s">
        <v>13</v>
      </c>
    </row>
    <row r="1083" spans="1:8" x14ac:dyDescent="0.25">
      <c r="A1083" s="1">
        <v>45243</v>
      </c>
      <c r="B1083" t="s">
        <v>892</v>
      </c>
      <c r="C1083" t="s">
        <v>16</v>
      </c>
      <c r="D1083" t="s">
        <v>10</v>
      </c>
      <c r="E1083" t="s">
        <v>11</v>
      </c>
      <c r="F1083" s="2">
        <v>1</v>
      </c>
      <c r="G1083" t="s">
        <v>244</v>
      </c>
      <c r="H1083" t="s">
        <v>13</v>
      </c>
    </row>
    <row r="1084" spans="1:8" x14ac:dyDescent="0.25">
      <c r="A1084" s="1">
        <v>45243</v>
      </c>
      <c r="B1084" t="s">
        <v>892</v>
      </c>
      <c r="C1084" t="s">
        <v>893</v>
      </c>
      <c r="D1084" t="s">
        <v>10</v>
      </c>
      <c r="E1084" t="s">
        <v>11</v>
      </c>
      <c r="F1084" s="2">
        <v>1</v>
      </c>
      <c r="G1084" t="s">
        <v>244</v>
      </c>
      <c r="H1084" t="s">
        <v>13</v>
      </c>
    </row>
    <row r="1085" spans="1:8" x14ac:dyDescent="0.25">
      <c r="A1085" s="1">
        <v>45243</v>
      </c>
      <c r="B1085" t="s">
        <v>892</v>
      </c>
      <c r="C1085" t="s">
        <v>893</v>
      </c>
      <c r="D1085" t="s">
        <v>10</v>
      </c>
      <c r="E1085" t="s">
        <v>11</v>
      </c>
      <c r="F1085" s="2">
        <v>1</v>
      </c>
      <c r="G1085" t="s">
        <v>244</v>
      </c>
      <c r="H1085" t="s">
        <v>13</v>
      </c>
    </row>
    <row r="1086" spans="1:8" x14ac:dyDescent="0.25">
      <c r="A1086" s="1">
        <v>45243</v>
      </c>
      <c r="B1086" t="s">
        <v>892</v>
      </c>
      <c r="C1086" t="s">
        <v>149</v>
      </c>
      <c r="D1086" t="s">
        <v>10</v>
      </c>
      <c r="E1086" t="s">
        <v>11</v>
      </c>
      <c r="F1086" s="2">
        <v>1</v>
      </c>
      <c r="G1086" t="s">
        <v>244</v>
      </c>
      <c r="H1086" t="s">
        <v>13</v>
      </c>
    </row>
    <row r="1087" spans="1:8" x14ac:dyDescent="0.25">
      <c r="A1087" s="1">
        <v>45243</v>
      </c>
      <c r="B1087" t="s">
        <v>892</v>
      </c>
      <c r="C1087" t="s">
        <v>149</v>
      </c>
      <c r="D1087" t="s">
        <v>10</v>
      </c>
      <c r="E1087" t="s">
        <v>11</v>
      </c>
      <c r="F1087" s="2">
        <v>1</v>
      </c>
      <c r="G1087" t="s">
        <v>244</v>
      </c>
      <c r="H1087" t="s">
        <v>13</v>
      </c>
    </row>
    <row r="1088" spans="1:8" x14ac:dyDescent="0.25">
      <c r="A1088" s="1">
        <v>45243</v>
      </c>
      <c r="B1088" t="s">
        <v>892</v>
      </c>
      <c r="C1088" t="s">
        <v>282</v>
      </c>
      <c r="D1088" t="s">
        <v>10</v>
      </c>
      <c r="E1088" t="s">
        <v>11</v>
      </c>
      <c r="F1088" s="2">
        <v>1</v>
      </c>
      <c r="G1088" t="s">
        <v>244</v>
      </c>
      <c r="H1088" t="s">
        <v>13</v>
      </c>
    </row>
    <row r="1089" spans="1:8" x14ac:dyDescent="0.25">
      <c r="A1089" s="1">
        <v>45243</v>
      </c>
      <c r="B1089" t="s">
        <v>892</v>
      </c>
      <c r="C1089" t="s">
        <v>282</v>
      </c>
      <c r="D1089" t="s">
        <v>10</v>
      </c>
      <c r="E1089" t="s">
        <v>11</v>
      </c>
      <c r="F1089" s="2">
        <v>1</v>
      </c>
      <c r="G1089" t="s">
        <v>244</v>
      </c>
      <c r="H1089" t="s">
        <v>13</v>
      </c>
    </row>
    <row r="1090" spans="1:8" x14ac:dyDescent="0.25">
      <c r="A1090" s="1">
        <v>45243</v>
      </c>
      <c r="B1090" t="s">
        <v>894</v>
      </c>
      <c r="C1090" t="s">
        <v>96</v>
      </c>
      <c r="D1090" t="s">
        <v>10</v>
      </c>
      <c r="E1090" t="s">
        <v>11</v>
      </c>
      <c r="F1090" s="2">
        <v>1</v>
      </c>
      <c r="G1090" t="s">
        <v>135</v>
      </c>
      <c r="H1090" t="s">
        <v>13</v>
      </c>
    </row>
    <row r="1091" spans="1:8" x14ac:dyDescent="0.25">
      <c r="A1091" s="1">
        <v>45241</v>
      </c>
      <c r="B1091" t="s">
        <v>895</v>
      </c>
      <c r="C1091" t="s">
        <v>9</v>
      </c>
      <c r="D1091" t="s">
        <v>10</v>
      </c>
      <c r="E1091" t="s">
        <v>11</v>
      </c>
      <c r="F1091" s="2">
        <v>1</v>
      </c>
      <c r="G1091" t="s">
        <v>181</v>
      </c>
      <c r="H1091" t="s">
        <v>13</v>
      </c>
    </row>
    <row r="1092" spans="1:8" x14ac:dyDescent="0.25">
      <c r="A1092" s="1">
        <v>45241</v>
      </c>
      <c r="B1092" t="s">
        <v>895</v>
      </c>
      <c r="C1092" t="s">
        <v>271</v>
      </c>
      <c r="D1092" t="s">
        <v>10</v>
      </c>
      <c r="E1092" t="s">
        <v>11</v>
      </c>
      <c r="F1092" s="2">
        <v>1</v>
      </c>
      <c r="G1092" t="s">
        <v>181</v>
      </c>
      <c r="H1092" t="s">
        <v>13</v>
      </c>
    </row>
    <row r="1093" spans="1:8" x14ac:dyDescent="0.25">
      <c r="A1093" s="1">
        <v>45241</v>
      </c>
      <c r="B1093" t="s">
        <v>896</v>
      </c>
      <c r="C1093" t="s">
        <v>19</v>
      </c>
      <c r="D1093" t="s">
        <v>10</v>
      </c>
      <c r="E1093" t="s">
        <v>11</v>
      </c>
      <c r="F1093" s="2">
        <v>1</v>
      </c>
      <c r="G1093" t="s">
        <v>191</v>
      </c>
      <c r="H1093" t="s">
        <v>13</v>
      </c>
    </row>
    <row r="1094" spans="1:8" x14ac:dyDescent="0.25">
      <c r="A1094" s="1">
        <v>45241</v>
      </c>
      <c r="B1094" t="s">
        <v>896</v>
      </c>
      <c r="C1094" t="s">
        <v>103</v>
      </c>
      <c r="D1094" t="s">
        <v>10</v>
      </c>
      <c r="E1094" t="s">
        <v>11</v>
      </c>
      <c r="F1094" s="2">
        <v>1</v>
      </c>
      <c r="G1094" t="s">
        <v>191</v>
      </c>
      <c r="H1094" t="s">
        <v>13</v>
      </c>
    </row>
    <row r="1095" spans="1:8" x14ac:dyDescent="0.25">
      <c r="A1095" s="1">
        <v>45241</v>
      </c>
      <c r="B1095" t="s">
        <v>897</v>
      </c>
      <c r="C1095" t="s">
        <v>481</v>
      </c>
      <c r="D1095" t="s">
        <v>10</v>
      </c>
      <c r="E1095" t="s">
        <v>11</v>
      </c>
      <c r="F1095" s="2">
        <v>1</v>
      </c>
      <c r="G1095" t="s">
        <v>40</v>
      </c>
      <c r="H1095" t="s">
        <v>13</v>
      </c>
    </row>
    <row r="1096" spans="1:8" x14ac:dyDescent="0.25">
      <c r="A1096" s="1">
        <v>45241</v>
      </c>
      <c r="B1096" t="s">
        <v>897</v>
      </c>
      <c r="C1096" t="s">
        <v>29</v>
      </c>
      <c r="D1096" t="s">
        <v>10</v>
      </c>
      <c r="E1096" t="s">
        <v>11</v>
      </c>
      <c r="F1096" s="2">
        <v>1</v>
      </c>
      <c r="G1096" t="s">
        <v>40</v>
      </c>
      <c r="H1096" t="s">
        <v>13</v>
      </c>
    </row>
    <row r="1097" spans="1:8" x14ac:dyDescent="0.25">
      <c r="A1097" s="1">
        <v>45241</v>
      </c>
      <c r="B1097" t="s">
        <v>898</v>
      </c>
      <c r="C1097" t="s">
        <v>19</v>
      </c>
      <c r="D1097" t="s">
        <v>10</v>
      </c>
      <c r="E1097" t="s">
        <v>11</v>
      </c>
      <c r="F1097" s="2">
        <v>1</v>
      </c>
      <c r="G1097" t="s">
        <v>244</v>
      </c>
      <c r="H1097" t="s">
        <v>13</v>
      </c>
    </row>
    <row r="1098" spans="1:8" x14ac:dyDescent="0.25">
      <c r="A1098" s="1">
        <v>45240</v>
      </c>
      <c r="B1098" t="s">
        <v>899</v>
      </c>
      <c r="C1098" t="s">
        <v>19</v>
      </c>
      <c r="D1098" t="s">
        <v>10</v>
      </c>
      <c r="E1098" t="s">
        <v>11</v>
      </c>
      <c r="F1098" s="2">
        <v>1</v>
      </c>
      <c r="G1098" t="s">
        <v>37</v>
      </c>
      <c r="H1098" t="s">
        <v>13</v>
      </c>
    </row>
    <row r="1099" spans="1:8" x14ac:dyDescent="0.25">
      <c r="A1099" s="1">
        <v>45240</v>
      </c>
      <c r="B1099" t="s">
        <v>900</v>
      </c>
      <c r="C1099" t="s">
        <v>271</v>
      </c>
      <c r="D1099" t="s">
        <v>10</v>
      </c>
      <c r="E1099" t="s">
        <v>11</v>
      </c>
      <c r="F1099" s="2">
        <v>1</v>
      </c>
      <c r="G1099" t="s">
        <v>793</v>
      </c>
      <c r="H1099" t="s">
        <v>13</v>
      </c>
    </row>
    <row r="1100" spans="1:8" x14ac:dyDescent="0.25">
      <c r="A1100" s="1">
        <v>45240</v>
      </c>
      <c r="B1100" t="s">
        <v>901</v>
      </c>
      <c r="C1100" t="s">
        <v>74</v>
      </c>
      <c r="D1100" t="s">
        <v>10</v>
      </c>
      <c r="E1100" t="s">
        <v>11</v>
      </c>
      <c r="F1100" s="2">
        <v>1</v>
      </c>
      <c r="G1100" t="s">
        <v>72</v>
      </c>
      <c r="H1100" t="s">
        <v>13</v>
      </c>
    </row>
    <row r="1101" spans="1:8" x14ac:dyDescent="0.25">
      <c r="A1101" s="1">
        <v>45240</v>
      </c>
      <c r="B1101" t="s">
        <v>901</v>
      </c>
      <c r="C1101" t="s">
        <v>902</v>
      </c>
      <c r="D1101" t="s">
        <v>10</v>
      </c>
      <c r="E1101" t="s">
        <v>11</v>
      </c>
      <c r="F1101" s="2">
        <v>1</v>
      </c>
      <c r="G1101" t="s">
        <v>72</v>
      </c>
      <c r="H1101" t="s">
        <v>13</v>
      </c>
    </row>
    <row r="1102" spans="1:8" x14ac:dyDescent="0.25">
      <c r="A1102" s="1">
        <v>45240</v>
      </c>
      <c r="B1102" t="s">
        <v>903</v>
      </c>
      <c r="C1102" t="s">
        <v>16</v>
      </c>
      <c r="D1102" t="s">
        <v>10</v>
      </c>
      <c r="E1102" t="s">
        <v>11</v>
      </c>
      <c r="F1102" s="2">
        <v>1</v>
      </c>
      <c r="G1102" t="s">
        <v>483</v>
      </c>
      <c r="H1102" t="s">
        <v>13</v>
      </c>
    </row>
    <row r="1103" spans="1:8" x14ac:dyDescent="0.25">
      <c r="A1103" s="1">
        <v>45240</v>
      </c>
      <c r="B1103" t="s">
        <v>904</v>
      </c>
      <c r="C1103" t="s">
        <v>905</v>
      </c>
      <c r="D1103" t="s">
        <v>10</v>
      </c>
      <c r="E1103" t="s">
        <v>11</v>
      </c>
      <c r="F1103" s="2">
        <v>1</v>
      </c>
      <c r="G1103" t="s">
        <v>492</v>
      </c>
      <c r="H1103" t="s">
        <v>13</v>
      </c>
    </row>
    <row r="1104" spans="1:8" x14ac:dyDescent="0.25">
      <c r="A1104" s="1">
        <v>45239</v>
      </c>
      <c r="B1104" t="s">
        <v>906</v>
      </c>
      <c r="C1104" t="s">
        <v>74</v>
      </c>
      <c r="D1104" t="s">
        <v>10</v>
      </c>
      <c r="E1104" t="s">
        <v>11</v>
      </c>
      <c r="F1104" s="2">
        <v>1</v>
      </c>
      <c r="G1104" t="s">
        <v>907</v>
      </c>
      <c r="H1104" t="s">
        <v>13</v>
      </c>
    </row>
    <row r="1105" spans="1:8" x14ac:dyDescent="0.25">
      <c r="A1105" s="1">
        <v>45239</v>
      </c>
      <c r="B1105" t="s">
        <v>906</v>
      </c>
      <c r="C1105" t="s">
        <v>74</v>
      </c>
      <c r="D1105" t="s">
        <v>10</v>
      </c>
      <c r="E1105" t="s">
        <v>11</v>
      </c>
      <c r="F1105" s="2">
        <v>1</v>
      </c>
      <c r="G1105" t="s">
        <v>907</v>
      </c>
      <c r="H1105" t="s">
        <v>13</v>
      </c>
    </row>
    <row r="1106" spans="1:8" x14ac:dyDescent="0.25">
      <c r="A1106" s="1">
        <v>45239</v>
      </c>
      <c r="B1106" t="s">
        <v>906</v>
      </c>
      <c r="C1106" t="s">
        <v>518</v>
      </c>
      <c r="D1106" t="s">
        <v>10</v>
      </c>
      <c r="E1106" t="s">
        <v>11</v>
      </c>
      <c r="F1106" s="2">
        <v>1</v>
      </c>
      <c r="G1106" t="s">
        <v>907</v>
      </c>
      <c r="H1106" t="s">
        <v>13</v>
      </c>
    </row>
    <row r="1107" spans="1:8" x14ac:dyDescent="0.25">
      <c r="A1107" s="1">
        <v>45239</v>
      </c>
      <c r="B1107" t="s">
        <v>906</v>
      </c>
      <c r="C1107" t="s">
        <v>518</v>
      </c>
      <c r="D1107" t="s">
        <v>10</v>
      </c>
      <c r="E1107" t="s">
        <v>11</v>
      </c>
      <c r="F1107" s="2">
        <v>1</v>
      </c>
      <c r="G1107" t="s">
        <v>907</v>
      </c>
      <c r="H1107" t="s">
        <v>13</v>
      </c>
    </row>
    <row r="1108" spans="1:8" x14ac:dyDescent="0.25">
      <c r="A1108" s="1">
        <v>45239</v>
      </c>
      <c r="B1108" t="s">
        <v>906</v>
      </c>
      <c r="C1108" t="s">
        <v>163</v>
      </c>
      <c r="D1108" t="s">
        <v>10</v>
      </c>
      <c r="E1108" t="s">
        <v>11</v>
      </c>
      <c r="F1108" s="2">
        <v>1</v>
      </c>
      <c r="G1108" t="s">
        <v>907</v>
      </c>
      <c r="H1108" t="s">
        <v>13</v>
      </c>
    </row>
    <row r="1109" spans="1:8" x14ac:dyDescent="0.25">
      <c r="A1109" s="1">
        <v>45239</v>
      </c>
      <c r="B1109" t="s">
        <v>906</v>
      </c>
      <c r="C1109" t="s">
        <v>163</v>
      </c>
      <c r="D1109" t="s">
        <v>10</v>
      </c>
      <c r="E1109" t="s">
        <v>11</v>
      </c>
      <c r="F1109" s="2">
        <v>1</v>
      </c>
      <c r="G1109" t="s">
        <v>907</v>
      </c>
      <c r="H1109" t="s">
        <v>13</v>
      </c>
    </row>
    <row r="1110" spans="1:8" x14ac:dyDescent="0.25">
      <c r="A1110" s="1">
        <v>45239</v>
      </c>
      <c r="B1110" t="s">
        <v>908</v>
      </c>
      <c r="C1110" t="s">
        <v>74</v>
      </c>
      <c r="D1110" t="s">
        <v>10</v>
      </c>
      <c r="E1110" t="s">
        <v>11</v>
      </c>
      <c r="F1110" s="2">
        <v>1</v>
      </c>
      <c r="G1110" t="s">
        <v>194</v>
      </c>
      <c r="H1110" t="s">
        <v>13</v>
      </c>
    </row>
    <row r="1111" spans="1:8" x14ac:dyDescent="0.25">
      <c r="A1111" s="1">
        <v>45238</v>
      </c>
      <c r="B1111" t="s">
        <v>909</v>
      </c>
      <c r="C1111" t="s">
        <v>174</v>
      </c>
      <c r="D1111" t="s">
        <v>10</v>
      </c>
      <c r="E1111" t="s">
        <v>11</v>
      </c>
      <c r="F1111" s="2">
        <v>1</v>
      </c>
      <c r="G1111" t="s">
        <v>910</v>
      </c>
      <c r="H1111" t="s">
        <v>13</v>
      </c>
    </row>
    <row r="1112" spans="1:8" x14ac:dyDescent="0.25">
      <c r="A1112" s="1">
        <v>45237</v>
      </c>
      <c r="B1112" t="s">
        <v>911</v>
      </c>
      <c r="C1112" t="s">
        <v>34</v>
      </c>
      <c r="D1112" t="s">
        <v>10</v>
      </c>
      <c r="E1112" t="s">
        <v>11</v>
      </c>
      <c r="F1112" s="2">
        <v>1</v>
      </c>
      <c r="G1112" t="s">
        <v>374</v>
      </c>
      <c r="H1112" t="s">
        <v>13</v>
      </c>
    </row>
    <row r="1113" spans="1:8" x14ac:dyDescent="0.25">
      <c r="A1113" s="1">
        <v>45237</v>
      </c>
      <c r="B1113" t="s">
        <v>911</v>
      </c>
      <c r="C1113" t="s">
        <v>9</v>
      </c>
      <c r="D1113" t="s">
        <v>10</v>
      </c>
      <c r="E1113" t="s">
        <v>11</v>
      </c>
      <c r="F1113" s="2">
        <v>1</v>
      </c>
      <c r="G1113" t="s">
        <v>374</v>
      </c>
      <c r="H1113" t="s">
        <v>13</v>
      </c>
    </row>
    <row r="1114" spans="1:8" x14ac:dyDescent="0.25">
      <c r="A1114" s="1">
        <v>45237</v>
      </c>
      <c r="B1114" t="s">
        <v>911</v>
      </c>
      <c r="C1114" t="s">
        <v>32</v>
      </c>
      <c r="D1114" t="s">
        <v>10</v>
      </c>
      <c r="E1114" t="s">
        <v>11</v>
      </c>
      <c r="F1114" s="2">
        <v>1</v>
      </c>
      <c r="G1114" t="s">
        <v>374</v>
      </c>
      <c r="H1114" t="s">
        <v>13</v>
      </c>
    </row>
    <row r="1115" spans="1:8" x14ac:dyDescent="0.25">
      <c r="A1115" s="1">
        <v>45237</v>
      </c>
      <c r="B1115" t="s">
        <v>912</v>
      </c>
      <c r="C1115" t="s">
        <v>9</v>
      </c>
      <c r="D1115" t="s">
        <v>10</v>
      </c>
      <c r="E1115" t="s">
        <v>11</v>
      </c>
      <c r="F1115" s="2">
        <v>1</v>
      </c>
      <c r="G1115" t="s">
        <v>748</v>
      </c>
      <c r="H1115" t="s">
        <v>13</v>
      </c>
    </row>
    <row r="1116" spans="1:8" x14ac:dyDescent="0.25">
      <c r="A1116" s="1">
        <v>45237</v>
      </c>
      <c r="B1116" t="s">
        <v>912</v>
      </c>
      <c r="C1116" t="s">
        <v>484</v>
      </c>
      <c r="D1116" t="s">
        <v>10</v>
      </c>
      <c r="E1116" t="s">
        <v>11</v>
      </c>
      <c r="F1116" s="2">
        <v>1</v>
      </c>
      <c r="G1116" t="s">
        <v>748</v>
      </c>
      <c r="H1116" t="s">
        <v>13</v>
      </c>
    </row>
    <row r="1117" spans="1:8" x14ac:dyDescent="0.25">
      <c r="A1117" s="1">
        <v>45237</v>
      </c>
      <c r="B1117" t="s">
        <v>913</v>
      </c>
      <c r="C1117" t="s">
        <v>14</v>
      </c>
      <c r="D1117" t="s">
        <v>10</v>
      </c>
      <c r="E1117" t="s">
        <v>11</v>
      </c>
      <c r="F1117" s="2">
        <v>1</v>
      </c>
      <c r="G1117" t="s">
        <v>181</v>
      </c>
      <c r="H1117" t="s">
        <v>13</v>
      </c>
    </row>
    <row r="1118" spans="1:8" x14ac:dyDescent="0.25">
      <c r="A1118" s="1">
        <v>45236</v>
      </c>
      <c r="B1118" t="s">
        <v>914</v>
      </c>
      <c r="C1118" t="s">
        <v>222</v>
      </c>
      <c r="D1118" t="s">
        <v>10</v>
      </c>
      <c r="E1118" t="s">
        <v>11</v>
      </c>
      <c r="F1118" s="2">
        <v>1</v>
      </c>
      <c r="G1118" t="s">
        <v>31</v>
      </c>
      <c r="H1118" t="s">
        <v>13</v>
      </c>
    </row>
    <row r="1119" spans="1:8" x14ac:dyDescent="0.25">
      <c r="A1119" s="1">
        <v>45236</v>
      </c>
      <c r="B1119" t="s">
        <v>915</v>
      </c>
      <c r="C1119" t="s">
        <v>79</v>
      </c>
      <c r="D1119" t="s">
        <v>10</v>
      </c>
      <c r="E1119" t="s">
        <v>11</v>
      </c>
      <c r="F1119" s="2">
        <v>1</v>
      </c>
      <c r="G1119" t="s">
        <v>374</v>
      </c>
      <c r="H1119" t="s">
        <v>13</v>
      </c>
    </row>
    <row r="1120" spans="1:8" x14ac:dyDescent="0.25">
      <c r="A1120" s="1">
        <v>45236</v>
      </c>
      <c r="B1120" t="s">
        <v>915</v>
      </c>
      <c r="C1120" t="s">
        <v>80</v>
      </c>
      <c r="D1120" t="s">
        <v>10</v>
      </c>
      <c r="E1120" t="s">
        <v>11</v>
      </c>
      <c r="F1120" s="2">
        <v>1</v>
      </c>
      <c r="G1120" t="s">
        <v>374</v>
      </c>
      <c r="H1120" t="s">
        <v>13</v>
      </c>
    </row>
    <row r="1121" spans="1:8" x14ac:dyDescent="0.25">
      <c r="A1121" s="1">
        <v>45235</v>
      </c>
      <c r="B1121" t="s">
        <v>916</v>
      </c>
      <c r="C1121" t="s">
        <v>9</v>
      </c>
      <c r="D1121" t="s">
        <v>10</v>
      </c>
      <c r="E1121" t="s">
        <v>11</v>
      </c>
      <c r="F1121" s="2">
        <v>1</v>
      </c>
      <c r="G1121" t="s">
        <v>100</v>
      </c>
      <c r="H1121" t="s">
        <v>13</v>
      </c>
    </row>
    <row r="1122" spans="1:8" x14ac:dyDescent="0.25">
      <c r="A1122" s="1">
        <v>45235</v>
      </c>
      <c r="B1122" t="s">
        <v>917</v>
      </c>
      <c r="C1122" t="s">
        <v>47</v>
      </c>
      <c r="D1122" t="s">
        <v>10</v>
      </c>
      <c r="E1122" t="s">
        <v>11</v>
      </c>
      <c r="F1122" s="2">
        <v>1</v>
      </c>
      <c r="G1122" t="s">
        <v>214</v>
      </c>
      <c r="H1122" t="s">
        <v>13</v>
      </c>
    </row>
    <row r="1123" spans="1:8" x14ac:dyDescent="0.25">
      <c r="A1123" s="1">
        <v>45235</v>
      </c>
      <c r="B1123" t="s">
        <v>918</v>
      </c>
      <c r="C1123" t="s">
        <v>9</v>
      </c>
      <c r="D1123" t="s">
        <v>10</v>
      </c>
      <c r="E1123" t="s">
        <v>11</v>
      </c>
      <c r="F1123" s="2">
        <v>1</v>
      </c>
      <c r="G1123" t="s">
        <v>157</v>
      </c>
      <c r="H1123" t="s">
        <v>13</v>
      </c>
    </row>
    <row r="1124" spans="1:8" x14ac:dyDescent="0.25">
      <c r="A1124" s="1">
        <v>45234</v>
      </c>
      <c r="B1124" t="s">
        <v>919</v>
      </c>
      <c r="C1124" t="s">
        <v>160</v>
      </c>
      <c r="D1124" t="s">
        <v>10</v>
      </c>
      <c r="E1124" t="s">
        <v>11</v>
      </c>
      <c r="F1124" s="2">
        <v>1</v>
      </c>
      <c r="G1124" t="s">
        <v>20</v>
      </c>
      <c r="H1124" t="s">
        <v>13</v>
      </c>
    </row>
    <row r="1125" spans="1:8" x14ac:dyDescent="0.25">
      <c r="A1125" s="1">
        <v>45234</v>
      </c>
      <c r="B1125" t="s">
        <v>919</v>
      </c>
      <c r="C1125" t="s">
        <v>35</v>
      </c>
      <c r="D1125" t="s">
        <v>10</v>
      </c>
      <c r="E1125" t="s">
        <v>11</v>
      </c>
      <c r="F1125" s="2">
        <v>1</v>
      </c>
      <c r="G1125" t="s">
        <v>20</v>
      </c>
      <c r="H1125" t="s">
        <v>13</v>
      </c>
    </row>
    <row r="1126" spans="1:8" x14ac:dyDescent="0.25">
      <c r="A1126" s="1">
        <v>45233</v>
      </c>
      <c r="B1126" t="s">
        <v>920</v>
      </c>
      <c r="C1126" t="s">
        <v>79</v>
      </c>
      <c r="D1126" t="s">
        <v>10</v>
      </c>
      <c r="E1126" t="s">
        <v>11</v>
      </c>
      <c r="F1126" s="2">
        <v>1</v>
      </c>
      <c r="G1126" t="s">
        <v>135</v>
      </c>
      <c r="H1126" t="s">
        <v>13</v>
      </c>
    </row>
    <row r="1127" spans="1:8" x14ac:dyDescent="0.25">
      <c r="A1127" s="1">
        <v>45233</v>
      </c>
      <c r="B1127" t="s">
        <v>920</v>
      </c>
      <c r="C1127" t="s">
        <v>80</v>
      </c>
      <c r="D1127" t="s">
        <v>10</v>
      </c>
      <c r="E1127" t="s">
        <v>11</v>
      </c>
      <c r="F1127" s="2">
        <v>1</v>
      </c>
      <c r="G1127" t="s">
        <v>135</v>
      </c>
      <c r="H1127" t="s">
        <v>13</v>
      </c>
    </row>
    <row r="1128" spans="1:8" x14ac:dyDescent="0.25">
      <c r="A1128" s="1">
        <v>45232</v>
      </c>
      <c r="B1128" t="s">
        <v>921</v>
      </c>
      <c r="C1128" t="s">
        <v>29</v>
      </c>
      <c r="D1128" t="s">
        <v>26</v>
      </c>
      <c r="E1128" t="s">
        <v>11</v>
      </c>
      <c r="F1128" s="2">
        <v>1</v>
      </c>
      <c r="G1128" t="s">
        <v>788</v>
      </c>
      <c r="H1128" t="s">
        <v>13</v>
      </c>
    </row>
    <row r="1129" spans="1:8" x14ac:dyDescent="0.25">
      <c r="A1129" s="1">
        <v>45232</v>
      </c>
      <c r="B1129" t="s">
        <v>922</v>
      </c>
      <c r="C1129" t="s">
        <v>453</v>
      </c>
      <c r="D1129" t="s">
        <v>10</v>
      </c>
      <c r="E1129" t="s">
        <v>11</v>
      </c>
      <c r="F1129" s="2">
        <v>1</v>
      </c>
      <c r="G1129" t="s">
        <v>244</v>
      </c>
      <c r="H1129" t="s">
        <v>13</v>
      </c>
    </row>
    <row r="1130" spans="1:8" x14ac:dyDescent="0.25">
      <c r="A1130" s="1">
        <v>45232</v>
      </c>
      <c r="B1130" t="s">
        <v>923</v>
      </c>
      <c r="C1130" t="s">
        <v>9</v>
      </c>
      <c r="D1130" t="s">
        <v>10</v>
      </c>
      <c r="E1130" t="s">
        <v>11</v>
      </c>
      <c r="F1130" s="2">
        <v>1</v>
      </c>
      <c r="G1130" t="s">
        <v>12</v>
      </c>
      <c r="H1130" t="s">
        <v>13</v>
      </c>
    </row>
    <row r="1131" spans="1:8" x14ac:dyDescent="0.25">
      <c r="A1131" s="1">
        <v>45232</v>
      </c>
      <c r="B1131" t="s">
        <v>924</v>
      </c>
      <c r="C1131" t="s">
        <v>9</v>
      </c>
      <c r="D1131" t="s">
        <v>10</v>
      </c>
      <c r="E1131" t="s">
        <v>11</v>
      </c>
      <c r="F1131" s="2">
        <v>1</v>
      </c>
      <c r="G1131" t="s">
        <v>12</v>
      </c>
      <c r="H1131" t="s">
        <v>13</v>
      </c>
    </row>
    <row r="1132" spans="1:8" x14ac:dyDescent="0.25">
      <c r="A1132" s="1">
        <v>45232</v>
      </c>
      <c r="B1132" t="s">
        <v>925</v>
      </c>
      <c r="C1132" t="s">
        <v>86</v>
      </c>
      <c r="D1132" t="s">
        <v>10</v>
      </c>
      <c r="E1132" t="s">
        <v>11</v>
      </c>
      <c r="F1132" s="2">
        <v>1</v>
      </c>
      <c r="G1132" t="s">
        <v>111</v>
      </c>
      <c r="H1132" t="s">
        <v>13</v>
      </c>
    </row>
    <row r="1133" spans="1:8" x14ac:dyDescent="0.25">
      <c r="A1133" s="1">
        <v>45231</v>
      </c>
      <c r="B1133" t="s">
        <v>926</v>
      </c>
      <c r="C1133" t="s">
        <v>58</v>
      </c>
      <c r="D1133" t="s">
        <v>10</v>
      </c>
      <c r="E1133" t="s">
        <v>11</v>
      </c>
      <c r="F1133" s="2">
        <v>1</v>
      </c>
      <c r="G1133" t="s">
        <v>145</v>
      </c>
      <c r="H1133" t="s">
        <v>13</v>
      </c>
    </row>
    <row r="1134" spans="1:8" x14ac:dyDescent="0.25">
      <c r="A1134" s="1">
        <v>45230</v>
      </c>
      <c r="B1134" t="s">
        <v>927</v>
      </c>
      <c r="C1134" t="s">
        <v>16</v>
      </c>
      <c r="D1134" t="s">
        <v>10</v>
      </c>
      <c r="E1134" t="s">
        <v>11</v>
      </c>
      <c r="F1134" s="2">
        <v>1</v>
      </c>
      <c r="G1134" t="s">
        <v>37</v>
      </c>
      <c r="H1134" t="s">
        <v>13</v>
      </c>
    </row>
    <row r="1135" spans="1:8" x14ac:dyDescent="0.25">
      <c r="A1135" s="1">
        <v>45230</v>
      </c>
      <c r="B1135" t="s">
        <v>927</v>
      </c>
      <c r="C1135" t="s">
        <v>249</v>
      </c>
      <c r="D1135" t="s">
        <v>10</v>
      </c>
      <c r="E1135" t="s">
        <v>11</v>
      </c>
      <c r="F1135" s="2">
        <v>1</v>
      </c>
      <c r="G1135" t="s">
        <v>37</v>
      </c>
      <c r="H1135" t="s">
        <v>13</v>
      </c>
    </row>
    <row r="1136" spans="1:8" x14ac:dyDescent="0.25">
      <c r="A1136" s="1">
        <v>45229</v>
      </c>
      <c r="B1136" t="s">
        <v>928</v>
      </c>
      <c r="C1136" t="s">
        <v>268</v>
      </c>
      <c r="D1136" t="s">
        <v>10</v>
      </c>
      <c r="E1136" t="s">
        <v>11</v>
      </c>
      <c r="F1136" s="2">
        <v>1</v>
      </c>
      <c r="G1136" t="s">
        <v>788</v>
      </c>
      <c r="H1136" t="s">
        <v>13</v>
      </c>
    </row>
    <row r="1137" spans="1:8" x14ac:dyDescent="0.25">
      <c r="A1137" s="1">
        <v>45229</v>
      </c>
      <c r="B1137" t="s">
        <v>929</v>
      </c>
      <c r="C1137" t="s">
        <v>9</v>
      </c>
      <c r="D1137" t="s">
        <v>26</v>
      </c>
      <c r="E1137" t="s">
        <v>11</v>
      </c>
      <c r="F1137" s="2">
        <v>1</v>
      </c>
      <c r="G1137" t="s">
        <v>359</v>
      </c>
      <c r="H1137" t="s">
        <v>13</v>
      </c>
    </row>
    <row r="1138" spans="1:8" x14ac:dyDescent="0.25">
      <c r="A1138" s="1">
        <v>45228</v>
      </c>
      <c r="B1138" t="s">
        <v>930</v>
      </c>
      <c r="C1138" t="s">
        <v>9</v>
      </c>
      <c r="D1138" t="s">
        <v>10</v>
      </c>
      <c r="E1138" t="s">
        <v>11</v>
      </c>
      <c r="F1138" s="2">
        <v>1</v>
      </c>
      <c r="G1138" t="s">
        <v>279</v>
      </c>
      <c r="H1138" t="s">
        <v>13</v>
      </c>
    </row>
    <row r="1139" spans="1:8" x14ac:dyDescent="0.25">
      <c r="A1139" s="1">
        <v>45228</v>
      </c>
      <c r="B1139" t="s">
        <v>930</v>
      </c>
      <c r="C1139" t="s">
        <v>249</v>
      </c>
      <c r="D1139" t="s">
        <v>10</v>
      </c>
      <c r="E1139" t="s">
        <v>11</v>
      </c>
      <c r="F1139" s="2">
        <v>1</v>
      </c>
      <c r="G1139" t="s">
        <v>279</v>
      </c>
      <c r="H1139" t="s">
        <v>13</v>
      </c>
    </row>
    <row r="1140" spans="1:8" x14ac:dyDescent="0.25">
      <c r="A1140" s="1">
        <v>45227</v>
      </c>
      <c r="B1140" t="s">
        <v>931</v>
      </c>
      <c r="C1140" t="s">
        <v>79</v>
      </c>
      <c r="D1140" t="s">
        <v>10</v>
      </c>
      <c r="E1140" t="s">
        <v>11</v>
      </c>
      <c r="F1140" s="2">
        <v>1</v>
      </c>
      <c r="G1140" t="s">
        <v>932</v>
      </c>
      <c r="H1140" t="s">
        <v>13</v>
      </c>
    </row>
    <row r="1141" spans="1:8" x14ac:dyDescent="0.25">
      <c r="A1141" s="1">
        <v>45227</v>
      </c>
      <c r="B1141" t="s">
        <v>931</v>
      </c>
      <c r="C1141" t="s">
        <v>103</v>
      </c>
      <c r="D1141" t="s">
        <v>10</v>
      </c>
      <c r="E1141" t="s">
        <v>11</v>
      </c>
      <c r="F1141" s="2">
        <v>1</v>
      </c>
      <c r="G1141" t="s">
        <v>932</v>
      </c>
      <c r="H1141" t="s">
        <v>13</v>
      </c>
    </row>
    <row r="1142" spans="1:8" x14ac:dyDescent="0.25">
      <c r="A1142" s="1">
        <v>45227</v>
      </c>
      <c r="B1142" t="s">
        <v>931</v>
      </c>
      <c r="C1142" t="s">
        <v>9</v>
      </c>
      <c r="D1142" t="s">
        <v>10</v>
      </c>
      <c r="E1142" t="s">
        <v>11</v>
      </c>
      <c r="F1142" s="2">
        <v>1</v>
      </c>
      <c r="G1142" t="s">
        <v>932</v>
      </c>
      <c r="H1142" t="s">
        <v>13</v>
      </c>
    </row>
    <row r="1143" spans="1:8" x14ac:dyDescent="0.25">
      <c r="A1143" s="1">
        <v>45226</v>
      </c>
      <c r="B1143" t="s">
        <v>933</v>
      </c>
      <c r="C1143" t="s">
        <v>9</v>
      </c>
      <c r="D1143" t="s">
        <v>10</v>
      </c>
      <c r="E1143" t="s">
        <v>11</v>
      </c>
      <c r="F1143" s="2">
        <v>1</v>
      </c>
      <c r="G1143" t="s">
        <v>487</v>
      </c>
      <c r="H1143" t="s">
        <v>13</v>
      </c>
    </row>
    <row r="1144" spans="1:8" x14ac:dyDescent="0.25">
      <c r="A1144" s="1">
        <v>45226</v>
      </c>
      <c r="B1144" t="s">
        <v>933</v>
      </c>
      <c r="C1144" t="s">
        <v>249</v>
      </c>
      <c r="D1144" t="s">
        <v>10</v>
      </c>
      <c r="E1144" t="s">
        <v>11</v>
      </c>
      <c r="F1144" s="2">
        <v>1</v>
      </c>
      <c r="G1144" t="s">
        <v>487</v>
      </c>
      <c r="H1144" t="s">
        <v>13</v>
      </c>
    </row>
    <row r="1145" spans="1:8" x14ac:dyDescent="0.25">
      <c r="A1145" s="1">
        <v>45226</v>
      </c>
      <c r="B1145" t="s">
        <v>933</v>
      </c>
      <c r="C1145" t="s">
        <v>47</v>
      </c>
      <c r="D1145" t="s">
        <v>10</v>
      </c>
      <c r="E1145" t="s">
        <v>11</v>
      </c>
      <c r="F1145" s="2">
        <v>1</v>
      </c>
      <c r="G1145" t="s">
        <v>487</v>
      </c>
      <c r="H1145" t="s">
        <v>13</v>
      </c>
    </row>
    <row r="1146" spans="1:8" x14ac:dyDescent="0.25">
      <c r="A1146" s="1">
        <v>45226</v>
      </c>
      <c r="B1146" t="s">
        <v>934</v>
      </c>
      <c r="C1146" t="s">
        <v>47</v>
      </c>
      <c r="D1146" t="s">
        <v>10</v>
      </c>
      <c r="E1146" t="s">
        <v>11</v>
      </c>
      <c r="F1146" s="2">
        <v>1</v>
      </c>
      <c r="G1146" t="s">
        <v>44</v>
      </c>
      <c r="H1146" t="s">
        <v>13</v>
      </c>
    </row>
    <row r="1147" spans="1:8" x14ac:dyDescent="0.25">
      <c r="A1147" s="1">
        <v>45226</v>
      </c>
      <c r="B1147" t="s">
        <v>935</v>
      </c>
      <c r="C1147" t="s">
        <v>413</v>
      </c>
      <c r="D1147" t="s">
        <v>10</v>
      </c>
      <c r="E1147" t="s">
        <v>11</v>
      </c>
      <c r="F1147" s="2">
        <v>1</v>
      </c>
      <c r="G1147" t="s">
        <v>936</v>
      </c>
      <c r="H1147" t="s">
        <v>13</v>
      </c>
    </row>
    <row r="1148" spans="1:8" x14ac:dyDescent="0.25">
      <c r="A1148" s="1">
        <v>45226</v>
      </c>
      <c r="B1148" t="s">
        <v>937</v>
      </c>
      <c r="C1148" t="s">
        <v>80</v>
      </c>
      <c r="D1148" t="s">
        <v>10</v>
      </c>
      <c r="E1148" t="s">
        <v>11</v>
      </c>
      <c r="F1148" s="2">
        <v>1</v>
      </c>
      <c r="G1148" t="s">
        <v>20</v>
      </c>
      <c r="H1148" t="s">
        <v>13</v>
      </c>
    </row>
    <row r="1149" spans="1:8" x14ac:dyDescent="0.25">
      <c r="A1149" s="1">
        <v>45226</v>
      </c>
      <c r="B1149" t="s">
        <v>938</v>
      </c>
      <c r="C1149" t="s">
        <v>64</v>
      </c>
      <c r="D1149" t="s">
        <v>10</v>
      </c>
      <c r="E1149" t="s">
        <v>11</v>
      </c>
      <c r="F1149" s="2">
        <v>1</v>
      </c>
      <c r="G1149" t="s">
        <v>20</v>
      </c>
      <c r="H1149" t="s">
        <v>13</v>
      </c>
    </row>
    <row r="1150" spans="1:8" x14ac:dyDescent="0.25">
      <c r="A1150" s="1">
        <v>45226</v>
      </c>
      <c r="B1150" t="s">
        <v>938</v>
      </c>
      <c r="C1150" t="s">
        <v>264</v>
      </c>
      <c r="D1150" t="s">
        <v>10</v>
      </c>
      <c r="E1150" t="s">
        <v>11</v>
      </c>
      <c r="F1150" s="2">
        <v>1</v>
      </c>
      <c r="G1150" t="s">
        <v>20</v>
      </c>
      <c r="H1150" t="s">
        <v>13</v>
      </c>
    </row>
    <row r="1151" spans="1:8" x14ac:dyDescent="0.25">
      <c r="A1151" s="1">
        <v>45225</v>
      </c>
      <c r="B1151" t="s">
        <v>939</v>
      </c>
      <c r="C1151" t="s">
        <v>9</v>
      </c>
      <c r="D1151" t="s">
        <v>10</v>
      </c>
      <c r="E1151" t="s">
        <v>11</v>
      </c>
      <c r="F1151" s="2">
        <v>1</v>
      </c>
      <c r="G1151" t="s">
        <v>20</v>
      </c>
      <c r="H1151" t="s">
        <v>13</v>
      </c>
    </row>
    <row r="1152" spans="1:8" x14ac:dyDescent="0.25">
      <c r="A1152" s="1">
        <v>45224</v>
      </c>
      <c r="B1152" t="s">
        <v>940</v>
      </c>
      <c r="C1152" t="s">
        <v>79</v>
      </c>
      <c r="D1152" t="s">
        <v>10</v>
      </c>
      <c r="E1152" t="s">
        <v>11</v>
      </c>
      <c r="F1152" s="2">
        <v>1</v>
      </c>
      <c r="G1152" t="s">
        <v>677</v>
      </c>
      <c r="H1152" t="s">
        <v>13</v>
      </c>
    </row>
    <row r="1153" spans="1:8" x14ac:dyDescent="0.25">
      <c r="A1153" s="1">
        <v>45224</v>
      </c>
      <c r="B1153" t="s">
        <v>940</v>
      </c>
      <c r="C1153" t="s">
        <v>80</v>
      </c>
      <c r="D1153" t="s">
        <v>10</v>
      </c>
      <c r="E1153" t="s">
        <v>11</v>
      </c>
      <c r="F1153" s="2">
        <v>1</v>
      </c>
      <c r="G1153" t="s">
        <v>677</v>
      </c>
      <c r="H1153" t="s">
        <v>13</v>
      </c>
    </row>
    <row r="1154" spans="1:8" x14ac:dyDescent="0.25">
      <c r="A1154" s="1">
        <v>45224</v>
      </c>
      <c r="B1154" t="s">
        <v>941</v>
      </c>
      <c r="C1154" t="s">
        <v>32</v>
      </c>
      <c r="D1154" t="s">
        <v>10</v>
      </c>
      <c r="E1154" t="s">
        <v>11</v>
      </c>
      <c r="F1154" s="2">
        <v>1</v>
      </c>
      <c r="G1154" t="s">
        <v>411</v>
      </c>
      <c r="H1154" t="s">
        <v>13</v>
      </c>
    </row>
    <row r="1155" spans="1:8" x14ac:dyDescent="0.25">
      <c r="A1155" s="1">
        <v>45224</v>
      </c>
      <c r="B1155" t="s">
        <v>942</v>
      </c>
      <c r="C1155" t="s">
        <v>79</v>
      </c>
      <c r="D1155" t="s">
        <v>10</v>
      </c>
      <c r="E1155" t="s">
        <v>11</v>
      </c>
      <c r="F1155" s="2">
        <v>1</v>
      </c>
      <c r="G1155" t="s">
        <v>61</v>
      </c>
      <c r="H1155" t="s">
        <v>13</v>
      </c>
    </row>
    <row r="1156" spans="1:8" x14ac:dyDescent="0.25">
      <c r="A1156" s="1">
        <v>45224</v>
      </c>
      <c r="B1156" t="s">
        <v>942</v>
      </c>
      <c r="C1156" t="s">
        <v>80</v>
      </c>
      <c r="D1156" t="s">
        <v>10</v>
      </c>
      <c r="E1156" t="s">
        <v>11</v>
      </c>
      <c r="F1156" s="2">
        <v>1</v>
      </c>
      <c r="G1156" t="s">
        <v>61</v>
      </c>
      <c r="H1156" t="s">
        <v>13</v>
      </c>
    </row>
    <row r="1157" spans="1:8" x14ac:dyDescent="0.25">
      <c r="A1157" s="1">
        <v>45222</v>
      </c>
      <c r="B1157" t="s">
        <v>943</v>
      </c>
      <c r="C1157" t="s">
        <v>762</v>
      </c>
      <c r="D1157" t="s">
        <v>10</v>
      </c>
      <c r="E1157" t="s">
        <v>11</v>
      </c>
      <c r="F1157" s="2">
        <v>1</v>
      </c>
      <c r="G1157" t="s">
        <v>944</v>
      </c>
      <c r="H1157" t="s">
        <v>13</v>
      </c>
    </row>
    <row r="1158" spans="1:8" x14ac:dyDescent="0.25">
      <c r="A1158" s="1">
        <v>45220</v>
      </c>
      <c r="B1158" t="s">
        <v>945</v>
      </c>
      <c r="C1158" t="s">
        <v>9</v>
      </c>
      <c r="D1158" t="s">
        <v>10</v>
      </c>
      <c r="E1158" t="s">
        <v>11</v>
      </c>
      <c r="F1158" s="2">
        <v>1</v>
      </c>
      <c r="G1158" t="s">
        <v>22</v>
      </c>
      <c r="H1158" t="s">
        <v>13</v>
      </c>
    </row>
    <row r="1159" spans="1:8" x14ac:dyDescent="0.25">
      <c r="A1159" s="1">
        <v>45220</v>
      </c>
      <c r="B1159" t="s">
        <v>946</v>
      </c>
      <c r="C1159" t="s">
        <v>9</v>
      </c>
      <c r="D1159" t="s">
        <v>10</v>
      </c>
      <c r="E1159" t="s">
        <v>11</v>
      </c>
      <c r="F1159" s="2">
        <v>1</v>
      </c>
      <c r="G1159" t="s">
        <v>20</v>
      </c>
      <c r="H1159" t="s">
        <v>13</v>
      </c>
    </row>
    <row r="1160" spans="1:8" x14ac:dyDescent="0.25">
      <c r="A1160" s="1">
        <v>45220</v>
      </c>
      <c r="B1160" t="s">
        <v>946</v>
      </c>
      <c r="C1160" t="s">
        <v>35</v>
      </c>
      <c r="D1160" t="s">
        <v>10</v>
      </c>
      <c r="E1160" t="s">
        <v>11</v>
      </c>
      <c r="F1160" s="2">
        <v>1</v>
      </c>
      <c r="G1160" t="s">
        <v>20</v>
      </c>
      <c r="H1160" t="s">
        <v>13</v>
      </c>
    </row>
    <row r="1161" spans="1:8" x14ac:dyDescent="0.25">
      <c r="A1161" s="1">
        <v>45218</v>
      </c>
      <c r="B1161" t="s">
        <v>947</v>
      </c>
      <c r="C1161" t="s">
        <v>510</v>
      </c>
      <c r="D1161" t="s">
        <v>10</v>
      </c>
      <c r="E1161" t="s">
        <v>11</v>
      </c>
      <c r="F1161" s="2">
        <v>1</v>
      </c>
      <c r="G1161" t="s">
        <v>117</v>
      </c>
      <c r="H1161" t="s">
        <v>13</v>
      </c>
    </row>
    <row r="1162" spans="1:8" x14ac:dyDescent="0.25">
      <c r="A1162" s="1">
        <v>45218</v>
      </c>
      <c r="B1162" t="s">
        <v>948</v>
      </c>
      <c r="C1162" t="s">
        <v>86</v>
      </c>
      <c r="D1162" t="s">
        <v>10</v>
      </c>
      <c r="E1162" t="s">
        <v>11</v>
      </c>
      <c r="F1162" s="2">
        <v>1</v>
      </c>
      <c r="G1162" t="s">
        <v>145</v>
      </c>
      <c r="H1162" t="s">
        <v>13</v>
      </c>
    </row>
    <row r="1163" spans="1:8" x14ac:dyDescent="0.25">
      <c r="A1163" s="1">
        <v>45218</v>
      </c>
      <c r="B1163" t="s">
        <v>949</v>
      </c>
      <c r="C1163" t="s">
        <v>9</v>
      </c>
      <c r="D1163" t="s">
        <v>10</v>
      </c>
      <c r="E1163" t="s">
        <v>11</v>
      </c>
      <c r="F1163" s="2">
        <v>1</v>
      </c>
      <c r="G1163" t="s">
        <v>950</v>
      </c>
      <c r="H1163" t="s">
        <v>13</v>
      </c>
    </row>
    <row r="1164" spans="1:8" x14ac:dyDescent="0.25">
      <c r="A1164" s="1">
        <v>45217</v>
      </c>
      <c r="B1164" t="s">
        <v>951</v>
      </c>
      <c r="C1164" t="s">
        <v>86</v>
      </c>
      <c r="D1164" t="s">
        <v>10</v>
      </c>
      <c r="E1164" t="s">
        <v>11</v>
      </c>
      <c r="F1164" s="2">
        <v>1</v>
      </c>
      <c r="G1164" t="s">
        <v>93</v>
      </c>
      <c r="H1164" t="s">
        <v>13</v>
      </c>
    </row>
    <row r="1165" spans="1:8" x14ac:dyDescent="0.25">
      <c r="A1165" s="1">
        <v>45217</v>
      </c>
      <c r="B1165" t="s">
        <v>952</v>
      </c>
      <c r="C1165" t="s">
        <v>9</v>
      </c>
      <c r="D1165" t="s">
        <v>10</v>
      </c>
      <c r="E1165" t="s">
        <v>11</v>
      </c>
      <c r="F1165" s="2">
        <v>1</v>
      </c>
      <c r="G1165" t="s">
        <v>953</v>
      </c>
      <c r="H1165" t="s">
        <v>13</v>
      </c>
    </row>
    <row r="1166" spans="1:8" x14ac:dyDescent="0.25">
      <c r="A1166" s="1">
        <v>45217</v>
      </c>
      <c r="B1166" t="s">
        <v>952</v>
      </c>
      <c r="C1166" t="s">
        <v>35</v>
      </c>
      <c r="D1166" t="s">
        <v>10</v>
      </c>
      <c r="E1166" t="s">
        <v>11</v>
      </c>
      <c r="F1166" s="2">
        <v>1</v>
      </c>
      <c r="G1166" t="s">
        <v>953</v>
      </c>
      <c r="H1166" t="s">
        <v>13</v>
      </c>
    </row>
    <row r="1167" spans="1:8" x14ac:dyDescent="0.25">
      <c r="A1167" s="1">
        <v>45216</v>
      </c>
      <c r="B1167" t="s">
        <v>954</v>
      </c>
      <c r="C1167" t="s">
        <v>47</v>
      </c>
      <c r="D1167" t="s">
        <v>10</v>
      </c>
      <c r="E1167" t="s">
        <v>11</v>
      </c>
      <c r="F1167" s="2">
        <v>1</v>
      </c>
      <c r="G1167" t="s">
        <v>279</v>
      </c>
      <c r="H1167" t="s">
        <v>13</v>
      </c>
    </row>
    <row r="1168" spans="1:8" x14ac:dyDescent="0.25">
      <c r="A1168" s="1">
        <v>45215</v>
      </c>
      <c r="B1168" t="s">
        <v>955</v>
      </c>
      <c r="C1168" t="s">
        <v>268</v>
      </c>
      <c r="D1168" t="s">
        <v>10</v>
      </c>
      <c r="E1168" t="s">
        <v>11</v>
      </c>
      <c r="F1168" s="2">
        <v>1</v>
      </c>
      <c r="G1168" t="s">
        <v>910</v>
      </c>
      <c r="H1168" t="s">
        <v>13</v>
      </c>
    </row>
    <row r="1169" spans="1:8" x14ac:dyDescent="0.25">
      <c r="A1169" s="1">
        <v>45214</v>
      </c>
      <c r="B1169" t="s">
        <v>956</v>
      </c>
      <c r="C1169" t="s">
        <v>9</v>
      </c>
      <c r="D1169" t="s">
        <v>10</v>
      </c>
      <c r="E1169" t="s">
        <v>11</v>
      </c>
      <c r="F1169" s="2">
        <v>1</v>
      </c>
      <c r="G1169" t="s">
        <v>191</v>
      </c>
      <c r="H1169" t="s">
        <v>13</v>
      </c>
    </row>
    <row r="1170" spans="1:8" x14ac:dyDescent="0.25">
      <c r="A1170" s="1">
        <v>45214</v>
      </c>
      <c r="B1170" t="s">
        <v>956</v>
      </c>
      <c r="C1170" t="s">
        <v>16</v>
      </c>
      <c r="D1170" t="s">
        <v>10</v>
      </c>
      <c r="E1170" t="s">
        <v>11</v>
      </c>
      <c r="F1170" s="2">
        <v>1</v>
      </c>
      <c r="G1170" t="s">
        <v>191</v>
      </c>
      <c r="H1170" t="s">
        <v>13</v>
      </c>
    </row>
    <row r="1171" spans="1:8" x14ac:dyDescent="0.25">
      <c r="A1171" s="1">
        <v>45214</v>
      </c>
      <c r="B1171" t="s">
        <v>956</v>
      </c>
      <c r="C1171" t="s">
        <v>416</v>
      </c>
      <c r="D1171" t="s">
        <v>10</v>
      </c>
      <c r="E1171" t="s">
        <v>11</v>
      </c>
      <c r="F1171" s="2">
        <v>1</v>
      </c>
      <c r="G1171" t="s">
        <v>191</v>
      </c>
      <c r="H1171" t="s">
        <v>13</v>
      </c>
    </row>
    <row r="1172" spans="1:8" x14ac:dyDescent="0.25">
      <c r="A1172" s="1">
        <v>45214</v>
      </c>
      <c r="B1172" t="s">
        <v>957</v>
      </c>
      <c r="C1172" t="s">
        <v>271</v>
      </c>
      <c r="D1172" t="s">
        <v>10</v>
      </c>
      <c r="E1172" t="s">
        <v>11</v>
      </c>
      <c r="F1172" s="2">
        <v>1</v>
      </c>
      <c r="G1172" t="s">
        <v>53</v>
      </c>
      <c r="H1172" t="s">
        <v>13</v>
      </c>
    </row>
    <row r="1173" spans="1:8" x14ac:dyDescent="0.25">
      <c r="A1173" s="1">
        <v>45214</v>
      </c>
      <c r="B1173" t="s">
        <v>958</v>
      </c>
      <c r="C1173" t="s">
        <v>47</v>
      </c>
      <c r="D1173" t="s">
        <v>10</v>
      </c>
      <c r="E1173" t="s">
        <v>11</v>
      </c>
      <c r="F1173" s="2">
        <v>1</v>
      </c>
      <c r="G1173" t="s">
        <v>181</v>
      </c>
      <c r="H1173" t="s">
        <v>13</v>
      </c>
    </row>
    <row r="1174" spans="1:8" x14ac:dyDescent="0.25">
      <c r="A1174" s="1">
        <v>45214</v>
      </c>
      <c r="B1174" t="s">
        <v>958</v>
      </c>
      <c r="C1174" t="s">
        <v>14</v>
      </c>
      <c r="D1174" t="s">
        <v>10</v>
      </c>
      <c r="E1174" t="s">
        <v>11</v>
      </c>
      <c r="F1174" s="2">
        <v>1</v>
      </c>
      <c r="G1174" t="s">
        <v>181</v>
      </c>
      <c r="H1174" t="s">
        <v>13</v>
      </c>
    </row>
    <row r="1175" spans="1:8" x14ac:dyDescent="0.25">
      <c r="A1175" s="1">
        <v>45214</v>
      </c>
      <c r="B1175" t="s">
        <v>959</v>
      </c>
      <c r="C1175" t="s">
        <v>9</v>
      </c>
      <c r="D1175" t="s">
        <v>10</v>
      </c>
      <c r="E1175" t="s">
        <v>11</v>
      </c>
      <c r="F1175" s="2">
        <v>1</v>
      </c>
      <c r="G1175" t="s">
        <v>111</v>
      </c>
      <c r="H1175" t="s">
        <v>13</v>
      </c>
    </row>
    <row r="1176" spans="1:8" x14ac:dyDescent="0.25">
      <c r="A1176" s="1">
        <v>45214</v>
      </c>
      <c r="B1176" t="s">
        <v>960</v>
      </c>
      <c r="C1176" t="s">
        <v>9</v>
      </c>
      <c r="D1176" t="s">
        <v>10</v>
      </c>
      <c r="E1176" t="s">
        <v>11</v>
      </c>
      <c r="F1176" s="2">
        <v>1</v>
      </c>
      <c r="G1176" t="s">
        <v>157</v>
      </c>
      <c r="H1176" t="s">
        <v>13</v>
      </c>
    </row>
    <row r="1177" spans="1:8" x14ac:dyDescent="0.25">
      <c r="A1177" s="1">
        <v>45214</v>
      </c>
      <c r="B1177" t="s">
        <v>960</v>
      </c>
      <c r="C1177" t="s">
        <v>35</v>
      </c>
      <c r="D1177" t="s">
        <v>10</v>
      </c>
      <c r="E1177" t="s">
        <v>11</v>
      </c>
      <c r="F1177" s="2">
        <v>1</v>
      </c>
      <c r="G1177" t="s">
        <v>157</v>
      </c>
      <c r="H1177" t="s">
        <v>13</v>
      </c>
    </row>
    <row r="1178" spans="1:8" x14ac:dyDescent="0.25">
      <c r="A1178" s="1">
        <v>45214</v>
      </c>
      <c r="B1178" t="s">
        <v>960</v>
      </c>
      <c r="C1178" t="s">
        <v>47</v>
      </c>
      <c r="D1178" t="s">
        <v>10</v>
      </c>
      <c r="E1178" t="s">
        <v>11</v>
      </c>
      <c r="F1178" s="2">
        <v>1</v>
      </c>
      <c r="G1178" t="s">
        <v>157</v>
      </c>
      <c r="H1178" t="s">
        <v>13</v>
      </c>
    </row>
    <row r="1179" spans="1:8" x14ac:dyDescent="0.25">
      <c r="A1179" s="1">
        <v>45214</v>
      </c>
      <c r="B1179" t="s">
        <v>961</v>
      </c>
      <c r="C1179" t="s">
        <v>14</v>
      </c>
      <c r="D1179" t="s">
        <v>10</v>
      </c>
      <c r="E1179" t="s">
        <v>11</v>
      </c>
      <c r="F1179" s="2">
        <v>1</v>
      </c>
      <c r="G1179" t="s">
        <v>72</v>
      </c>
      <c r="H1179" t="s">
        <v>13</v>
      </c>
    </row>
    <row r="1180" spans="1:8" x14ac:dyDescent="0.25">
      <c r="A1180" s="1">
        <v>45213</v>
      </c>
      <c r="B1180" t="s">
        <v>962</v>
      </c>
      <c r="C1180" t="s">
        <v>271</v>
      </c>
      <c r="D1180" t="s">
        <v>10</v>
      </c>
      <c r="E1180" t="s">
        <v>11</v>
      </c>
      <c r="F1180" s="2">
        <v>1</v>
      </c>
      <c r="G1180" t="s">
        <v>216</v>
      </c>
      <c r="H1180" t="s">
        <v>13</v>
      </c>
    </row>
    <row r="1181" spans="1:8" x14ac:dyDescent="0.25">
      <c r="A1181" s="1">
        <v>45213</v>
      </c>
      <c r="B1181" t="s">
        <v>962</v>
      </c>
      <c r="C1181" t="s">
        <v>271</v>
      </c>
      <c r="D1181" t="s">
        <v>10</v>
      </c>
      <c r="E1181" t="s">
        <v>11</v>
      </c>
      <c r="F1181" s="2">
        <v>1</v>
      </c>
      <c r="G1181" t="s">
        <v>216</v>
      </c>
      <c r="H1181" t="s">
        <v>13</v>
      </c>
    </row>
    <row r="1182" spans="1:8" x14ac:dyDescent="0.25">
      <c r="A1182" s="1">
        <v>45212</v>
      </c>
      <c r="B1182" t="s">
        <v>963</v>
      </c>
      <c r="C1182" t="s">
        <v>19</v>
      </c>
      <c r="D1182" t="s">
        <v>10</v>
      </c>
      <c r="E1182" t="s">
        <v>11</v>
      </c>
      <c r="F1182" s="2">
        <v>1</v>
      </c>
      <c r="G1182" t="s">
        <v>53</v>
      </c>
      <c r="H1182" t="s">
        <v>13</v>
      </c>
    </row>
    <row r="1183" spans="1:8" x14ac:dyDescent="0.25">
      <c r="A1183" s="1">
        <v>45212</v>
      </c>
      <c r="B1183" t="s">
        <v>963</v>
      </c>
      <c r="C1183" t="s">
        <v>9</v>
      </c>
      <c r="D1183" t="s">
        <v>10</v>
      </c>
      <c r="E1183" t="s">
        <v>11</v>
      </c>
      <c r="F1183" s="2">
        <v>1</v>
      </c>
      <c r="G1183" t="s">
        <v>53</v>
      </c>
      <c r="H1183" t="s">
        <v>13</v>
      </c>
    </row>
    <row r="1184" spans="1:8" x14ac:dyDescent="0.25">
      <c r="A1184" s="1">
        <v>45212</v>
      </c>
      <c r="B1184" t="s">
        <v>963</v>
      </c>
      <c r="C1184" t="s">
        <v>47</v>
      </c>
      <c r="D1184" t="s">
        <v>10</v>
      </c>
      <c r="E1184" t="s">
        <v>11</v>
      </c>
      <c r="F1184" s="2">
        <v>1</v>
      </c>
      <c r="G1184" t="s">
        <v>53</v>
      </c>
      <c r="H1184" t="s">
        <v>13</v>
      </c>
    </row>
    <row r="1185" spans="1:8" x14ac:dyDescent="0.25">
      <c r="A1185" s="1">
        <v>45212</v>
      </c>
      <c r="B1185" t="s">
        <v>964</v>
      </c>
      <c r="C1185" t="s">
        <v>9</v>
      </c>
      <c r="D1185" t="s">
        <v>10</v>
      </c>
      <c r="E1185" t="s">
        <v>11</v>
      </c>
      <c r="F1185" s="2">
        <v>1</v>
      </c>
      <c r="G1185" t="s">
        <v>37</v>
      </c>
      <c r="H1185" t="s">
        <v>13</v>
      </c>
    </row>
    <row r="1186" spans="1:8" x14ac:dyDescent="0.25">
      <c r="A1186" s="1">
        <v>45212</v>
      </c>
      <c r="B1186" t="s">
        <v>964</v>
      </c>
      <c r="C1186" t="s">
        <v>41</v>
      </c>
      <c r="D1186" t="s">
        <v>10</v>
      </c>
      <c r="E1186" t="s">
        <v>11</v>
      </c>
      <c r="F1186" s="2">
        <v>1</v>
      </c>
      <c r="G1186" t="s">
        <v>37</v>
      </c>
      <c r="H1186" t="s">
        <v>13</v>
      </c>
    </row>
    <row r="1187" spans="1:8" x14ac:dyDescent="0.25">
      <c r="A1187" s="1">
        <v>45211</v>
      </c>
      <c r="B1187" t="s">
        <v>965</v>
      </c>
      <c r="C1187" t="s">
        <v>64</v>
      </c>
      <c r="D1187" t="s">
        <v>10</v>
      </c>
      <c r="E1187" t="s">
        <v>11</v>
      </c>
      <c r="F1187" s="2">
        <v>1</v>
      </c>
      <c r="G1187" t="s">
        <v>966</v>
      </c>
      <c r="H1187" t="s">
        <v>13</v>
      </c>
    </row>
    <row r="1188" spans="1:8" x14ac:dyDescent="0.25">
      <c r="A1188" s="1">
        <v>45210</v>
      </c>
      <c r="B1188" t="s">
        <v>967</v>
      </c>
      <c r="C1188" t="s">
        <v>9</v>
      </c>
      <c r="D1188" t="s">
        <v>26</v>
      </c>
      <c r="E1188" t="s">
        <v>11</v>
      </c>
      <c r="F1188" s="2">
        <v>1</v>
      </c>
      <c r="G1188" t="s">
        <v>46</v>
      </c>
      <c r="H1188" t="s">
        <v>13</v>
      </c>
    </row>
    <row r="1189" spans="1:8" x14ac:dyDescent="0.25">
      <c r="A1189" s="1">
        <v>45210</v>
      </c>
      <c r="B1189" t="s">
        <v>967</v>
      </c>
      <c r="C1189" t="s">
        <v>47</v>
      </c>
      <c r="D1189" t="s">
        <v>26</v>
      </c>
      <c r="E1189" t="s">
        <v>11</v>
      </c>
      <c r="F1189" s="2">
        <v>1</v>
      </c>
      <c r="G1189" t="s">
        <v>46</v>
      </c>
      <c r="H1189" t="s">
        <v>13</v>
      </c>
    </row>
    <row r="1190" spans="1:8" x14ac:dyDescent="0.25">
      <c r="A1190" s="1">
        <v>45209</v>
      </c>
      <c r="B1190" t="s">
        <v>968</v>
      </c>
      <c r="C1190" t="s">
        <v>9</v>
      </c>
      <c r="D1190" t="s">
        <v>10</v>
      </c>
      <c r="E1190" t="s">
        <v>11</v>
      </c>
      <c r="F1190" s="2">
        <v>1</v>
      </c>
      <c r="G1190" t="s">
        <v>20</v>
      </c>
      <c r="H1190" t="s">
        <v>13</v>
      </c>
    </row>
    <row r="1191" spans="1:8" x14ac:dyDescent="0.25">
      <c r="A1191" s="1">
        <v>45209</v>
      </c>
      <c r="B1191" t="s">
        <v>968</v>
      </c>
      <c r="C1191" t="s">
        <v>35</v>
      </c>
      <c r="D1191" t="s">
        <v>10</v>
      </c>
      <c r="E1191" t="s">
        <v>11</v>
      </c>
      <c r="F1191" s="2">
        <v>1</v>
      </c>
      <c r="G1191" t="s">
        <v>20</v>
      </c>
      <c r="H1191" t="s">
        <v>13</v>
      </c>
    </row>
    <row r="1192" spans="1:8" x14ac:dyDescent="0.25">
      <c r="A1192" s="1">
        <v>45209</v>
      </c>
      <c r="B1192" t="s">
        <v>969</v>
      </c>
      <c r="C1192" t="s">
        <v>16</v>
      </c>
      <c r="D1192" t="s">
        <v>10</v>
      </c>
      <c r="E1192" t="s">
        <v>11</v>
      </c>
      <c r="F1192" s="2">
        <v>1</v>
      </c>
      <c r="G1192" t="s">
        <v>191</v>
      </c>
      <c r="H1192" t="s">
        <v>13</v>
      </c>
    </row>
    <row r="1193" spans="1:8" x14ac:dyDescent="0.25">
      <c r="A1193" s="1">
        <v>45209</v>
      </c>
      <c r="B1193" t="s">
        <v>970</v>
      </c>
      <c r="C1193" t="s">
        <v>28</v>
      </c>
      <c r="D1193" t="s">
        <v>10</v>
      </c>
      <c r="E1193" t="s">
        <v>11</v>
      </c>
      <c r="F1193" s="2">
        <v>1</v>
      </c>
      <c r="G1193" t="s">
        <v>37</v>
      </c>
      <c r="H1193" t="s">
        <v>13</v>
      </c>
    </row>
    <row r="1194" spans="1:8" x14ac:dyDescent="0.25">
      <c r="A1194" s="1">
        <v>45209</v>
      </c>
      <c r="B1194" t="s">
        <v>971</v>
      </c>
      <c r="C1194" t="s">
        <v>92</v>
      </c>
      <c r="D1194" t="s">
        <v>10</v>
      </c>
      <c r="E1194" t="s">
        <v>11</v>
      </c>
      <c r="F1194" s="2">
        <v>1</v>
      </c>
      <c r="G1194" t="s">
        <v>910</v>
      </c>
      <c r="H1194" t="s">
        <v>13</v>
      </c>
    </row>
    <row r="1195" spans="1:8" x14ac:dyDescent="0.25">
      <c r="A1195" s="1">
        <v>45208</v>
      </c>
      <c r="B1195" t="s">
        <v>972</v>
      </c>
      <c r="C1195" t="s">
        <v>9</v>
      </c>
      <c r="D1195" t="s">
        <v>10</v>
      </c>
      <c r="E1195" t="s">
        <v>11</v>
      </c>
      <c r="F1195" s="2">
        <v>1</v>
      </c>
      <c r="G1195" t="s">
        <v>37</v>
      </c>
      <c r="H1195" t="s">
        <v>13</v>
      </c>
    </row>
    <row r="1196" spans="1:8" x14ac:dyDescent="0.25">
      <c r="A1196" s="1">
        <v>45208</v>
      </c>
      <c r="B1196" t="s">
        <v>972</v>
      </c>
      <c r="C1196" t="s">
        <v>29</v>
      </c>
      <c r="D1196" t="s">
        <v>10</v>
      </c>
      <c r="E1196" t="s">
        <v>11</v>
      </c>
      <c r="F1196" s="2">
        <v>1</v>
      </c>
      <c r="G1196" t="s">
        <v>37</v>
      </c>
      <c r="H1196" t="s">
        <v>13</v>
      </c>
    </row>
    <row r="1197" spans="1:8" x14ac:dyDescent="0.25">
      <c r="A1197" s="1">
        <v>45208</v>
      </c>
      <c r="B1197" t="s">
        <v>972</v>
      </c>
      <c r="C1197" t="s">
        <v>47</v>
      </c>
      <c r="D1197" t="s">
        <v>10</v>
      </c>
      <c r="E1197" t="s">
        <v>11</v>
      </c>
      <c r="F1197" s="2">
        <v>1</v>
      </c>
      <c r="G1197" t="s">
        <v>37</v>
      </c>
      <c r="H1197" t="s">
        <v>13</v>
      </c>
    </row>
    <row r="1198" spans="1:8" x14ac:dyDescent="0.25">
      <c r="A1198" s="1">
        <v>45208</v>
      </c>
      <c r="B1198" t="s">
        <v>972</v>
      </c>
      <c r="C1198" t="s">
        <v>42</v>
      </c>
      <c r="D1198" t="s">
        <v>10</v>
      </c>
      <c r="E1198" t="s">
        <v>11</v>
      </c>
      <c r="F1198" s="2">
        <v>1</v>
      </c>
      <c r="G1198" t="s">
        <v>37</v>
      </c>
      <c r="H1198" t="s">
        <v>13</v>
      </c>
    </row>
    <row r="1199" spans="1:8" x14ac:dyDescent="0.25">
      <c r="A1199" s="1">
        <v>45207</v>
      </c>
      <c r="B1199" t="s">
        <v>973</v>
      </c>
      <c r="C1199" t="s">
        <v>974</v>
      </c>
      <c r="D1199" t="s">
        <v>10</v>
      </c>
      <c r="E1199" t="s">
        <v>11</v>
      </c>
      <c r="F1199" s="2">
        <v>1</v>
      </c>
      <c r="G1199" t="s">
        <v>31</v>
      </c>
      <c r="H1199" t="s">
        <v>13</v>
      </c>
    </row>
    <row r="1200" spans="1:8" x14ac:dyDescent="0.25">
      <c r="A1200" s="1">
        <v>45207</v>
      </c>
      <c r="B1200" t="s">
        <v>975</v>
      </c>
      <c r="C1200" t="s">
        <v>19</v>
      </c>
      <c r="D1200" t="s">
        <v>10</v>
      </c>
      <c r="E1200" t="s">
        <v>11</v>
      </c>
      <c r="F1200" s="2">
        <v>1</v>
      </c>
      <c r="G1200" t="s">
        <v>37</v>
      </c>
      <c r="H1200" t="s">
        <v>13</v>
      </c>
    </row>
    <row r="1201" spans="1:8" x14ac:dyDescent="0.25">
      <c r="A1201" s="1">
        <v>45205</v>
      </c>
      <c r="B1201" t="s">
        <v>976</v>
      </c>
      <c r="C1201" t="s">
        <v>9</v>
      </c>
      <c r="D1201" t="s">
        <v>10</v>
      </c>
      <c r="E1201" t="s">
        <v>11</v>
      </c>
      <c r="F1201" s="2">
        <v>1</v>
      </c>
      <c r="G1201" t="s">
        <v>44</v>
      </c>
      <c r="H1201" t="s">
        <v>13</v>
      </c>
    </row>
    <row r="1202" spans="1:8" x14ac:dyDescent="0.25">
      <c r="A1202" s="1">
        <v>45204</v>
      </c>
      <c r="B1202" t="s">
        <v>977</v>
      </c>
      <c r="C1202" t="s">
        <v>52</v>
      </c>
      <c r="D1202" t="s">
        <v>10</v>
      </c>
      <c r="E1202" t="s">
        <v>11</v>
      </c>
      <c r="F1202" s="2">
        <v>1</v>
      </c>
      <c r="G1202" t="s">
        <v>411</v>
      </c>
      <c r="H1202" t="s">
        <v>13</v>
      </c>
    </row>
    <row r="1203" spans="1:8" x14ac:dyDescent="0.25">
      <c r="A1203" s="1">
        <v>45204</v>
      </c>
      <c r="B1203" t="s">
        <v>977</v>
      </c>
      <c r="C1203" t="s">
        <v>35</v>
      </c>
      <c r="D1203" t="s">
        <v>10</v>
      </c>
      <c r="E1203" t="s">
        <v>11</v>
      </c>
      <c r="F1203" s="2">
        <v>1</v>
      </c>
      <c r="G1203" t="s">
        <v>411</v>
      </c>
      <c r="H1203" t="s">
        <v>13</v>
      </c>
    </row>
    <row r="1204" spans="1:8" x14ac:dyDescent="0.25">
      <c r="A1204" s="1">
        <v>45204</v>
      </c>
      <c r="B1204" t="s">
        <v>977</v>
      </c>
      <c r="C1204" t="s">
        <v>47</v>
      </c>
      <c r="D1204" t="s">
        <v>10</v>
      </c>
      <c r="E1204" t="s">
        <v>11</v>
      </c>
      <c r="F1204" s="2">
        <v>1</v>
      </c>
      <c r="G1204" t="s">
        <v>411</v>
      </c>
      <c r="H1204" t="s">
        <v>13</v>
      </c>
    </row>
    <row r="1205" spans="1:8" x14ac:dyDescent="0.25">
      <c r="A1205" s="1">
        <v>45203</v>
      </c>
      <c r="B1205" t="s">
        <v>978</v>
      </c>
      <c r="C1205" t="s">
        <v>19</v>
      </c>
      <c r="D1205" t="s">
        <v>26</v>
      </c>
      <c r="E1205" t="s">
        <v>11</v>
      </c>
      <c r="F1205" s="2">
        <v>1</v>
      </c>
      <c r="G1205" t="s">
        <v>31</v>
      </c>
      <c r="H1205" t="s">
        <v>13</v>
      </c>
    </row>
    <row r="1206" spans="1:8" x14ac:dyDescent="0.25">
      <c r="A1206" s="1">
        <v>45203</v>
      </c>
      <c r="B1206" t="s">
        <v>979</v>
      </c>
      <c r="C1206" t="s">
        <v>268</v>
      </c>
      <c r="D1206" t="s">
        <v>10</v>
      </c>
      <c r="E1206" t="s">
        <v>11</v>
      </c>
      <c r="F1206" s="2">
        <v>1</v>
      </c>
      <c r="G1206" t="s">
        <v>125</v>
      </c>
      <c r="H1206" t="s">
        <v>13</v>
      </c>
    </row>
    <row r="1207" spans="1:8" x14ac:dyDescent="0.25">
      <c r="A1207" s="1">
        <v>45203</v>
      </c>
      <c r="B1207" t="s">
        <v>980</v>
      </c>
      <c r="C1207" t="s">
        <v>413</v>
      </c>
      <c r="D1207" t="s">
        <v>10</v>
      </c>
      <c r="E1207" t="s">
        <v>11</v>
      </c>
      <c r="F1207" s="2">
        <v>1</v>
      </c>
      <c r="G1207" t="s">
        <v>24</v>
      </c>
      <c r="H1207" t="s">
        <v>13</v>
      </c>
    </row>
    <row r="1208" spans="1:8" x14ac:dyDescent="0.25">
      <c r="A1208" s="1">
        <v>45202</v>
      </c>
      <c r="B1208" t="s">
        <v>981</v>
      </c>
      <c r="C1208" t="s">
        <v>52</v>
      </c>
      <c r="D1208" t="s">
        <v>10</v>
      </c>
      <c r="E1208" t="s">
        <v>11</v>
      </c>
      <c r="F1208" s="2">
        <v>1</v>
      </c>
      <c r="G1208" t="s">
        <v>20</v>
      </c>
      <c r="H1208" t="s">
        <v>13</v>
      </c>
    </row>
    <row r="1209" spans="1:8" x14ac:dyDescent="0.25">
      <c r="A1209" s="1">
        <v>45202</v>
      </c>
      <c r="B1209" t="s">
        <v>982</v>
      </c>
      <c r="C1209" t="s">
        <v>9</v>
      </c>
      <c r="D1209" t="s">
        <v>10</v>
      </c>
      <c r="E1209" t="s">
        <v>11</v>
      </c>
      <c r="F1209" s="2">
        <v>1</v>
      </c>
      <c r="G1209" t="s">
        <v>113</v>
      </c>
      <c r="H1209" t="s">
        <v>13</v>
      </c>
    </row>
    <row r="1210" spans="1:8" x14ac:dyDescent="0.25">
      <c r="A1210" s="1">
        <v>45202</v>
      </c>
      <c r="B1210" t="s">
        <v>982</v>
      </c>
      <c r="C1210" t="s">
        <v>9</v>
      </c>
      <c r="D1210" t="s">
        <v>10</v>
      </c>
      <c r="E1210" t="s">
        <v>11</v>
      </c>
      <c r="F1210" s="2">
        <v>1</v>
      </c>
      <c r="G1210" t="s">
        <v>113</v>
      </c>
      <c r="H1210" t="s">
        <v>13</v>
      </c>
    </row>
    <row r="1211" spans="1:8" x14ac:dyDescent="0.25">
      <c r="A1211" s="1">
        <v>45202</v>
      </c>
      <c r="B1211" t="s">
        <v>982</v>
      </c>
      <c r="C1211" t="s">
        <v>14</v>
      </c>
      <c r="D1211" t="s">
        <v>10</v>
      </c>
      <c r="E1211" t="s">
        <v>11</v>
      </c>
      <c r="F1211" s="2">
        <v>1</v>
      </c>
      <c r="G1211" t="s">
        <v>113</v>
      </c>
      <c r="H1211" t="s">
        <v>13</v>
      </c>
    </row>
    <row r="1212" spans="1:8" x14ac:dyDescent="0.25">
      <c r="A1212" s="1">
        <v>45202</v>
      </c>
      <c r="B1212" t="s">
        <v>982</v>
      </c>
      <c r="C1212" t="s">
        <v>14</v>
      </c>
      <c r="D1212" t="s">
        <v>10</v>
      </c>
      <c r="E1212" t="s">
        <v>11</v>
      </c>
      <c r="F1212" s="2">
        <v>1</v>
      </c>
      <c r="G1212" t="s">
        <v>113</v>
      </c>
      <c r="H1212" t="s">
        <v>13</v>
      </c>
    </row>
    <row r="1213" spans="1:8" x14ac:dyDescent="0.25">
      <c r="A1213" s="1">
        <v>45202</v>
      </c>
      <c r="B1213" t="s">
        <v>983</v>
      </c>
      <c r="C1213" t="s">
        <v>9</v>
      </c>
      <c r="D1213" t="s">
        <v>10</v>
      </c>
      <c r="E1213" t="s">
        <v>11</v>
      </c>
      <c r="F1213" s="2">
        <v>1</v>
      </c>
      <c r="G1213" t="s">
        <v>40</v>
      </c>
      <c r="H1213" t="s">
        <v>13</v>
      </c>
    </row>
    <row r="1214" spans="1:8" x14ac:dyDescent="0.25">
      <c r="A1214" s="1">
        <v>45202</v>
      </c>
      <c r="B1214" t="s">
        <v>983</v>
      </c>
      <c r="C1214" t="s">
        <v>35</v>
      </c>
      <c r="D1214" t="s">
        <v>10</v>
      </c>
      <c r="E1214" t="s">
        <v>11</v>
      </c>
      <c r="F1214" s="2">
        <v>1</v>
      </c>
      <c r="G1214" t="s">
        <v>40</v>
      </c>
      <c r="H1214" t="s">
        <v>13</v>
      </c>
    </row>
    <row r="1215" spans="1:8" x14ac:dyDescent="0.25">
      <c r="A1215" s="1">
        <v>45202</v>
      </c>
      <c r="B1215" t="s">
        <v>983</v>
      </c>
      <c r="C1215" t="s">
        <v>47</v>
      </c>
      <c r="D1215" t="s">
        <v>10</v>
      </c>
      <c r="E1215" t="s">
        <v>11</v>
      </c>
      <c r="F1215" s="2">
        <v>1</v>
      </c>
      <c r="G1215" t="s">
        <v>40</v>
      </c>
      <c r="H1215" t="s">
        <v>13</v>
      </c>
    </row>
    <row r="1216" spans="1:8" x14ac:dyDescent="0.25">
      <c r="A1216" s="1">
        <v>45201</v>
      </c>
      <c r="B1216" t="s">
        <v>984</v>
      </c>
      <c r="C1216" t="s">
        <v>9</v>
      </c>
      <c r="D1216" t="s">
        <v>10</v>
      </c>
      <c r="E1216" t="s">
        <v>11</v>
      </c>
      <c r="F1216" s="2">
        <v>1</v>
      </c>
      <c r="G1216" t="s">
        <v>31</v>
      </c>
      <c r="H1216" t="s">
        <v>13</v>
      </c>
    </row>
    <row r="1217" spans="1:8" x14ac:dyDescent="0.25">
      <c r="A1217" s="1">
        <v>45201</v>
      </c>
      <c r="B1217" t="s">
        <v>984</v>
      </c>
      <c r="C1217" t="s">
        <v>47</v>
      </c>
      <c r="D1217" t="s">
        <v>10</v>
      </c>
      <c r="E1217" t="s">
        <v>11</v>
      </c>
      <c r="F1217" s="2">
        <v>1</v>
      </c>
      <c r="G1217" t="s">
        <v>31</v>
      </c>
      <c r="H1217" t="s">
        <v>13</v>
      </c>
    </row>
    <row r="1218" spans="1:8" x14ac:dyDescent="0.25">
      <c r="A1218" s="1">
        <v>45201</v>
      </c>
      <c r="B1218" t="s">
        <v>985</v>
      </c>
      <c r="C1218" t="s">
        <v>9</v>
      </c>
      <c r="D1218" t="s">
        <v>10</v>
      </c>
      <c r="E1218" t="s">
        <v>11</v>
      </c>
      <c r="F1218" s="2">
        <v>1</v>
      </c>
      <c r="G1218" t="s">
        <v>20</v>
      </c>
      <c r="H1218" t="s">
        <v>13</v>
      </c>
    </row>
    <row r="1219" spans="1:8" x14ac:dyDescent="0.25">
      <c r="A1219" s="1">
        <v>45201</v>
      </c>
      <c r="B1219" t="s">
        <v>986</v>
      </c>
      <c r="C1219" t="s">
        <v>47</v>
      </c>
      <c r="D1219" t="s">
        <v>10</v>
      </c>
      <c r="E1219" t="s">
        <v>11</v>
      </c>
      <c r="F1219" s="2">
        <v>1</v>
      </c>
      <c r="G1219" t="s">
        <v>251</v>
      </c>
      <c r="H1219" t="s">
        <v>13</v>
      </c>
    </row>
    <row r="1220" spans="1:8" x14ac:dyDescent="0.25">
      <c r="A1220" s="1">
        <v>45201</v>
      </c>
      <c r="B1220" t="s">
        <v>986</v>
      </c>
      <c r="C1220" t="s">
        <v>47</v>
      </c>
      <c r="D1220" t="s">
        <v>10</v>
      </c>
      <c r="E1220" t="s">
        <v>11</v>
      </c>
      <c r="F1220" s="2">
        <v>1</v>
      </c>
      <c r="G1220" t="s">
        <v>251</v>
      </c>
      <c r="H1220" t="s">
        <v>13</v>
      </c>
    </row>
    <row r="1221" spans="1:8" x14ac:dyDescent="0.25">
      <c r="A1221" s="1">
        <v>45201</v>
      </c>
      <c r="B1221" t="s">
        <v>987</v>
      </c>
      <c r="C1221" t="s">
        <v>92</v>
      </c>
      <c r="D1221" t="s">
        <v>10</v>
      </c>
      <c r="E1221" t="s">
        <v>11</v>
      </c>
      <c r="F1221" s="2">
        <v>1</v>
      </c>
      <c r="G1221" t="s">
        <v>342</v>
      </c>
      <c r="H1221" t="s">
        <v>13</v>
      </c>
    </row>
    <row r="1222" spans="1:8" x14ac:dyDescent="0.25">
      <c r="A1222" s="1">
        <v>45200</v>
      </c>
      <c r="B1222" t="s">
        <v>988</v>
      </c>
      <c r="C1222" t="s">
        <v>16</v>
      </c>
      <c r="D1222" t="s">
        <v>10</v>
      </c>
      <c r="E1222" t="s">
        <v>11</v>
      </c>
      <c r="F1222" s="2">
        <v>1</v>
      </c>
      <c r="G1222" t="s">
        <v>93</v>
      </c>
      <c r="H1222" t="s">
        <v>13</v>
      </c>
    </row>
    <row r="1223" spans="1:8" x14ac:dyDescent="0.25">
      <c r="A1223" s="1">
        <v>45200</v>
      </c>
      <c r="B1223" t="s">
        <v>989</v>
      </c>
      <c r="C1223" t="s">
        <v>19</v>
      </c>
      <c r="D1223" t="s">
        <v>10</v>
      </c>
      <c r="E1223" t="s">
        <v>11</v>
      </c>
      <c r="F1223" s="2">
        <v>1</v>
      </c>
      <c r="G1223" t="s">
        <v>205</v>
      </c>
      <c r="H1223" t="s">
        <v>13</v>
      </c>
    </row>
    <row r="1224" spans="1:8" x14ac:dyDescent="0.25">
      <c r="A1224" s="1">
        <v>45198</v>
      </c>
      <c r="B1224" t="s">
        <v>990</v>
      </c>
      <c r="C1224" t="s">
        <v>118</v>
      </c>
      <c r="D1224" t="s">
        <v>10</v>
      </c>
      <c r="E1224" t="s">
        <v>11</v>
      </c>
      <c r="F1224" s="2">
        <v>1</v>
      </c>
      <c r="G1224" t="s">
        <v>100</v>
      </c>
      <c r="H1224" t="s">
        <v>13</v>
      </c>
    </row>
    <row r="1225" spans="1:8" x14ac:dyDescent="0.25">
      <c r="A1225" s="1">
        <v>45198</v>
      </c>
      <c r="B1225" t="s">
        <v>990</v>
      </c>
      <c r="C1225" t="s">
        <v>142</v>
      </c>
      <c r="D1225" t="s">
        <v>10</v>
      </c>
      <c r="E1225" t="s">
        <v>11</v>
      </c>
      <c r="F1225" s="2">
        <v>1</v>
      </c>
      <c r="G1225" t="s">
        <v>100</v>
      </c>
      <c r="H1225" t="s">
        <v>13</v>
      </c>
    </row>
    <row r="1226" spans="1:8" x14ac:dyDescent="0.25">
      <c r="A1226" s="1">
        <v>45198</v>
      </c>
      <c r="B1226" t="s">
        <v>990</v>
      </c>
      <c r="C1226" t="s">
        <v>47</v>
      </c>
      <c r="D1226" t="s">
        <v>10</v>
      </c>
      <c r="E1226" t="s">
        <v>11</v>
      </c>
      <c r="F1226" s="2">
        <v>1</v>
      </c>
      <c r="G1226" t="s">
        <v>100</v>
      </c>
      <c r="H1226" t="s">
        <v>13</v>
      </c>
    </row>
    <row r="1227" spans="1:8" x14ac:dyDescent="0.25">
      <c r="A1227" s="1">
        <v>45198</v>
      </c>
      <c r="B1227" t="s">
        <v>990</v>
      </c>
      <c r="C1227" t="s">
        <v>151</v>
      </c>
      <c r="D1227" t="s">
        <v>10</v>
      </c>
      <c r="E1227" t="s">
        <v>11</v>
      </c>
      <c r="F1227" s="2">
        <v>1</v>
      </c>
      <c r="G1227" t="s">
        <v>100</v>
      </c>
      <c r="H1227" t="s">
        <v>13</v>
      </c>
    </row>
    <row r="1228" spans="1:8" x14ac:dyDescent="0.25">
      <c r="A1228" s="1">
        <v>45198</v>
      </c>
      <c r="B1228" t="s">
        <v>991</v>
      </c>
      <c r="C1228" t="s">
        <v>9</v>
      </c>
      <c r="D1228" t="s">
        <v>10</v>
      </c>
      <c r="E1228" t="s">
        <v>11</v>
      </c>
      <c r="F1228" s="2">
        <v>1</v>
      </c>
      <c r="G1228" t="s">
        <v>135</v>
      </c>
      <c r="H1228" t="s">
        <v>13</v>
      </c>
    </row>
    <row r="1229" spans="1:8" x14ac:dyDescent="0.25">
      <c r="A1229" s="1">
        <v>45197</v>
      </c>
      <c r="B1229" t="s">
        <v>992</v>
      </c>
      <c r="C1229" t="s">
        <v>9</v>
      </c>
      <c r="D1229" t="s">
        <v>10</v>
      </c>
      <c r="E1229" t="s">
        <v>11</v>
      </c>
      <c r="F1229" s="2">
        <v>1</v>
      </c>
      <c r="G1229" t="s">
        <v>46</v>
      </c>
      <c r="H1229" t="s">
        <v>13</v>
      </c>
    </row>
    <row r="1230" spans="1:8" x14ac:dyDescent="0.25">
      <c r="A1230" s="1">
        <v>45197</v>
      </c>
      <c r="B1230" t="s">
        <v>992</v>
      </c>
      <c r="C1230" t="s">
        <v>52</v>
      </c>
      <c r="D1230" t="s">
        <v>10</v>
      </c>
      <c r="E1230" t="s">
        <v>11</v>
      </c>
      <c r="F1230" s="2">
        <v>1</v>
      </c>
      <c r="G1230" t="s">
        <v>46</v>
      </c>
      <c r="H1230" t="s">
        <v>13</v>
      </c>
    </row>
    <row r="1231" spans="1:8" x14ac:dyDescent="0.25">
      <c r="A1231" s="1">
        <v>45197</v>
      </c>
      <c r="B1231" t="s">
        <v>993</v>
      </c>
      <c r="C1231" t="s">
        <v>35</v>
      </c>
      <c r="D1231" t="s">
        <v>10</v>
      </c>
      <c r="E1231" t="s">
        <v>11</v>
      </c>
      <c r="F1231" s="2">
        <v>1</v>
      </c>
      <c r="G1231" t="s">
        <v>636</v>
      </c>
      <c r="H1231" t="s">
        <v>13</v>
      </c>
    </row>
    <row r="1232" spans="1:8" x14ac:dyDescent="0.25">
      <c r="A1232" s="1">
        <v>45197</v>
      </c>
      <c r="B1232" t="s">
        <v>994</v>
      </c>
      <c r="C1232" t="s">
        <v>9</v>
      </c>
      <c r="D1232" t="s">
        <v>10</v>
      </c>
      <c r="E1232" t="s">
        <v>11</v>
      </c>
      <c r="F1232" s="2">
        <v>1</v>
      </c>
      <c r="G1232" t="s">
        <v>177</v>
      </c>
      <c r="H1232" t="s">
        <v>13</v>
      </c>
    </row>
    <row r="1233" spans="1:8" x14ac:dyDescent="0.25">
      <c r="A1233" s="1">
        <v>45197</v>
      </c>
      <c r="B1233" t="s">
        <v>994</v>
      </c>
      <c r="C1233" t="s">
        <v>29</v>
      </c>
      <c r="D1233" t="s">
        <v>10</v>
      </c>
      <c r="E1233" t="s">
        <v>11</v>
      </c>
      <c r="F1233" s="2">
        <v>1</v>
      </c>
      <c r="G1233" t="s">
        <v>177</v>
      </c>
      <c r="H1233" t="s">
        <v>13</v>
      </c>
    </row>
    <row r="1234" spans="1:8" x14ac:dyDescent="0.25">
      <c r="A1234" s="1">
        <v>45197</v>
      </c>
      <c r="B1234" t="s">
        <v>994</v>
      </c>
      <c r="C1234" t="s">
        <v>35</v>
      </c>
      <c r="D1234" t="s">
        <v>10</v>
      </c>
      <c r="E1234" t="s">
        <v>11</v>
      </c>
      <c r="F1234" s="2">
        <v>1</v>
      </c>
      <c r="G1234" t="s">
        <v>177</v>
      </c>
      <c r="H1234" t="s">
        <v>13</v>
      </c>
    </row>
    <row r="1235" spans="1:8" x14ac:dyDescent="0.25">
      <c r="A1235" s="1">
        <v>45197</v>
      </c>
      <c r="B1235" t="s">
        <v>995</v>
      </c>
      <c r="C1235" t="s">
        <v>16</v>
      </c>
      <c r="D1235" t="s">
        <v>10</v>
      </c>
      <c r="E1235" t="s">
        <v>11</v>
      </c>
      <c r="F1235" s="2">
        <v>1</v>
      </c>
      <c r="G1235" t="s">
        <v>181</v>
      </c>
      <c r="H1235" t="s">
        <v>13</v>
      </c>
    </row>
    <row r="1236" spans="1:8" x14ac:dyDescent="0.25">
      <c r="A1236" s="1">
        <v>45197</v>
      </c>
      <c r="B1236" t="s">
        <v>995</v>
      </c>
      <c r="C1236" t="s">
        <v>282</v>
      </c>
      <c r="D1236" t="s">
        <v>10</v>
      </c>
      <c r="E1236" t="s">
        <v>11</v>
      </c>
      <c r="F1236" s="2">
        <v>1</v>
      </c>
      <c r="G1236" t="s">
        <v>181</v>
      </c>
      <c r="H1236" t="s">
        <v>13</v>
      </c>
    </row>
    <row r="1237" spans="1:8" x14ac:dyDescent="0.25">
      <c r="A1237" s="1">
        <v>45197</v>
      </c>
      <c r="B1237" t="s">
        <v>995</v>
      </c>
      <c r="C1237" t="s">
        <v>453</v>
      </c>
      <c r="D1237" t="s">
        <v>10</v>
      </c>
      <c r="E1237" t="s">
        <v>11</v>
      </c>
      <c r="F1237" s="2">
        <v>1</v>
      </c>
      <c r="G1237" t="s">
        <v>181</v>
      </c>
      <c r="H1237" t="s">
        <v>13</v>
      </c>
    </row>
    <row r="1238" spans="1:8" x14ac:dyDescent="0.25">
      <c r="A1238" s="1">
        <v>45197</v>
      </c>
      <c r="B1238" t="s">
        <v>996</v>
      </c>
      <c r="C1238" t="s">
        <v>9</v>
      </c>
      <c r="D1238" t="s">
        <v>10</v>
      </c>
      <c r="E1238" t="s">
        <v>11</v>
      </c>
      <c r="F1238" s="2">
        <v>1</v>
      </c>
      <c r="G1238" t="s">
        <v>135</v>
      </c>
      <c r="H1238" t="s">
        <v>13</v>
      </c>
    </row>
    <row r="1239" spans="1:8" x14ac:dyDescent="0.25">
      <c r="A1239" s="1">
        <v>45197</v>
      </c>
      <c r="B1239" t="s">
        <v>996</v>
      </c>
      <c r="C1239" t="s">
        <v>997</v>
      </c>
      <c r="D1239" t="s">
        <v>10</v>
      </c>
      <c r="E1239" t="s">
        <v>11</v>
      </c>
      <c r="F1239" s="2">
        <v>1</v>
      </c>
      <c r="G1239" t="s">
        <v>135</v>
      </c>
      <c r="H1239" t="s">
        <v>13</v>
      </c>
    </row>
    <row r="1240" spans="1:8" x14ac:dyDescent="0.25">
      <c r="A1240" s="1">
        <v>45196</v>
      </c>
      <c r="B1240" t="s">
        <v>998</v>
      </c>
      <c r="C1240" t="s">
        <v>999</v>
      </c>
      <c r="D1240" t="s">
        <v>26</v>
      </c>
      <c r="E1240" t="s">
        <v>11</v>
      </c>
      <c r="F1240" s="2">
        <v>1</v>
      </c>
      <c r="G1240" t="s">
        <v>330</v>
      </c>
      <c r="H1240" t="s">
        <v>13</v>
      </c>
    </row>
    <row r="1241" spans="1:8" x14ac:dyDescent="0.25">
      <c r="A1241" s="1">
        <v>45196</v>
      </c>
      <c r="B1241" t="s">
        <v>1000</v>
      </c>
      <c r="C1241" t="s">
        <v>79</v>
      </c>
      <c r="D1241" t="s">
        <v>10</v>
      </c>
      <c r="E1241" t="s">
        <v>11</v>
      </c>
      <c r="F1241" s="2">
        <v>1</v>
      </c>
      <c r="G1241" t="s">
        <v>100</v>
      </c>
      <c r="H1241" t="s">
        <v>13</v>
      </c>
    </row>
    <row r="1242" spans="1:8" x14ac:dyDescent="0.25">
      <c r="A1242" s="1">
        <v>45196</v>
      </c>
      <c r="B1242" t="s">
        <v>1000</v>
      </c>
      <c r="C1242" t="s">
        <v>80</v>
      </c>
      <c r="D1242" t="s">
        <v>10</v>
      </c>
      <c r="E1242" t="s">
        <v>11</v>
      </c>
      <c r="F1242" s="2">
        <v>1</v>
      </c>
      <c r="G1242" t="s">
        <v>100</v>
      </c>
      <c r="H1242" t="s">
        <v>13</v>
      </c>
    </row>
    <row r="1243" spans="1:8" x14ac:dyDescent="0.25">
      <c r="A1243" s="1">
        <v>45196</v>
      </c>
      <c r="B1243" t="s">
        <v>1001</v>
      </c>
      <c r="C1243" t="s">
        <v>974</v>
      </c>
      <c r="D1243" t="s">
        <v>10</v>
      </c>
      <c r="E1243" t="s">
        <v>11</v>
      </c>
      <c r="F1243" s="2">
        <v>1</v>
      </c>
      <c r="G1243" t="s">
        <v>181</v>
      </c>
      <c r="H1243" t="s">
        <v>13</v>
      </c>
    </row>
    <row r="1244" spans="1:8" x14ac:dyDescent="0.25">
      <c r="A1244" s="1">
        <v>45195</v>
      </c>
      <c r="B1244" t="s">
        <v>1002</v>
      </c>
      <c r="C1244" t="s">
        <v>9</v>
      </c>
      <c r="D1244" t="s">
        <v>10</v>
      </c>
      <c r="E1244" t="s">
        <v>11</v>
      </c>
      <c r="F1244" s="2">
        <v>1</v>
      </c>
      <c r="G1244" t="s">
        <v>1003</v>
      </c>
      <c r="H1244" t="s">
        <v>13</v>
      </c>
    </row>
    <row r="1245" spans="1:8" x14ac:dyDescent="0.25">
      <c r="A1245" s="1">
        <v>45195</v>
      </c>
      <c r="B1245" t="s">
        <v>1004</v>
      </c>
      <c r="C1245" t="s">
        <v>9</v>
      </c>
      <c r="D1245" t="s">
        <v>10</v>
      </c>
      <c r="E1245" t="s">
        <v>11</v>
      </c>
      <c r="F1245" s="2">
        <v>1</v>
      </c>
      <c r="G1245" t="s">
        <v>113</v>
      </c>
      <c r="H1245" t="s">
        <v>13</v>
      </c>
    </row>
    <row r="1246" spans="1:8" x14ac:dyDescent="0.25">
      <c r="A1246" s="1">
        <v>45195</v>
      </c>
      <c r="B1246" t="s">
        <v>1004</v>
      </c>
      <c r="C1246" t="s">
        <v>35</v>
      </c>
      <c r="D1246" t="s">
        <v>10</v>
      </c>
      <c r="E1246" t="s">
        <v>11</v>
      </c>
      <c r="F1246" s="2">
        <v>1</v>
      </c>
      <c r="G1246" t="s">
        <v>113</v>
      </c>
      <c r="H1246" t="s">
        <v>13</v>
      </c>
    </row>
    <row r="1247" spans="1:8" x14ac:dyDescent="0.25">
      <c r="A1247" s="1">
        <v>45194</v>
      </c>
      <c r="B1247" t="s">
        <v>1005</v>
      </c>
      <c r="C1247" t="s">
        <v>9</v>
      </c>
      <c r="D1247" t="s">
        <v>10</v>
      </c>
      <c r="E1247" t="s">
        <v>11</v>
      </c>
      <c r="F1247" s="2">
        <v>1</v>
      </c>
      <c r="G1247" t="s">
        <v>20</v>
      </c>
      <c r="H1247" t="s">
        <v>13</v>
      </c>
    </row>
    <row r="1248" spans="1:8" x14ac:dyDescent="0.25">
      <c r="A1248" s="1">
        <v>45194</v>
      </c>
      <c r="B1248" t="s">
        <v>1006</v>
      </c>
      <c r="C1248" t="s">
        <v>9</v>
      </c>
      <c r="D1248" t="s">
        <v>10</v>
      </c>
      <c r="E1248" t="s">
        <v>11</v>
      </c>
      <c r="F1248" s="2">
        <v>1</v>
      </c>
      <c r="G1248" t="s">
        <v>131</v>
      </c>
      <c r="H1248" t="s">
        <v>13</v>
      </c>
    </row>
    <row r="1249" spans="1:8" x14ac:dyDescent="0.25">
      <c r="A1249" s="1">
        <v>45193</v>
      </c>
      <c r="B1249" t="s">
        <v>1007</v>
      </c>
      <c r="C1249" t="s">
        <v>19</v>
      </c>
      <c r="D1249" t="s">
        <v>10</v>
      </c>
      <c r="E1249" t="s">
        <v>11</v>
      </c>
      <c r="F1249" s="2">
        <v>1</v>
      </c>
      <c r="G1249" t="s">
        <v>277</v>
      </c>
      <c r="H1249" t="s">
        <v>13</v>
      </c>
    </row>
    <row r="1250" spans="1:8" x14ac:dyDescent="0.25">
      <c r="A1250" s="1">
        <v>45193</v>
      </c>
      <c r="B1250" t="s">
        <v>1008</v>
      </c>
      <c r="C1250" t="s">
        <v>149</v>
      </c>
      <c r="D1250" t="s">
        <v>10</v>
      </c>
      <c r="E1250" t="s">
        <v>11</v>
      </c>
      <c r="F1250" s="2">
        <v>1</v>
      </c>
      <c r="G1250" t="s">
        <v>1009</v>
      </c>
      <c r="H1250" t="s">
        <v>13</v>
      </c>
    </row>
    <row r="1251" spans="1:8" x14ac:dyDescent="0.25">
      <c r="A1251" s="1">
        <v>45193</v>
      </c>
      <c r="B1251" t="s">
        <v>1008</v>
      </c>
      <c r="C1251" t="s">
        <v>47</v>
      </c>
      <c r="D1251" t="s">
        <v>10</v>
      </c>
      <c r="E1251" t="s">
        <v>11</v>
      </c>
      <c r="F1251" s="2">
        <v>1</v>
      </c>
      <c r="G1251" t="s">
        <v>1009</v>
      </c>
      <c r="H1251" t="s">
        <v>13</v>
      </c>
    </row>
    <row r="1252" spans="1:8" x14ac:dyDescent="0.25">
      <c r="A1252" s="1">
        <v>45193</v>
      </c>
      <c r="B1252" t="s">
        <v>1010</v>
      </c>
      <c r="C1252" t="s">
        <v>19</v>
      </c>
      <c r="D1252" t="s">
        <v>10</v>
      </c>
      <c r="E1252" t="s">
        <v>11</v>
      </c>
      <c r="F1252" s="2">
        <v>1</v>
      </c>
      <c r="G1252" t="s">
        <v>1011</v>
      </c>
      <c r="H1252" t="s">
        <v>13</v>
      </c>
    </row>
    <row r="1253" spans="1:8" x14ac:dyDescent="0.25">
      <c r="A1253" s="1">
        <v>45193</v>
      </c>
      <c r="B1253" t="s">
        <v>1012</v>
      </c>
      <c r="C1253" t="s">
        <v>481</v>
      </c>
      <c r="D1253" t="s">
        <v>10</v>
      </c>
      <c r="E1253" t="s">
        <v>11</v>
      </c>
      <c r="F1253" s="2">
        <v>1</v>
      </c>
      <c r="G1253" t="s">
        <v>31</v>
      </c>
      <c r="H1253" t="s">
        <v>13</v>
      </c>
    </row>
    <row r="1254" spans="1:8" x14ac:dyDescent="0.25">
      <c r="A1254" s="1">
        <v>45193</v>
      </c>
      <c r="B1254" t="s">
        <v>1013</v>
      </c>
      <c r="C1254" t="s">
        <v>1014</v>
      </c>
      <c r="D1254" t="s">
        <v>10</v>
      </c>
      <c r="E1254" t="s">
        <v>11</v>
      </c>
      <c r="F1254" s="2">
        <v>1</v>
      </c>
      <c r="G1254" t="s">
        <v>181</v>
      </c>
      <c r="H1254" t="s">
        <v>13</v>
      </c>
    </row>
    <row r="1255" spans="1:8" x14ac:dyDescent="0.25">
      <c r="A1255" s="1">
        <v>45193</v>
      </c>
      <c r="B1255" t="s">
        <v>1013</v>
      </c>
      <c r="C1255" t="s">
        <v>47</v>
      </c>
      <c r="D1255" t="s">
        <v>10</v>
      </c>
      <c r="E1255" t="s">
        <v>11</v>
      </c>
      <c r="F1255" s="2">
        <v>1</v>
      </c>
      <c r="G1255" t="s">
        <v>181</v>
      </c>
      <c r="H1255" t="s">
        <v>13</v>
      </c>
    </row>
    <row r="1256" spans="1:8" x14ac:dyDescent="0.25">
      <c r="A1256" s="1">
        <v>45193</v>
      </c>
      <c r="B1256" t="s">
        <v>1015</v>
      </c>
      <c r="C1256" t="s">
        <v>1014</v>
      </c>
      <c r="D1256" t="s">
        <v>10</v>
      </c>
      <c r="E1256" t="s">
        <v>11</v>
      </c>
      <c r="F1256" s="2">
        <v>1</v>
      </c>
      <c r="G1256" t="s">
        <v>181</v>
      </c>
      <c r="H1256" t="s">
        <v>13</v>
      </c>
    </row>
    <row r="1257" spans="1:8" x14ac:dyDescent="0.25">
      <c r="A1257" s="1">
        <v>45192</v>
      </c>
      <c r="B1257" t="s">
        <v>1016</v>
      </c>
      <c r="C1257" t="s">
        <v>9</v>
      </c>
      <c r="D1257" t="s">
        <v>10</v>
      </c>
      <c r="E1257" t="s">
        <v>11</v>
      </c>
      <c r="F1257" s="2">
        <v>1</v>
      </c>
      <c r="G1257" t="s">
        <v>46</v>
      </c>
      <c r="H1257" t="s">
        <v>13</v>
      </c>
    </row>
    <row r="1258" spans="1:8" x14ac:dyDescent="0.25">
      <c r="A1258" s="1">
        <v>45192</v>
      </c>
      <c r="B1258" t="s">
        <v>1016</v>
      </c>
      <c r="C1258" t="s">
        <v>35</v>
      </c>
      <c r="D1258" t="s">
        <v>10</v>
      </c>
      <c r="E1258" t="s">
        <v>11</v>
      </c>
      <c r="F1258" s="2">
        <v>1</v>
      </c>
      <c r="G1258" t="s">
        <v>46</v>
      </c>
      <c r="H1258" t="s">
        <v>13</v>
      </c>
    </row>
    <row r="1259" spans="1:8" x14ac:dyDescent="0.25">
      <c r="A1259" s="1">
        <v>45192</v>
      </c>
      <c r="B1259" t="s">
        <v>1017</v>
      </c>
      <c r="C1259" t="s">
        <v>76</v>
      </c>
      <c r="D1259" t="s">
        <v>10</v>
      </c>
      <c r="E1259" t="s">
        <v>11</v>
      </c>
      <c r="F1259" s="2">
        <v>1</v>
      </c>
      <c r="G1259" t="s">
        <v>83</v>
      </c>
      <c r="H1259" t="s">
        <v>13</v>
      </c>
    </row>
    <row r="1260" spans="1:8" x14ac:dyDescent="0.25">
      <c r="A1260" s="1">
        <v>45192</v>
      </c>
      <c r="B1260" t="s">
        <v>1018</v>
      </c>
      <c r="C1260" t="s">
        <v>9</v>
      </c>
      <c r="D1260" t="s">
        <v>10</v>
      </c>
      <c r="E1260" t="s">
        <v>11</v>
      </c>
      <c r="F1260" s="2">
        <v>1</v>
      </c>
      <c r="G1260" t="s">
        <v>242</v>
      </c>
      <c r="H1260" t="s">
        <v>13</v>
      </c>
    </row>
    <row r="1261" spans="1:8" x14ac:dyDescent="0.25">
      <c r="A1261" s="1">
        <v>45191</v>
      </c>
      <c r="B1261" t="s">
        <v>1019</v>
      </c>
      <c r="C1261" t="s">
        <v>264</v>
      </c>
      <c r="D1261" t="s">
        <v>10</v>
      </c>
      <c r="E1261" t="s">
        <v>11</v>
      </c>
      <c r="F1261" s="2">
        <v>1</v>
      </c>
      <c r="G1261" t="s">
        <v>793</v>
      </c>
      <c r="H1261" t="s">
        <v>13</v>
      </c>
    </row>
    <row r="1262" spans="1:8" x14ac:dyDescent="0.25">
      <c r="A1262" s="1">
        <v>45190</v>
      </c>
      <c r="B1262" t="s">
        <v>1020</v>
      </c>
      <c r="C1262" t="s">
        <v>52</v>
      </c>
      <c r="D1262" t="s">
        <v>10</v>
      </c>
      <c r="E1262" t="s">
        <v>11</v>
      </c>
      <c r="F1262" s="2">
        <v>1</v>
      </c>
      <c r="G1262" t="s">
        <v>31</v>
      </c>
      <c r="H1262" t="s">
        <v>13</v>
      </c>
    </row>
    <row r="1263" spans="1:8" x14ac:dyDescent="0.25">
      <c r="A1263" s="1">
        <v>45190</v>
      </c>
      <c r="B1263" t="s">
        <v>1020</v>
      </c>
      <c r="C1263" t="s">
        <v>35</v>
      </c>
      <c r="D1263" t="s">
        <v>10</v>
      </c>
      <c r="E1263" t="s">
        <v>11</v>
      </c>
      <c r="F1263" s="2">
        <v>1</v>
      </c>
      <c r="G1263" t="s">
        <v>31</v>
      </c>
      <c r="H1263" t="s">
        <v>13</v>
      </c>
    </row>
    <row r="1264" spans="1:8" x14ac:dyDescent="0.25">
      <c r="A1264" s="1">
        <v>45190</v>
      </c>
      <c r="B1264" t="s">
        <v>1020</v>
      </c>
      <c r="C1264" t="s">
        <v>47</v>
      </c>
      <c r="D1264" t="s">
        <v>10</v>
      </c>
      <c r="E1264" t="s">
        <v>11</v>
      </c>
      <c r="F1264" s="2">
        <v>1</v>
      </c>
      <c r="G1264" t="s">
        <v>31</v>
      </c>
      <c r="H1264" t="s">
        <v>13</v>
      </c>
    </row>
    <row r="1265" spans="1:8" x14ac:dyDescent="0.25">
      <c r="A1265" s="1">
        <v>45189</v>
      </c>
      <c r="B1265" t="s">
        <v>1021</v>
      </c>
      <c r="C1265" t="s">
        <v>481</v>
      </c>
      <c r="D1265" t="s">
        <v>10</v>
      </c>
      <c r="E1265" t="s">
        <v>11</v>
      </c>
      <c r="F1265" s="2">
        <v>1</v>
      </c>
      <c r="G1265" t="s">
        <v>205</v>
      </c>
      <c r="H1265" t="s">
        <v>13</v>
      </c>
    </row>
    <row r="1266" spans="1:8" x14ac:dyDescent="0.25">
      <c r="A1266" s="1">
        <v>45189</v>
      </c>
      <c r="B1266" t="s">
        <v>1022</v>
      </c>
      <c r="C1266" t="s">
        <v>19</v>
      </c>
      <c r="D1266" t="s">
        <v>10</v>
      </c>
      <c r="E1266" t="s">
        <v>11</v>
      </c>
      <c r="F1266" s="2">
        <v>1</v>
      </c>
      <c r="G1266" t="s">
        <v>44</v>
      </c>
      <c r="H1266" t="s">
        <v>13</v>
      </c>
    </row>
    <row r="1267" spans="1:8" x14ac:dyDescent="0.25">
      <c r="A1267" s="1">
        <v>45189</v>
      </c>
      <c r="B1267" t="s">
        <v>1023</v>
      </c>
      <c r="C1267" t="s">
        <v>28</v>
      </c>
      <c r="D1267" t="s">
        <v>10</v>
      </c>
      <c r="E1267" t="s">
        <v>11</v>
      </c>
      <c r="F1267" s="2">
        <v>1</v>
      </c>
      <c r="G1267" t="s">
        <v>1024</v>
      </c>
      <c r="H1267" t="s">
        <v>13</v>
      </c>
    </row>
    <row r="1268" spans="1:8" x14ac:dyDescent="0.25">
      <c r="A1268" s="1">
        <v>45189</v>
      </c>
      <c r="B1268" t="s">
        <v>1025</v>
      </c>
      <c r="C1268" t="s">
        <v>92</v>
      </c>
      <c r="D1268" t="s">
        <v>10</v>
      </c>
      <c r="E1268" t="s">
        <v>11</v>
      </c>
      <c r="F1268" s="2">
        <v>1</v>
      </c>
      <c r="G1268" t="s">
        <v>342</v>
      </c>
      <c r="H1268" t="s">
        <v>13</v>
      </c>
    </row>
    <row r="1269" spans="1:8" x14ac:dyDescent="0.25">
      <c r="A1269" s="1">
        <v>45188</v>
      </c>
      <c r="B1269" t="s">
        <v>1026</v>
      </c>
      <c r="C1269" t="s">
        <v>9</v>
      </c>
      <c r="D1269" t="s">
        <v>10</v>
      </c>
      <c r="E1269" t="s">
        <v>11</v>
      </c>
      <c r="F1269" s="2">
        <v>1</v>
      </c>
      <c r="G1269" t="s">
        <v>31</v>
      </c>
      <c r="H1269" t="s">
        <v>13</v>
      </c>
    </row>
    <row r="1270" spans="1:8" x14ac:dyDescent="0.25">
      <c r="A1270" s="1">
        <v>45187</v>
      </c>
      <c r="B1270" t="s">
        <v>1027</v>
      </c>
      <c r="C1270" t="s">
        <v>47</v>
      </c>
      <c r="D1270" t="s">
        <v>10</v>
      </c>
      <c r="E1270" t="s">
        <v>11</v>
      </c>
      <c r="F1270" s="2">
        <v>1</v>
      </c>
      <c r="G1270" t="s">
        <v>17</v>
      </c>
      <c r="H1270" t="s">
        <v>13</v>
      </c>
    </row>
    <row r="1271" spans="1:8" x14ac:dyDescent="0.25">
      <c r="A1271" s="1">
        <v>45186</v>
      </c>
      <c r="B1271" t="s">
        <v>1028</v>
      </c>
      <c r="C1271" t="s">
        <v>379</v>
      </c>
      <c r="D1271" t="s">
        <v>10</v>
      </c>
      <c r="E1271" t="s">
        <v>11</v>
      </c>
      <c r="F1271" s="2">
        <v>1</v>
      </c>
      <c r="G1271" t="s">
        <v>37</v>
      </c>
      <c r="H1271" t="s">
        <v>13</v>
      </c>
    </row>
    <row r="1272" spans="1:8" x14ac:dyDescent="0.25">
      <c r="A1272" s="1">
        <v>45186</v>
      </c>
      <c r="B1272" t="s">
        <v>1028</v>
      </c>
      <c r="C1272" t="s">
        <v>518</v>
      </c>
      <c r="D1272" t="s">
        <v>10</v>
      </c>
      <c r="E1272" t="s">
        <v>11</v>
      </c>
      <c r="F1272" s="2">
        <v>1</v>
      </c>
      <c r="G1272" t="s">
        <v>37</v>
      </c>
      <c r="H1272" t="s">
        <v>13</v>
      </c>
    </row>
    <row r="1273" spans="1:8" x14ac:dyDescent="0.25">
      <c r="A1273" s="1">
        <v>45186</v>
      </c>
      <c r="B1273" t="s">
        <v>1028</v>
      </c>
      <c r="C1273" t="s">
        <v>282</v>
      </c>
      <c r="D1273" t="s">
        <v>10</v>
      </c>
      <c r="E1273" t="s">
        <v>11</v>
      </c>
      <c r="F1273" s="2">
        <v>1</v>
      </c>
      <c r="G1273" t="s">
        <v>37</v>
      </c>
      <c r="H1273" t="s">
        <v>13</v>
      </c>
    </row>
    <row r="1274" spans="1:8" x14ac:dyDescent="0.25">
      <c r="A1274" s="1">
        <v>45186</v>
      </c>
      <c r="B1274" t="s">
        <v>1028</v>
      </c>
      <c r="C1274" t="s">
        <v>453</v>
      </c>
      <c r="D1274" t="s">
        <v>10</v>
      </c>
      <c r="E1274" t="s">
        <v>11</v>
      </c>
      <c r="F1274" s="2">
        <v>1</v>
      </c>
      <c r="G1274" t="s">
        <v>37</v>
      </c>
      <c r="H1274" t="s">
        <v>13</v>
      </c>
    </row>
    <row r="1275" spans="1:8" x14ac:dyDescent="0.25">
      <c r="A1275" s="1">
        <v>45185</v>
      </c>
      <c r="B1275" t="s">
        <v>1029</v>
      </c>
      <c r="C1275" t="s">
        <v>9</v>
      </c>
      <c r="D1275" t="s">
        <v>10</v>
      </c>
      <c r="E1275" t="s">
        <v>11</v>
      </c>
      <c r="F1275" s="2">
        <v>1</v>
      </c>
      <c r="G1275" t="s">
        <v>72</v>
      </c>
      <c r="H1275" t="s">
        <v>13</v>
      </c>
    </row>
    <row r="1276" spans="1:8" x14ac:dyDescent="0.25">
      <c r="A1276" s="1">
        <v>45185</v>
      </c>
      <c r="B1276" t="s">
        <v>1029</v>
      </c>
      <c r="C1276" t="s">
        <v>28</v>
      </c>
      <c r="D1276" t="s">
        <v>10</v>
      </c>
      <c r="E1276" t="s">
        <v>11</v>
      </c>
      <c r="F1276" s="2">
        <v>1</v>
      </c>
      <c r="G1276" t="s">
        <v>72</v>
      </c>
      <c r="H1276" t="s">
        <v>13</v>
      </c>
    </row>
    <row r="1277" spans="1:8" x14ac:dyDescent="0.25">
      <c r="A1277" s="1">
        <v>45185</v>
      </c>
      <c r="B1277" t="s">
        <v>1029</v>
      </c>
      <c r="C1277" t="s">
        <v>29</v>
      </c>
      <c r="D1277" t="s">
        <v>10</v>
      </c>
      <c r="E1277" t="s">
        <v>11</v>
      </c>
      <c r="F1277" s="2">
        <v>1</v>
      </c>
      <c r="G1277" t="s">
        <v>72</v>
      </c>
      <c r="H1277" t="s">
        <v>13</v>
      </c>
    </row>
    <row r="1278" spans="1:8" x14ac:dyDescent="0.25">
      <c r="A1278" s="1">
        <v>45185</v>
      </c>
      <c r="B1278" t="s">
        <v>1029</v>
      </c>
      <c r="C1278" t="s">
        <v>1030</v>
      </c>
      <c r="D1278" t="s">
        <v>10</v>
      </c>
      <c r="E1278" t="s">
        <v>11</v>
      </c>
      <c r="F1278" s="2">
        <v>1</v>
      </c>
      <c r="G1278" t="s">
        <v>72</v>
      </c>
      <c r="H1278" t="s">
        <v>13</v>
      </c>
    </row>
    <row r="1279" spans="1:8" x14ac:dyDescent="0.25">
      <c r="A1279" s="1">
        <v>45185</v>
      </c>
      <c r="B1279" t="s">
        <v>1031</v>
      </c>
      <c r="C1279" t="s">
        <v>29</v>
      </c>
      <c r="D1279" t="s">
        <v>10</v>
      </c>
      <c r="E1279" t="s">
        <v>11</v>
      </c>
      <c r="F1279" s="2">
        <v>1</v>
      </c>
      <c r="G1279" t="s">
        <v>194</v>
      </c>
      <c r="H1279" t="s">
        <v>13</v>
      </c>
    </row>
    <row r="1280" spans="1:8" x14ac:dyDescent="0.25">
      <c r="A1280" s="1">
        <v>45185</v>
      </c>
      <c r="B1280" t="s">
        <v>1031</v>
      </c>
      <c r="C1280" t="s">
        <v>35</v>
      </c>
      <c r="D1280" t="s">
        <v>10</v>
      </c>
      <c r="E1280" t="s">
        <v>11</v>
      </c>
      <c r="F1280" s="2">
        <v>1</v>
      </c>
      <c r="G1280" t="s">
        <v>194</v>
      </c>
      <c r="H1280" t="s">
        <v>13</v>
      </c>
    </row>
    <row r="1281" spans="1:8" x14ac:dyDescent="0.25">
      <c r="A1281" s="1">
        <v>45184</v>
      </c>
      <c r="B1281" t="s">
        <v>1032</v>
      </c>
      <c r="C1281" t="s">
        <v>9</v>
      </c>
      <c r="D1281" t="s">
        <v>10</v>
      </c>
      <c r="E1281" t="s">
        <v>11</v>
      </c>
      <c r="F1281" s="2">
        <v>1</v>
      </c>
      <c r="G1281" t="s">
        <v>20</v>
      </c>
      <c r="H1281" t="s">
        <v>13</v>
      </c>
    </row>
    <row r="1282" spans="1:8" x14ac:dyDescent="0.25">
      <c r="A1282" s="1">
        <v>45183</v>
      </c>
      <c r="B1282" t="s">
        <v>1033</v>
      </c>
      <c r="C1282" t="s">
        <v>58</v>
      </c>
      <c r="D1282" t="s">
        <v>10</v>
      </c>
      <c r="E1282" t="s">
        <v>11</v>
      </c>
      <c r="F1282" s="2">
        <v>1</v>
      </c>
      <c r="G1282" t="s">
        <v>117</v>
      </c>
      <c r="H1282" t="s">
        <v>13</v>
      </c>
    </row>
    <row r="1283" spans="1:8" x14ac:dyDescent="0.25">
      <c r="A1283" s="1">
        <v>45183</v>
      </c>
      <c r="B1283" t="s">
        <v>1033</v>
      </c>
      <c r="C1283" t="s">
        <v>58</v>
      </c>
      <c r="D1283" t="s">
        <v>10</v>
      </c>
      <c r="E1283" t="s">
        <v>11</v>
      </c>
      <c r="F1283" s="2">
        <v>1</v>
      </c>
      <c r="G1283" t="s">
        <v>117</v>
      </c>
      <c r="H1283" t="s">
        <v>13</v>
      </c>
    </row>
    <row r="1284" spans="1:8" x14ac:dyDescent="0.25">
      <c r="A1284" s="1">
        <v>45183</v>
      </c>
      <c r="B1284" t="s">
        <v>1034</v>
      </c>
      <c r="C1284" t="s">
        <v>86</v>
      </c>
      <c r="D1284" t="s">
        <v>10</v>
      </c>
      <c r="E1284" t="s">
        <v>11</v>
      </c>
      <c r="F1284" s="2">
        <v>1</v>
      </c>
      <c r="G1284" t="s">
        <v>63</v>
      </c>
      <c r="H1284" t="s">
        <v>13</v>
      </c>
    </row>
    <row r="1285" spans="1:8" x14ac:dyDescent="0.25">
      <c r="A1285" s="1">
        <v>45182</v>
      </c>
      <c r="B1285" t="s">
        <v>1035</v>
      </c>
      <c r="C1285" t="s">
        <v>9</v>
      </c>
      <c r="D1285" t="s">
        <v>10</v>
      </c>
      <c r="E1285" t="s">
        <v>11</v>
      </c>
      <c r="F1285" s="2">
        <v>1</v>
      </c>
      <c r="G1285" t="s">
        <v>20</v>
      </c>
      <c r="H1285" t="s">
        <v>13</v>
      </c>
    </row>
    <row r="1286" spans="1:8" x14ac:dyDescent="0.25">
      <c r="A1286" s="1">
        <v>45182</v>
      </c>
      <c r="B1286" t="s">
        <v>1036</v>
      </c>
      <c r="C1286" t="s">
        <v>19</v>
      </c>
      <c r="D1286" t="s">
        <v>10</v>
      </c>
      <c r="E1286" t="s">
        <v>11</v>
      </c>
      <c r="F1286" s="2">
        <v>1</v>
      </c>
      <c r="G1286" t="s">
        <v>37</v>
      </c>
      <c r="H1286" t="s">
        <v>13</v>
      </c>
    </row>
    <row r="1287" spans="1:8" x14ac:dyDescent="0.25">
      <c r="A1287" s="1">
        <v>45180</v>
      </c>
      <c r="B1287" t="s">
        <v>1037</v>
      </c>
      <c r="C1287" t="s">
        <v>79</v>
      </c>
      <c r="D1287" t="s">
        <v>10</v>
      </c>
      <c r="E1287" t="s">
        <v>11</v>
      </c>
      <c r="F1287" s="2">
        <v>1</v>
      </c>
      <c r="G1287" t="s">
        <v>61</v>
      </c>
      <c r="H1287" t="s">
        <v>13</v>
      </c>
    </row>
    <row r="1288" spans="1:8" x14ac:dyDescent="0.25">
      <c r="A1288" s="1">
        <v>45180</v>
      </c>
      <c r="B1288" t="s">
        <v>1037</v>
      </c>
      <c r="C1288" t="s">
        <v>80</v>
      </c>
      <c r="D1288" t="s">
        <v>10</v>
      </c>
      <c r="E1288" t="s">
        <v>11</v>
      </c>
      <c r="F1288" s="2">
        <v>1</v>
      </c>
      <c r="G1288" t="s">
        <v>61</v>
      </c>
      <c r="H1288" t="s">
        <v>13</v>
      </c>
    </row>
    <row r="1289" spans="1:8" x14ac:dyDescent="0.25">
      <c r="A1289" s="1">
        <v>45180</v>
      </c>
      <c r="B1289" t="s">
        <v>1038</v>
      </c>
      <c r="C1289" t="s">
        <v>9</v>
      </c>
      <c r="D1289" t="s">
        <v>10</v>
      </c>
      <c r="E1289" t="s">
        <v>11</v>
      </c>
      <c r="F1289" s="2">
        <v>1</v>
      </c>
      <c r="G1289" t="s">
        <v>100</v>
      </c>
      <c r="H1289" t="s">
        <v>13</v>
      </c>
    </row>
    <row r="1290" spans="1:8" x14ac:dyDescent="0.25">
      <c r="A1290" s="1">
        <v>45180</v>
      </c>
      <c r="B1290" t="s">
        <v>1039</v>
      </c>
      <c r="C1290" t="s">
        <v>1040</v>
      </c>
      <c r="D1290" t="s">
        <v>26</v>
      </c>
      <c r="E1290" t="s">
        <v>11</v>
      </c>
      <c r="F1290" s="2">
        <v>1</v>
      </c>
      <c r="G1290" t="s">
        <v>37</v>
      </c>
      <c r="H1290" t="s">
        <v>13</v>
      </c>
    </row>
    <row r="1291" spans="1:8" x14ac:dyDescent="0.25">
      <c r="A1291" s="1">
        <v>45180</v>
      </c>
      <c r="B1291" t="s">
        <v>1041</v>
      </c>
      <c r="C1291" t="s">
        <v>92</v>
      </c>
      <c r="D1291" t="s">
        <v>10</v>
      </c>
      <c r="E1291" t="s">
        <v>11</v>
      </c>
      <c r="F1291" s="2">
        <v>1</v>
      </c>
      <c r="G1291" t="s">
        <v>342</v>
      </c>
      <c r="H1291" t="s">
        <v>13</v>
      </c>
    </row>
    <row r="1292" spans="1:8" x14ac:dyDescent="0.25">
      <c r="A1292" s="1">
        <v>45180</v>
      </c>
      <c r="B1292" t="s">
        <v>1042</v>
      </c>
      <c r="C1292" t="s">
        <v>1043</v>
      </c>
      <c r="D1292" t="s">
        <v>10</v>
      </c>
      <c r="E1292" t="s">
        <v>11</v>
      </c>
      <c r="F1292" s="2">
        <v>1</v>
      </c>
      <c r="G1292" t="s">
        <v>98</v>
      </c>
      <c r="H1292" t="s">
        <v>13</v>
      </c>
    </row>
    <row r="1293" spans="1:8" x14ac:dyDescent="0.25">
      <c r="A1293" s="1">
        <v>45180</v>
      </c>
      <c r="B1293" t="s">
        <v>1042</v>
      </c>
      <c r="C1293" t="s">
        <v>1043</v>
      </c>
      <c r="D1293" t="s">
        <v>10</v>
      </c>
      <c r="E1293" t="s">
        <v>11</v>
      </c>
      <c r="F1293" s="2">
        <v>1</v>
      </c>
      <c r="G1293" t="s">
        <v>98</v>
      </c>
      <c r="H1293" t="s">
        <v>13</v>
      </c>
    </row>
    <row r="1294" spans="1:8" x14ac:dyDescent="0.25">
      <c r="A1294" s="1">
        <v>45179</v>
      </c>
      <c r="B1294" t="s">
        <v>1044</v>
      </c>
      <c r="C1294" t="s">
        <v>9</v>
      </c>
      <c r="D1294" t="s">
        <v>10</v>
      </c>
      <c r="E1294" t="s">
        <v>11</v>
      </c>
      <c r="F1294" s="2">
        <v>1</v>
      </c>
      <c r="G1294" t="s">
        <v>889</v>
      </c>
      <c r="H1294" t="s">
        <v>13</v>
      </c>
    </row>
    <row r="1295" spans="1:8" x14ac:dyDescent="0.25">
      <c r="A1295" s="1">
        <v>45178</v>
      </c>
      <c r="B1295" t="s">
        <v>1045</v>
      </c>
      <c r="C1295" t="s">
        <v>56</v>
      </c>
      <c r="D1295" t="s">
        <v>10</v>
      </c>
      <c r="E1295" t="s">
        <v>11</v>
      </c>
      <c r="F1295" s="2">
        <v>1</v>
      </c>
      <c r="G1295" t="s">
        <v>46</v>
      </c>
      <c r="H1295" t="s">
        <v>13</v>
      </c>
    </row>
    <row r="1296" spans="1:8" x14ac:dyDescent="0.25">
      <c r="A1296" s="1">
        <v>45177</v>
      </c>
      <c r="B1296" t="s">
        <v>1046</v>
      </c>
      <c r="C1296" t="s">
        <v>413</v>
      </c>
      <c r="D1296" t="s">
        <v>10</v>
      </c>
      <c r="E1296" t="s">
        <v>11</v>
      </c>
      <c r="F1296" s="2">
        <v>1</v>
      </c>
      <c r="G1296" t="s">
        <v>462</v>
      </c>
      <c r="H1296" t="s">
        <v>13</v>
      </c>
    </row>
    <row r="1297" spans="1:8" x14ac:dyDescent="0.25">
      <c r="A1297" s="1">
        <v>45177</v>
      </c>
      <c r="B1297" t="s">
        <v>1047</v>
      </c>
      <c r="C1297" t="s">
        <v>1048</v>
      </c>
      <c r="D1297" t="s">
        <v>10</v>
      </c>
      <c r="E1297" t="s">
        <v>11</v>
      </c>
      <c r="F1297" s="2">
        <v>1</v>
      </c>
      <c r="G1297" t="s">
        <v>12</v>
      </c>
      <c r="H1297" t="s">
        <v>13</v>
      </c>
    </row>
    <row r="1298" spans="1:8" x14ac:dyDescent="0.25">
      <c r="A1298" s="1">
        <v>45177</v>
      </c>
      <c r="B1298" t="s">
        <v>1047</v>
      </c>
      <c r="C1298" t="s">
        <v>120</v>
      </c>
      <c r="D1298" t="s">
        <v>10</v>
      </c>
      <c r="E1298" t="s">
        <v>11</v>
      </c>
      <c r="F1298" s="2">
        <v>1</v>
      </c>
      <c r="G1298" t="s">
        <v>12</v>
      </c>
      <c r="H1298" t="s">
        <v>13</v>
      </c>
    </row>
    <row r="1299" spans="1:8" x14ac:dyDescent="0.25">
      <c r="A1299" s="1">
        <v>45176</v>
      </c>
      <c r="B1299" t="s">
        <v>1049</v>
      </c>
      <c r="C1299" t="s">
        <v>19</v>
      </c>
      <c r="D1299" t="s">
        <v>10</v>
      </c>
      <c r="E1299" t="s">
        <v>11</v>
      </c>
      <c r="F1299" s="2">
        <v>1</v>
      </c>
      <c r="G1299" t="s">
        <v>31</v>
      </c>
      <c r="H1299" t="s">
        <v>13</v>
      </c>
    </row>
    <row r="1300" spans="1:8" x14ac:dyDescent="0.25">
      <c r="A1300" s="1">
        <v>45176</v>
      </c>
      <c r="B1300" t="s">
        <v>1050</v>
      </c>
      <c r="C1300" t="s">
        <v>416</v>
      </c>
      <c r="D1300" t="s">
        <v>10</v>
      </c>
      <c r="E1300" t="s">
        <v>11</v>
      </c>
      <c r="F1300" s="2">
        <v>1</v>
      </c>
      <c r="G1300" t="s">
        <v>53</v>
      </c>
      <c r="H1300" t="s">
        <v>13</v>
      </c>
    </row>
    <row r="1301" spans="1:8" x14ac:dyDescent="0.25">
      <c r="A1301" s="1">
        <v>45176</v>
      </c>
      <c r="B1301" t="s">
        <v>1051</v>
      </c>
      <c r="C1301" t="s">
        <v>9</v>
      </c>
      <c r="D1301" t="s">
        <v>10</v>
      </c>
      <c r="E1301" t="s">
        <v>11</v>
      </c>
      <c r="F1301" s="2">
        <v>1</v>
      </c>
      <c r="G1301" t="s">
        <v>289</v>
      </c>
      <c r="H1301" t="s">
        <v>13</v>
      </c>
    </row>
    <row r="1302" spans="1:8" x14ac:dyDescent="0.25">
      <c r="A1302" s="1">
        <v>45176</v>
      </c>
      <c r="B1302" t="s">
        <v>1051</v>
      </c>
      <c r="C1302" t="s">
        <v>47</v>
      </c>
      <c r="D1302" t="s">
        <v>10</v>
      </c>
      <c r="E1302" t="s">
        <v>11</v>
      </c>
      <c r="F1302" s="2">
        <v>1</v>
      </c>
      <c r="G1302" t="s">
        <v>289</v>
      </c>
      <c r="H1302" t="s">
        <v>13</v>
      </c>
    </row>
    <row r="1303" spans="1:8" x14ac:dyDescent="0.25">
      <c r="A1303" s="1">
        <v>45175</v>
      </c>
      <c r="B1303" t="s">
        <v>1052</v>
      </c>
      <c r="C1303" t="s">
        <v>9</v>
      </c>
      <c r="D1303" t="s">
        <v>10</v>
      </c>
      <c r="E1303" t="s">
        <v>11</v>
      </c>
      <c r="F1303" s="2">
        <v>1</v>
      </c>
      <c r="G1303" t="s">
        <v>70</v>
      </c>
      <c r="H1303" t="s">
        <v>13</v>
      </c>
    </row>
    <row r="1304" spans="1:8" x14ac:dyDescent="0.25">
      <c r="A1304" s="1">
        <v>45175</v>
      </c>
      <c r="B1304" t="s">
        <v>1052</v>
      </c>
      <c r="C1304" t="s">
        <v>47</v>
      </c>
      <c r="D1304" t="s">
        <v>10</v>
      </c>
      <c r="E1304" t="s">
        <v>11</v>
      </c>
      <c r="F1304" s="2">
        <v>1</v>
      </c>
      <c r="G1304" t="s">
        <v>70</v>
      </c>
      <c r="H1304" t="s">
        <v>13</v>
      </c>
    </row>
    <row r="1305" spans="1:8" x14ac:dyDescent="0.25">
      <c r="A1305" s="1">
        <v>45173</v>
      </c>
      <c r="B1305" t="s">
        <v>1053</v>
      </c>
      <c r="C1305" t="s">
        <v>1054</v>
      </c>
      <c r="D1305" t="s">
        <v>10</v>
      </c>
      <c r="E1305" t="s">
        <v>11</v>
      </c>
      <c r="F1305" s="2">
        <v>1</v>
      </c>
      <c r="G1305" t="s">
        <v>100</v>
      </c>
      <c r="H1305" t="s">
        <v>13</v>
      </c>
    </row>
    <row r="1306" spans="1:8" x14ac:dyDescent="0.25">
      <c r="A1306" s="1">
        <v>45171</v>
      </c>
      <c r="B1306" t="s">
        <v>1055</v>
      </c>
      <c r="C1306" t="s">
        <v>9</v>
      </c>
      <c r="D1306" t="s">
        <v>10</v>
      </c>
      <c r="E1306" t="s">
        <v>11</v>
      </c>
      <c r="F1306" s="2">
        <v>1</v>
      </c>
      <c r="G1306" t="s">
        <v>31</v>
      </c>
      <c r="H1306" t="s">
        <v>13</v>
      </c>
    </row>
    <row r="1307" spans="1:8" x14ac:dyDescent="0.25">
      <c r="A1307" s="1">
        <v>45170</v>
      </c>
      <c r="B1307" t="s">
        <v>1056</v>
      </c>
      <c r="C1307" t="s">
        <v>92</v>
      </c>
      <c r="D1307" t="s">
        <v>10</v>
      </c>
      <c r="E1307" t="s">
        <v>11</v>
      </c>
      <c r="F1307" s="2">
        <v>1</v>
      </c>
      <c r="G1307" t="s">
        <v>910</v>
      </c>
      <c r="H1307" t="s">
        <v>13</v>
      </c>
    </row>
    <row r="1308" spans="1:8" x14ac:dyDescent="0.25">
      <c r="A1308" s="1">
        <v>45169</v>
      </c>
      <c r="B1308" t="s">
        <v>1057</v>
      </c>
      <c r="C1308" t="s">
        <v>731</v>
      </c>
      <c r="D1308" t="s">
        <v>10</v>
      </c>
      <c r="E1308" t="s">
        <v>11</v>
      </c>
      <c r="F1308" s="2">
        <v>1</v>
      </c>
      <c r="G1308" t="s">
        <v>100</v>
      </c>
      <c r="H1308" t="s">
        <v>13</v>
      </c>
    </row>
    <row r="1309" spans="1:8" x14ac:dyDescent="0.25">
      <c r="A1309" s="1">
        <v>45168</v>
      </c>
      <c r="B1309" t="s">
        <v>1058</v>
      </c>
      <c r="C1309" t="s">
        <v>9</v>
      </c>
      <c r="D1309" t="s">
        <v>10</v>
      </c>
      <c r="E1309" t="s">
        <v>11</v>
      </c>
      <c r="F1309" s="2">
        <v>1</v>
      </c>
      <c r="G1309" t="s">
        <v>135</v>
      </c>
      <c r="H1309" t="s">
        <v>13</v>
      </c>
    </row>
    <row r="1310" spans="1:8" x14ac:dyDescent="0.25">
      <c r="A1310" s="1">
        <v>45168</v>
      </c>
      <c r="B1310" t="s">
        <v>1058</v>
      </c>
      <c r="C1310" t="s">
        <v>9</v>
      </c>
      <c r="D1310" t="s">
        <v>10</v>
      </c>
      <c r="E1310" t="s">
        <v>11</v>
      </c>
      <c r="F1310" s="2">
        <v>1</v>
      </c>
      <c r="G1310" t="s">
        <v>135</v>
      </c>
      <c r="H1310" t="s">
        <v>13</v>
      </c>
    </row>
    <row r="1311" spans="1:8" x14ac:dyDescent="0.25">
      <c r="A1311" s="1">
        <v>45168</v>
      </c>
      <c r="B1311" t="s">
        <v>1059</v>
      </c>
      <c r="C1311" t="s">
        <v>510</v>
      </c>
      <c r="D1311" t="s">
        <v>10</v>
      </c>
      <c r="E1311" t="s">
        <v>11</v>
      </c>
      <c r="F1311" s="2">
        <v>1</v>
      </c>
      <c r="G1311" t="s">
        <v>574</v>
      </c>
      <c r="H1311" t="s">
        <v>13</v>
      </c>
    </row>
    <row r="1312" spans="1:8" x14ac:dyDescent="0.25">
      <c r="A1312" s="1">
        <v>45168</v>
      </c>
      <c r="B1312" t="s">
        <v>1060</v>
      </c>
      <c r="C1312" t="s">
        <v>9</v>
      </c>
      <c r="D1312" t="s">
        <v>26</v>
      </c>
      <c r="E1312" t="s">
        <v>11</v>
      </c>
      <c r="F1312" s="2">
        <v>1</v>
      </c>
      <c r="G1312" t="s">
        <v>53</v>
      </c>
      <c r="H1312" t="s">
        <v>13</v>
      </c>
    </row>
    <row r="1313" spans="1:8" x14ac:dyDescent="0.25">
      <c r="A1313" s="1">
        <v>45168</v>
      </c>
      <c r="B1313" t="s">
        <v>1060</v>
      </c>
      <c r="C1313" t="s">
        <v>32</v>
      </c>
      <c r="D1313" t="s">
        <v>26</v>
      </c>
      <c r="E1313" t="s">
        <v>11</v>
      </c>
      <c r="F1313" s="2">
        <v>1</v>
      </c>
      <c r="G1313" t="s">
        <v>53</v>
      </c>
      <c r="H1313" t="s">
        <v>13</v>
      </c>
    </row>
    <row r="1314" spans="1:8" x14ac:dyDescent="0.25">
      <c r="A1314" s="1">
        <v>45166</v>
      </c>
      <c r="B1314" t="s">
        <v>1061</v>
      </c>
      <c r="C1314" t="s">
        <v>19</v>
      </c>
      <c r="D1314" t="s">
        <v>10</v>
      </c>
      <c r="E1314" t="s">
        <v>11</v>
      </c>
      <c r="F1314" s="2">
        <v>1</v>
      </c>
      <c r="G1314" t="s">
        <v>111</v>
      </c>
      <c r="H1314" t="s">
        <v>13</v>
      </c>
    </row>
    <row r="1315" spans="1:8" x14ac:dyDescent="0.25">
      <c r="A1315" s="1">
        <v>45166</v>
      </c>
      <c r="B1315" t="s">
        <v>1062</v>
      </c>
      <c r="C1315" t="s">
        <v>34</v>
      </c>
      <c r="D1315" t="s">
        <v>10</v>
      </c>
      <c r="E1315" t="s">
        <v>11</v>
      </c>
      <c r="F1315" s="2">
        <v>1</v>
      </c>
      <c r="G1315" t="s">
        <v>37</v>
      </c>
      <c r="H1315" t="s">
        <v>13</v>
      </c>
    </row>
    <row r="1316" spans="1:8" x14ac:dyDescent="0.25">
      <c r="A1316" s="1">
        <v>45166</v>
      </c>
      <c r="B1316" t="s">
        <v>1062</v>
      </c>
      <c r="C1316" t="s">
        <v>35</v>
      </c>
      <c r="D1316" t="s">
        <v>10</v>
      </c>
      <c r="E1316" t="s">
        <v>11</v>
      </c>
      <c r="F1316" s="2">
        <v>1</v>
      </c>
      <c r="G1316" t="s">
        <v>37</v>
      </c>
      <c r="H1316" t="s">
        <v>13</v>
      </c>
    </row>
    <row r="1317" spans="1:8" x14ac:dyDescent="0.25">
      <c r="A1317" s="1">
        <v>45166</v>
      </c>
      <c r="B1317" t="s">
        <v>1062</v>
      </c>
      <c r="C1317" t="s">
        <v>42</v>
      </c>
      <c r="D1317" t="s">
        <v>10</v>
      </c>
      <c r="E1317" t="s">
        <v>11</v>
      </c>
      <c r="F1317" s="2">
        <v>1</v>
      </c>
      <c r="G1317" t="s">
        <v>37</v>
      </c>
      <c r="H1317" t="s">
        <v>13</v>
      </c>
    </row>
    <row r="1318" spans="1:8" x14ac:dyDescent="0.25">
      <c r="A1318" s="1">
        <v>45164</v>
      </c>
      <c r="B1318" t="s">
        <v>1063</v>
      </c>
      <c r="C1318" t="s">
        <v>9</v>
      </c>
      <c r="D1318" t="s">
        <v>10</v>
      </c>
      <c r="E1318" t="s">
        <v>11</v>
      </c>
      <c r="F1318" s="2">
        <v>1</v>
      </c>
      <c r="G1318" t="s">
        <v>37</v>
      </c>
      <c r="H1318" t="s">
        <v>13</v>
      </c>
    </row>
    <row r="1319" spans="1:8" x14ac:dyDescent="0.25">
      <c r="A1319" s="1">
        <v>45164</v>
      </c>
      <c r="B1319" t="s">
        <v>1064</v>
      </c>
      <c r="C1319" t="s">
        <v>9</v>
      </c>
      <c r="D1319" t="s">
        <v>10</v>
      </c>
      <c r="E1319" t="s">
        <v>11</v>
      </c>
      <c r="F1319" s="2">
        <v>1</v>
      </c>
      <c r="G1319" t="s">
        <v>386</v>
      </c>
      <c r="H1319" t="s">
        <v>13</v>
      </c>
    </row>
    <row r="1320" spans="1:8" x14ac:dyDescent="0.25">
      <c r="A1320" s="1">
        <v>45164</v>
      </c>
      <c r="B1320" t="s">
        <v>1065</v>
      </c>
      <c r="C1320" t="s">
        <v>9</v>
      </c>
      <c r="D1320" t="s">
        <v>10</v>
      </c>
      <c r="E1320" t="s">
        <v>11</v>
      </c>
      <c r="F1320" s="2">
        <v>1</v>
      </c>
      <c r="G1320" t="s">
        <v>61</v>
      </c>
      <c r="H1320" t="s">
        <v>13</v>
      </c>
    </row>
    <row r="1321" spans="1:8" x14ac:dyDescent="0.25">
      <c r="A1321" s="1">
        <v>45163</v>
      </c>
      <c r="B1321" t="s">
        <v>1066</v>
      </c>
      <c r="C1321" t="s">
        <v>79</v>
      </c>
      <c r="D1321" t="s">
        <v>10</v>
      </c>
      <c r="E1321" t="s">
        <v>11</v>
      </c>
      <c r="F1321" s="2">
        <v>1</v>
      </c>
      <c r="G1321" t="s">
        <v>936</v>
      </c>
      <c r="H1321" t="s">
        <v>13</v>
      </c>
    </row>
    <row r="1322" spans="1:8" x14ac:dyDescent="0.25">
      <c r="A1322" s="1">
        <v>45163</v>
      </c>
      <c r="B1322" t="s">
        <v>1066</v>
      </c>
      <c r="C1322" t="s">
        <v>80</v>
      </c>
      <c r="D1322" t="s">
        <v>10</v>
      </c>
      <c r="E1322" t="s">
        <v>11</v>
      </c>
      <c r="F1322" s="2">
        <v>1</v>
      </c>
      <c r="G1322" t="s">
        <v>936</v>
      </c>
      <c r="H1322" t="s">
        <v>13</v>
      </c>
    </row>
    <row r="1323" spans="1:8" x14ac:dyDescent="0.25">
      <c r="A1323" s="1">
        <v>45159</v>
      </c>
      <c r="B1323" t="s">
        <v>1067</v>
      </c>
      <c r="C1323" t="s">
        <v>19</v>
      </c>
      <c r="D1323" t="s">
        <v>10</v>
      </c>
      <c r="E1323" t="s">
        <v>11</v>
      </c>
      <c r="F1323" s="2">
        <v>1</v>
      </c>
      <c r="G1323" t="s">
        <v>137</v>
      </c>
      <c r="H1323" t="s">
        <v>13</v>
      </c>
    </row>
    <row r="1324" spans="1:8" x14ac:dyDescent="0.25">
      <c r="A1324" s="1">
        <v>45159</v>
      </c>
      <c r="B1324" t="s">
        <v>1068</v>
      </c>
      <c r="C1324" t="s">
        <v>9</v>
      </c>
      <c r="D1324" t="s">
        <v>10</v>
      </c>
      <c r="E1324" t="s">
        <v>11</v>
      </c>
      <c r="F1324" s="2">
        <v>1</v>
      </c>
      <c r="G1324" t="s">
        <v>46</v>
      </c>
      <c r="H1324" t="s">
        <v>13</v>
      </c>
    </row>
    <row r="1325" spans="1:8" x14ac:dyDescent="0.25">
      <c r="A1325" s="1">
        <v>45159</v>
      </c>
      <c r="B1325" t="s">
        <v>1068</v>
      </c>
      <c r="C1325" t="s">
        <v>52</v>
      </c>
      <c r="D1325" t="s">
        <v>10</v>
      </c>
      <c r="E1325" t="s">
        <v>11</v>
      </c>
      <c r="F1325" s="2">
        <v>1</v>
      </c>
      <c r="G1325" t="s">
        <v>46</v>
      </c>
      <c r="H1325" t="s">
        <v>13</v>
      </c>
    </row>
    <row r="1326" spans="1:8" x14ac:dyDescent="0.25">
      <c r="A1326" s="1">
        <v>45159</v>
      </c>
      <c r="B1326" t="s">
        <v>1069</v>
      </c>
      <c r="C1326" t="s">
        <v>9</v>
      </c>
      <c r="D1326" t="s">
        <v>10</v>
      </c>
      <c r="E1326" t="s">
        <v>11</v>
      </c>
      <c r="F1326" s="2">
        <v>1</v>
      </c>
      <c r="G1326" t="s">
        <v>20</v>
      </c>
      <c r="H1326" t="s">
        <v>13</v>
      </c>
    </row>
    <row r="1327" spans="1:8" x14ac:dyDescent="0.25">
      <c r="A1327" s="1">
        <v>45159</v>
      </c>
      <c r="B1327" t="s">
        <v>1069</v>
      </c>
      <c r="C1327" t="s">
        <v>149</v>
      </c>
      <c r="D1327" t="s">
        <v>10</v>
      </c>
      <c r="E1327" t="s">
        <v>11</v>
      </c>
      <c r="F1327" s="2">
        <v>1</v>
      </c>
      <c r="G1327" t="s">
        <v>20</v>
      </c>
      <c r="H1327" t="s">
        <v>13</v>
      </c>
    </row>
    <row r="1328" spans="1:8" x14ac:dyDescent="0.25">
      <c r="A1328" s="1">
        <v>45159</v>
      </c>
      <c r="B1328" t="s">
        <v>1069</v>
      </c>
      <c r="C1328" t="s">
        <v>47</v>
      </c>
      <c r="D1328" t="s">
        <v>10</v>
      </c>
      <c r="E1328" t="s">
        <v>11</v>
      </c>
      <c r="F1328" s="2">
        <v>1</v>
      </c>
      <c r="G1328" t="s">
        <v>20</v>
      </c>
      <c r="H1328" t="s">
        <v>13</v>
      </c>
    </row>
    <row r="1329" spans="1:8" x14ac:dyDescent="0.25">
      <c r="A1329" s="1">
        <v>45159</v>
      </c>
      <c r="B1329" t="s">
        <v>1070</v>
      </c>
      <c r="C1329" t="s">
        <v>481</v>
      </c>
      <c r="D1329" t="s">
        <v>10</v>
      </c>
      <c r="E1329" t="s">
        <v>11</v>
      </c>
      <c r="F1329" s="2">
        <v>1</v>
      </c>
      <c r="G1329" t="s">
        <v>100</v>
      </c>
      <c r="H1329" t="s">
        <v>13</v>
      </c>
    </row>
    <row r="1330" spans="1:8" x14ac:dyDescent="0.25">
      <c r="A1330" s="1">
        <v>45158</v>
      </c>
      <c r="B1330" t="s">
        <v>1071</v>
      </c>
      <c r="C1330" t="s">
        <v>47</v>
      </c>
      <c r="D1330" t="s">
        <v>10</v>
      </c>
      <c r="E1330" t="s">
        <v>11</v>
      </c>
      <c r="F1330" s="2">
        <v>1</v>
      </c>
      <c r="G1330" t="s">
        <v>44</v>
      </c>
      <c r="H1330" t="s">
        <v>13</v>
      </c>
    </row>
    <row r="1331" spans="1:8" x14ac:dyDescent="0.25">
      <c r="A1331" s="1">
        <v>45158</v>
      </c>
      <c r="B1331" t="s">
        <v>1072</v>
      </c>
      <c r="C1331" t="s">
        <v>142</v>
      </c>
      <c r="D1331" t="s">
        <v>10</v>
      </c>
      <c r="E1331" t="s">
        <v>11</v>
      </c>
      <c r="F1331" s="2">
        <v>1</v>
      </c>
      <c r="G1331" t="s">
        <v>181</v>
      </c>
      <c r="H1331" t="s">
        <v>13</v>
      </c>
    </row>
    <row r="1332" spans="1:8" x14ac:dyDescent="0.25">
      <c r="A1332" s="1">
        <v>45158</v>
      </c>
      <c r="B1332" t="s">
        <v>1072</v>
      </c>
      <c r="C1332" t="s">
        <v>47</v>
      </c>
      <c r="D1332" t="s">
        <v>10</v>
      </c>
      <c r="E1332" t="s">
        <v>11</v>
      </c>
      <c r="F1332" s="2">
        <v>1</v>
      </c>
      <c r="G1332" t="s">
        <v>181</v>
      </c>
      <c r="H1332" t="s">
        <v>13</v>
      </c>
    </row>
    <row r="1333" spans="1:8" x14ac:dyDescent="0.25">
      <c r="A1333" s="1">
        <v>45158</v>
      </c>
      <c r="B1333" t="s">
        <v>1072</v>
      </c>
      <c r="C1333" t="s">
        <v>151</v>
      </c>
      <c r="D1333" t="s">
        <v>10</v>
      </c>
      <c r="E1333" t="s">
        <v>11</v>
      </c>
      <c r="F1333" s="2">
        <v>1</v>
      </c>
      <c r="G1333" t="s">
        <v>181</v>
      </c>
      <c r="H1333" t="s">
        <v>13</v>
      </c>
    </row>
    <row r="1334" spans="1:8" x14ac:dyDescent="0.25">
      <c r="A1334" s="1">
        <v>45157</v>
      </c>
      <c r="B1334" t="s">
        <v>1073</v>
      </c>
      <c r="C1334" t="s">
        <v>9</v>
      </c>
      <c r="D1334" t="s">
        <v>10</v>
      </c>
      <c r="E1334" t="s">
        <v>11</v>
      </c>
      <c r="F1334" s="2">
        <v>1</v>
      </c>
      <c r="G1334" t="s">
        <v>20</v>
      </c>
      <c r="H1334" t="s">
        <v>13</v>
      </c>
    </row>
    <row r="1335" spans="1:8" x14ac:dyDescent="0.25">
      <c r="A1335" s="1">
        <v>45157</v>
      </c>
      <c r="B1335" t="s">
        <v>1073</v>
      </c>
      <c r="C1335" t="s">
        <v>52</v>
      </c>
      <c r="D1335" t="s">
        <v>10</v>
      </c>
      <c r="E1335" t="s">
        <v>11</v>
      </c>
      <c r="F1335" s="2">
        <v>1</v>
      </c>
      <c r="G1335" t="s">
        <v>20</v>
      </c>
      <c r="H1335" t="s">
        <v>13</v>
      </c>
    </row>
    <row r="1336" spans="1:8" x14ac:dyDescent="0.25">
      <c r="A1336" s="1">
        <v>45157</v>
      </c>
      <c r="B1336" t="s">
        <v>1073</v>
      </c>
      <c r="C1336" t="s">
        <v>16</v>
      </c>
      <c r="D1336" t="s">
        <v>10</v>
      </c>
      <c r="E1336" t="s">
        <v>11</v>
      </c>
      <c r="F1336" s="2">
        <v>1</v>
      </c>
      <c r="G1336" t="s">
        <v>20</v>
      </c>
      <c r="H1336" t="s">
        <v>13</v>
      </c>
    </row>
    <row r="1337" spans="1:8" x14ac:dyDescent="0.25">
      <c r="A1337" s="1">
        <v>45157</v>
      </c>
      <c r="B1337" t="s">
        <v>1074</v>
      </c>
      <c r="C1337" t="s">
        <v>9</v>
      </c>
      <c r="D1337" t="s">
        <v>10</v>
      </c>
      <c r="E1337" t="s">
        <v>11</v>
      </c>
      <c r="F1337" s="2">
        <v>1</v>
      </c>
      <c r="G1337" t="s">
        <v>596</v>
      </c>
      <c r="H1337" t="s">
        <v>13</v>
      </c>
    </row>
    <row r="1338" spans="1:8" x14ac:dyDescent="0.25">
      <c r="A1338" s="1">
        <v>45157</v>
      </c>
      <c r="B1338" t="s">
        <v>1074</v>
      </c>
      <c r="C1338" t="s">
        <v>47</v>
      </c>
      <c r="D1338" t="s">
        <v>10</v>
      </c>
      <c r="E1338" t="s">
        <v>11</v>
      </c>
      <c r="F1338" s="2">
        <v>1</v>
      </c>
      <c r="G1338" t="s">
        <v>596</v>
      </c>
      <c r="H1338" t="s">
        <v>13</v>
      </c>
    </row>
    <row r="1339" spans="1:8" x14ac:dyDescent="0.25">
      <c r="A1339" s="1">
        <v>45155</v>
      </c>
      <c r="B1339" t="s">
        <v>1075</v>
      </c>
      <c r="C1339" t="s">
        <v>92</v>
      </c>
      <c r="D1339" t="s">
        <v>10</v>
      </c>
      <c r="E1339" t="s">
        <v>11</v>
      </c>
      <c r="F1339" s="2">
        <v>1</v>
      </c>
      <c r="G1339" t="s">
        <v>910</v>
      </c>
      <c r="H1339" t="s">
        <v>13</v>
      </c>
    </row>
    <row r="1340" spans="1:8" x14ac:dyDescent="0.25">
      <c r="A1340" s="1">
        <v>45154</v>
      </c>
      <c r="B1340" t="s">
        <v>1076</v>
      </c>
      <c r="C1340" t="s">
        <v>9</v>
      </c>
      <c r="D1340" t="s">
        <v>10</v>
      </c>
      <c r="E1340" t="s">
        <v>11</v>
      </c>
      <c r="F1340" s="2">
        <v>1</v>
      </c>
      <c r="G1340" t="s">
        <v>181</v>
      </c>
      <c r="H1340" t="s">
        <v>13</v>
      </c>
    </row>
    <row r="1341" spans="1:8" x14ac:dyDescent="0.25">
      <c r="A1341" s="1">
        <v>45154</v>
      </c>
      <c r="B1341" t="s">
        <v>1077</v>
      </c>
      <c r="C1341" t="s">
        <v>9</v>
      </c>
      <c r="D1341" t="s">
        <v>10</v>
      </c>
      <c r="E1341" t="s">
        <v>11</v>
      </c>
      <c r="F1341" s="2">
        <v>1</v>
      </c>
      <c r="G1341" t="s">
        <v>53</v>
      </c>
      <c r="H1341" t="s">
        <v>13</v>
      </c>
    </row>
    <row r="1342" spans="1:8" x14ac:dyDescent="0.25">
      <c r="A1342" s="1">
        <v>45154</v>
      </c>
      <c r="B1342" t="s">
        <v>1077</v>
      </c>
      <c r="C1342" t="s">
        <v>28</v>
      </c>
      <c r="D1342" t="s">
        <v>10</v>
      </c>
      <c r="E1342" t="s">
        <v>11</v>
      </c>
      <c r="F1342" s="2">
        <v>1</v>
      </c>
      <c r="G1342" t="s">
        <v>53</v>
      </c>
      <c r="H1342" t="s">
        <v>13</v>
      </c>
    </row>
    <row r="1343" spans="1:8" x14ac:dyDescent="0.25">
      <c r="A1343" s="1">
        <v>45154</v>
      </c>
      <c r="B1343" t="s">
        <v>1077</v>
      </c>
      <c r="C1343" t="s">
        <v>29</v>
      </c>
      <c r="D1343" t="s">
        <v>10</v>
      </c>
      <c r="E1343" t="s">
        <v>11</v>
      </c>
      <c r="F1343" s="2">
        <v>1</v>
      </c>
      <c r="G1343" t="s">
        <v>53</v>
      </c>
      <c r="H1343" t="s">
        <v>13</v>
      </c>
    </row>
    <row r="1344" spans="1:8" x14ac:dyDescent="0.25">
      <c r="A1344" s="1">
        <v>45154</v>
      </c>
      <c r="B1344" t="s">
        <v>1077</v>
      </c>
      <c r="C1344" t="s">
        <v>35</v>
      </c>
      <c r="D1344" t="s">
        <v>10</v>
      </c>
      <c r="E1344" t="s">
        <v>11</v>
      </c>
      <c r="F1344" s="2">
        <v>1</v>
      </c>
      <c r="G1344" t="s">
        <v>53</v>
      </c>
      <c r="H1344" t="s">
        <v>13</v>
      </c>
    </row>
    <row r="1345" spans="1:8" x14ac:dyDescent="0.25">
      <c r="A1345" s="1">
        <v>45151</v>
      </c>
      <c r="B1345" t="s">
        <v>1078</v>
      </c>
      <c r="C1345" t="s">
        <v>9</v>
      </c>
      <c r="D1345" t="s">
        <v>10</v>
      </c>
      <c r="E1345" t="s">
        <v>11</v>
      </c>
      <c r="F1345" s="2">
        <v>1</v>
      </c>
      <c r="G1345" t="s">
        <v>135</v>
      </c>
      <c r="H1345" t="s">
        <v>13</v>
      </c>
    </row>
    <row r="1346" spans="1:8" x14ac:dyDescent="0.25">
      <c r="A1346" s="1">
        <v>45150</v>
      </c>
      <c r="B1346" t="s">
        <v>1079</v>
      </c>
      <c r="C1346" t="s">
        <v>333</v>
      </c>
      <c r="D1346" t="s">
        <v>10</v>
      </c>
      <c r="E1346" t="s">
        <v>11</v>
      </c>
      <c r="F1346" s="2">
        <v>1</v>
      </c>
      <c r="G1346" t="s">
        <v>72</v>
      </c>
      <c r="H1346" t="s">
        <v>13</v>
      </c>
    </row>
    <row r="1347" spans="1:8" x14ac:dyDescent="0.25">
      <c r="A1347" s="1">
        <v>45149</v>
      </c>
      <c r="B1347" t="s">
        <v>1080</v>
      </c>
      <c r="C1347" t="s">
        <v>32</v>
      </c>
      <c r="D1347" t="s">
        <v>10</v>
      </c>
      <c r="E1347" t="s">
        <v>11</v>
      </c>
      <c r="F1347" s="2">
        <v>1</v>
      </c>
      <c r="G1347" t="s">
        <v>135</v>
      </c>
      <c r="H1347" t="s">
        <v>13</v>
      </c>
    </row>
    <row r="1348" spans="1:8" x14ac:dyDescent="0.25">
      <c r="A1348" s="1">
        <v>45149</v>
      </c>
      <c r="B1348" t="s">
        <v>1081</v>
      </c>
      <c r="C1348" t="s">
        <v>16</v>
      </c>
      <c r="D1348" t="s">
        <v>10</v>
      </c>
      <c r="E1348" t="s">
        <v>11</v>
      </c>
      <c r="F1348" s="2">
        <v>1</v>
      </c>
      <c r="G1348" t="s">
        <v>492</v>
      </c>
      <c r="H1348" t="s">
        <v>13</v>
      </c>
    </row>
    <row r="1349" spans="1:8" x14ac:dyDescent="0.25">
      <c r="A1349" s="1">
        <v>45149</v>
      </c>
      <c r="B1349" t="s">
        <v>1081</v>
      </c>
      <c r="C1349" t="s">
        <v>16</v>
      </c>
      <c r="D1349" t="s">
        <v>10</v>
      </c>
      <c r="E1349" t="s">
        <v>11</v>
      </c>
      <c r="F1349" s="2">
        <v>1</v>
      </c>
      <c r="G1349" t="s">
        <v>492</v>
      </c>
      <c r="H1349" t="s">
        <v>13</v>
      </c>
    </row>
    <row r="1350" spans="1:8" x14ac:dyDescent="0.25">
      <c r="A1350" s="1">
        <v>45149</v>
      </c>
      <c r="B1350" t="s">
        <v>1081</v>
      </c>
      <c r="C1350" t="s">
        <v>379</v>
      </c>
      <c r="D1350" t="s">
        <v>10</v>
      </c>
      <c r="E1350" t="s">
        <v>11</v>
      </c>
      <c r="F1350" s="2">
        <v>1</v>
      </c>
      <c r="G1350" t="s">
        <v>492</v>
      </c>
      <c r="H1350" t="s">
        <v>13</v>
      </c>
    </row>
    <row r="1351" spans="1:8" x14ac:dyDescent="0.25">
      <c r="A1351" s="1">
        <v>45149</v>
      </c>
      <c r="B1351" t="s">
        <v>1081</v>
      </c>
      <c r="C1351" t="s">
        <v>379</v>
      </c>
      <c r="D1351" t="s">
        <v>10</v>
      </c>
      <c r="E1351" t="s">
        <v>11</v>
      </c>
      <c r="F1351" s="2">
        <v>1</v>
      </c>
      <c r="G1351" t="s">
        <v>492</v>
      </c>
      <c r="H1351" t="s">
        <v>13</v>
      </c>
    </row>
    <row r="1352" spans="1:8" x14ac:dyDescent="0.25">
      <c r="A1352" s="1">
        <v>45149</v>
      </c>
      <c r="B1352" t="s">
        <v>1081</v>
      </c>
      <c r="C1352" t="s">
        <v>1082</v>
      </c>
      <c r="D1352" t="s">
        <v>10</v>
      </c>
      <c r="E1352" t="s">
        <v>11</v>
      </c>
      <c r="F1352" s="2">
        <v>1</v>
      </c>
      <c r="G1352" t="s">
        <v>492</v>
      </c>
      <c r="H1352" t="s">
        <v>13</v>
      </c>
    </row>
    <row r="1353" spans="1:8" x14ac:dyDescent="0.25">
      <c r="A1353" s="1">
        <v>45149</v>
      </c>
      <c r="B1353" t="s">
        <v>1081</v>
      </c>
      <c r="C1353" t="s">
        <v>1082</v>
      </c>
      <c r="D1353" t="s">
        <v>10</v>
      </c>
      <c r="E1353" t="s">
        <v>11</v>
      </c>
      <c r="F1353" s="2">
        <v>1</v>
      </c>
      <c r="G1353" t="s">
        <v>492</v>
      </c>
      <c r="H1353" t="s">
        <v>13</v>
      </c>
    </row>
    <row r="1354" spans="1:8" x14ac:dyDescent="0.25">
      <c r="A1354" s="1">
        <v>45149</v>
      </c>
      <c r="B1354" t="s">
        <v>1083</v>
      </c>
      <c r="C1354" t="s">
        <v>19</v>
      </c>
      <c r="D1354" t="s">
        <v>10</v>
      </c>
      <c r="E1354" t="s">
        <v>11</v>
      </c>
      <c r="F1354" s="2">
        <v>1</v>
      </c>
      <c r="G1354" t="s">
        <v>181</v>
      </c>
      <c r="H1354" t="s">
        <v>13</v>
      </c>
    </row>
    <row r="1355" spans="1:8" x14ac:dyDescent="0.25">
      <c r="A1355" s="1">
        <v>45149</v>
      </c>
      <c r="B1355" t="s">
        <v>1084</v>
      </c>
      <c r="C1355" t="s">
        <v>9</v>
      </c>
      <c r="D1355" t="s">
        <v>10</v>
      </c>
      <c r="E1355" t="s">
        <v>11</v>
      </c>
      <c r="F1355" s="2">
        <v>1</v>
      </c>
      <c r="G1355" t="s">
        <v>1085</v>
      </c>
      <c r="H1355" t="s">
        <v>13</v>
      </c>
    </row>
    <row r="1356" spans="1:8" x14ac:dyDescent="0.25">
      <c r="A1356" s="1">
        <v>45149</v>
      </c>
      <c r="B1356" t="s">
        <v>1084</v>
      </c>
      <c r="C1356" t="s">
        <v>35</v>
      </c>
      <c r="D1356" t="s">
        <v>10</v>
      </c>
      <c r="E1356" t="s">
        <v>11</v>
      </c>
      <c r="F1356" s="2">
        <v>1</v>
      </c>
      <c r="G1356" t="s">
        <v>1085</v>
      </c>
      <c r="H1356" t="s">
        <v>13</v>
      </c>
    </row>
    <row r="1357" spans="1:8" x14ac:dyDescent="0.25">
      <c r="A1357" s="1">
        <v>45148</v>
      </c>
      <c r="B1357" t="s">
        <v>1086</v>
      </c>
      <c r="C1357" t="s">
        <v>9</v>
      </c>
      <c r="D1357" t="s">
        <v>10</v>
      </c>
      <c r="E1357" t="s">
        <v>11</v>
      </c>
      <c r="F1357" s="2">
        <v>1</v>
      </c>
      <c r="G1357" t="s">
        <v>20</v>
      </c>
      <c r="H1357" t="s">
        <v>13</v>
      </c>
    </row>
    <row r="1358" spans="1:8" x14ac:dyDescent="0.25">
      <c r="A1358" s="1">
        <v>45148</v>
      </c>
      <c r="B1358" t="s">
        <v>1087</v>
      </c>
      <c r="C1358" t="s">
        <v>9</v>
      </c>
      <c r="D1358" t="s">
        <v>10</v>
      </c>
      <c r="E1358" t="s">
        <v>11</v>
      </c>
      <c r="F1358" s="2">
        <v>1</v>
      </c>
      <c r="G1358" t="s">
        <v>72</v>
      </c>
      <c r="H1358" t="s">
        <v>13</v>
      </c>
    </row>
    <row r="1359" spans="1:8" x14ac:dyDescent="0.25">
      <c r="A1359" s="1">
        <v>45148</v>
      </c>
      <c r="B1359" t="s">
        <v>1087</v>
      </c>
      <c r="C1359" t="s">
        <v>16</v>
      </c>
      <c r="D1359" t="s">
        <v>10</v>
      </c>
      <c r="E1359" t="s">
        <v>11</v>
      </c>
      <c r="F1359" s="2">
        <v>1</v>
      </c>
      <c r="G1359" t="s">
        <v>72</v>
      </c>
      <c r="H1359" t="s">
        <v>13</v>
      </c>
    </row>
    <row r="1360" spans="1:8" x14ac:dyDescent="0.25">
      <c r="A1360" s="1">
        <v>45147</v>
      </c>
      <c r="B1360" t="s">
        <v>1088</v>
      </c>
      <c r="C1360" t="s">
        <v>9</v>
      </c>
      <c r="D1360" t="s">
        <v>10</v>
      </c>
      <c r="E1360" t="s">
        <v>11</v>
      </c>
      <c r="F1360" s="2">
        <v>1</v>
      </c>
      <c r="G1360" t="s">
        <v>123</v>
      </c>
      <c r="H1360" t="s">
        <v>13</v>
      </c>
    </row>
    <row r="1361" spans="1:8" x14ac:dyDescent="0.25">
      <c r="A1361" s="1">
        <v>45147</v>
      </c>
      <c r="B1361" t="s">
        <v>1088</v>
      </c>
      <c r="C1361" t="s">
        <v>271</v>
      </c>
      <c r="D1361" t="s">
        <v>10</v>
      </c>
      <c r="E1361" t="s">
        <v>11</v>
      </c>
      <c r="F1361" s="2">
        <v>1</v>
      </c>
      <c r="G1361" t="s">
        <v>123</v>
      </c>
      <c r="H1361" t="s">
        <v>13</v>
      </c>
    </row>
    <row r="1362" spans="1:8" x14ac:dyDescent="0.25">
      <c r="A1362" s="1">
        <v>45147</v>
      </c>
      <c r="B1362" t="s">
        <v>1089</v>
      </c>
      <c r="C1362" t="s">
        <v>19</v>
      </c>
      <c r="D1362" t="s">
        <v>10</v>
      </c>
      <c r="E1362" t="s">
        <v>11</v>
      </c>
      <c r="F1362" s="2">
        <v>1</v>
      </c>
      <c r="G1362" t="s">
        <v>111</v>
      </c>
      <c r="H1362" t="s">
        <v>13</v>
      </c>
    </row>
    <row r="1363" spans="1:8" x14ac:dyDescent="0.25">
      <c r="A1363" s="1">
        <v>45147</v>
      </c>
      <c r="B1363" t="s">
        <v>1090</v>
      </c>
      <c r="C1363" t="s">
        <v>9</v>
      </c>
      <c r="D1363" t="s">
        <v>26</v>
      </c>
      <c r="E1363" t="s">
        <v>11</v>
      </c>
      <c r="F1363" s="2">
        <v>1</v>
      </c>
      <c r="G1363" t="s">
        <v>20</v>
      </c>
      <c r="H1363" t="s">
        <v>13</v>
      </c>
    </row>
    <row r="1364" spans="1:8" x14ac:dyDescent="0.25">
      <c r="A1364" s="1">
        <v>45147</v>
      </c>
      <c r="B1364" t="s">
        <v>1090</v>
      </c>
      <c r="C1364" t="s">
        <v>29</v>
      </c>
      <c r="D1364" t="s">
        <v>26</v>
      </c>
      <c r="E1364" t="s">
        <v>11</v>
      </c>
      <c r="F1364" s="2">
        <v>1</v>
      </c>
      <c r="G1364" t="s">
        <v>20</v>
      </c>
      <c r="H1364" t="s">
        <v>13</v>
      </c>
    </row>
    <row r="1365" spans="1:8" x14ac:dyDescent="0.25">
      <c r="A1365" s="1">
        <v>45147</v>
      </c>
      <c r="B1365" t="s">
        <v>1090</v>
      </c>
      <c r="C1365" t="s">
        <v>35</v>
      </c>
      <c r="D1365" t="s">
        <v>26</v>
      </c>
      <c r="E1365" t="s">
        <v>11</v>
      </c>
      <c r="F1365" s="2">
        <v>1</v>
      </c>
      <c r="G1365" t="s">
        <v>20</v>
      </c>
      <c r="H1365" t="s">
        <v>13</v>
      </c>
    </row>
    <row r="1366" spans="1:8" x14ac:dyDescent="0.25">
      <c r="A1366" s="1">
        <v>45145</v>
      </c>
      <c r="B1366" t="s">
        <v>1091</v>
      </c>
      <c r="C1366" t="s">
        <v>9</v>
      </c>
      <c r="D1366" t="s">
        <v>10</v>
      </c>
      <c r="E1366" t="s">
        <v>11</v>
      </c>
      <c r="F1366" s="2">
        <v>1</v>
      </c>
      <c r="G1366" t="s">
        <v>111</v>
      </c>
      <c r="H1366" t="s">
        <v>13</v>
      </c>
    </row>
    <row r="1367" spans="1:8" x14ac:dyDescent="0.25">
      <c r="A1367" s="1">
        <v>45145</v>
      </c>
      <c r="B1367" t="s">
        <v>1091</v>
      </c>
      <c r="C1367" t="s">
        <v>35</v>
      </c>
      <c r="D1367" t="s">
        <v>10</v>
      </c>
      <c r="E1367" t="s">
        <v>11</v>
      </c>
      <c r="F1367" s="2">
        <v>1</v>
      </c>
      <c r="G1367" t="s">
        <v>111</v>
      </c>
      <c r="H1367" t="s">
        <v>13</v>
      </c>
    </row>
    <row r="1368" spans="1:8" x14ac:dyDescent="0.25">
      <c r="A1368" s="1">
        <v>45145</v>
      </c>
      <c r="B1368" t="s">
        <v>1091</v>
      </c>
      <c r="C1368" t="s">
        <v>47</v>
      </c>
      <c r="D1368" t="s">
        <v>10</v>
      </c>
      <c r="E1368" t="s">
        <v>11</v>
      </c>
      <c r="F1368" s="2">
        <v>1</v>
      </c>
      <c r="G1368" t="s">
        <v>111</v>
      </c>
      <c r="H1368" t="s">
        <v>13</v>
      </c>
    </row>
    <row r="1369" spans="1:8" x14ac:dyDescent="0.25">
      <c r="A1369" s="1">
        <v>45145</v>
      </c>
      <c r="B1369" t="s">
        <v>1092</v>
      </c>
      <c r="C1369" t="s">
        <v>249</v>
      </c>
      <c r="D1369" t="s">
        <v>10</v>
      </c>
      <c r="E1369" t="s">
        <v>11</v>
      </c>
      <c r="F1369" s="2">
        <v>1</v>
      </c>
      <c r="G1369" t="s">
        <v>157</v>
      </c>
      <c r="H1369" t="s">
        <v>13</v>
      </c>
    </row>
    <row r="1370" spans="1:8" x14ac:dyDescent="0.25">
      <c r="A1370" s="1">
        <v>45145</v>
      </c>
      <c r="B1370" t="s">
        <v>1092</v>
      </c>
      <c r="C1370" t="s">
        <v>150</v>
      </c>
      <c r="D1370" t="s">
        <v>10</v>
      </c>
      <c r="E1370" t="s">
        <v>11</v>
      </c>
      <c r="F1370" s="2">
        <v>1</v>
      </c>
      <c r="G1370" t="s">
        <v>157</v>
      </c>
      <c r="H1370" t="s">
        <v>13</v>
      </c>
    </row>
    <row r="1371" spans="1:8" x14ac:dyDescent="0.25">
      <c r="A1371" s="1">
        <v>45145</v>
      </c>
      <c r="B1371" t="s">
        <v>1093</v>
      </c>
      <c r="C1371" t="s">
        <v>9</v>
      </c>
      <c r="D1371" t="s">
        <v>10</v>
      </c>
      <c r="E1371" t="s">
        <v>11</v>
      </c>
      <c r="F1371" s="2">
        <v>1</v>
      </c>
      <c r="G1371" t="s">
        <v>20</v>
      </c>
      <c r="H1371" t="s">
        <v>13</v>
      </c>
    </row>
    <row r="1372" spans="1:8" x14ac:dyDescent="0.25">
      <c r="A1372" s="1">
        <v>45145</v>
      </c>
      <c r="B1372" t="s">
        <v>1094</v>
      </c>
      <c r="C1372" t="s">
        <v>9</v>
      </c>
      <c r="D1372" t="s">
        <v>10</v>
      </c>
      <c r="E1372" t="s">
        <v>11</v>
      </c>
      <c r="F1372" s="2">
        <v>1</v>
      </c>
      <c r="G1372" t="s">
        <v>53</v>
      </c>
      <c r="H1372" t="s">
        <v>13</v>
      </c>
    </row>
    <row r="1373" spans="1:8" x14ac:dyDescent="0.25">
      <c r="A1373" s="1">
        <v>45145</v>
      </c>
      <c r="B1373" t="s">
        <v>1095</v>
      </c>
      <c r="C1373" t="s">
        <v>439</v>
      </c>
      <c r="D1373" t="s">
        <v>10</v>
      </c>
      <c r="E1373" t="s">
        <v>11</v>
      </c>
      <c r="F1373" s="2">
        <v>1</v>
      </c>
      <c r="G1373" t="s">
        <v>20</v>
      </c>
      <c r="H1373" t="s">
        <v>13</v>
      </c>
    </row>
    <row r="1374" spans="1:8" x14ac:dyDescent="0.25">
      <c r="A1374" s="1">
        <v>45144</v>
      </c>
      <c r="B1374" t="s">
        <v>1096</v>
      </c>
      <c r="C1374" t="s">
        <v>1097</v>
      </c>
      <c r="D1374" t="s">
        <v>10</v>
      </c>
      <c r="E1374" t="s">
        <v>11</v>
      </c>
      <c r="F1374" s="2">
        <v>1</v>
      </c>
      <c r="G1374" t="s">
        <v>72</v>
      </c>
      <c r="H1374" t="s">
        <v>13</v>
      </c>
    </row>
    <row r="1375" spans="1:8" x14ac:dyDescent="0.25">
      <c r="A1375" s="1">
        <v>45144</v>
      </c>
      <c r="B1375" t="s">
        <v>1096</v>
      </c>
      <c r="C1375" t="s">
        <v>1097</v>
      </c>
      <c r="D1375" t="s">
        <v>10</v>
      </c>
      <c r="E1375" t="s">
        <v>11</v>
      </c>
      <c r="F1375" s="2">
        <v>1</v>
      </c>
      <c r="G1375" t="s">
        <v>72</v>
      </c>
      <c r="H1375" t="s">
        <v>13</v>
      </c>
    </row>
    <row r="1376" spans="1:8" x14ac:dyDescent="0.25">
      <c r="A1376" s="1">
        <v>45144</v>
      </c>
      <c r="B1376" t="s">
        <v>1096</v>
      </c>
      <c r="C1376" t="s">
        <v>1082</v>
      </c>
      <c r="D1376" t="s">
        <v>10</v>
      </c>
      <c r="E1376" t="s">
        <v>11</v>
      </c>
      <c r="F1376" s="2">
        <v>1</v>
      </c>
      <c r="G1376" t="s">
        <v>72</v>
      </c>
      <c r="H1376" t="s">
        <v>13</v>
      </c>
    </row>
    <row r="1377" spans="1:8" x14ac:dyDescent="0.25">
      <c r="A1377" s="1">
        <v>45144</v>
      </c>
      <c r="B1377" t="s">
        <v>1096</v>
      </c>
      <c r="C1377" t="s">
        <v>1082</v>
      </c>
      <c r="D1377" t="s">
        <v>10</v>
      </c>
      <c r="E1377" t="s">
        <v>11</v>
      </c>
      <c r="F1377" s="2">
        <v>1</v>
      </c>
      <c r="G1377" t="s">
        <v>72</v>
      </c>
      <c r="H1377" t="s">
        <v>13</v>
      </c>
    </row>
    <row r="1378" spans="1:8" x14ac:dyDescent="0.25">
      <c r="A1378" s="1">
        <v>45144</v>
      </c>
      <c r="B1378" t="s">
        <v>1096</v>
      </c>
      <c r="C1378" t="s">
        <v>453</v>
      </c>
      <c r="D1378" t="s">
        <v>10</v>
      </c>
      <c r="E1378" t="s">
        <v>11</v>
      </c>
      <c r="F1378" s="2">
        <v>1</v>
      </c>
      <c r="G1378" t="s">
        <v>72</v>
      </c>
      <c r="H1378" t="s">
        <v>13</v>
      </c>
    </row>
    <row r="1379" spans="1:8" x14ac:dyDescent="0.25">
      <c r="A1379" s="1">
        <v>45144</v>
      </c>
      <c r="B1379" t="s">
        <v>1096</v>
      </c>
      <c r="C1379" t="s">
        <v>453</v>
      </c>
      <c r="D1379" t="s">
        <v>10</v>
      </c>
      <c r="E1379" t="s">
        <v>11</v>
      </c>
      <c r="F1379" s="2">
        <v>1</v>
      </c>
      <c r="G1379" t="s">
        <v>72</v>
      </c>
      <c r="H1379" t="s">
        <v>13</v>
      </c>
    </row>
    <row r="1380" spans="1:8" x14ac:dyDescent="0.25">
      <c r="A1380" s="1">
        <v>45144</v>
      </c>
      <c r="B1380" t="s">
        <v>1096</v>
      </c>
      <c r="C1380" t="s">
        <v>65</v>
      </c>
      <c r="D1380" t="s">
        <v>10</v>
      </c>
      <c r="E1380" t="s">
        <v>11</v>
      </c>
      <c r="F1380" s="2">
        <v>1</v>
      </c>
      <c r="G1380" t="s">
        <v>72</v>
      </c>
      <c r="H1380" t="s">
        <v>13</v>
      </c>
    </row>
    <row r="1381" spans="1:8" x14ac:dyDescent="0.25">
      <c r="A1381" s="1">
        <v>45144</v>
      </c>
      <c r="B1381" t="s">
        <v>1096</v>
      </c>
      <c r="C1381" t="s">
        <v>65</v>
      </c>
      <c r="D1381" t="s">
        <v>10</v>
      </c>
      <c r="E1381" t="s">
        <v>11</v>
      </c>
      <c r="F1381" s="2">
        <v>1</v>
      </c>
      <c r="G1381" t="s">
        <v>72</v>
      </c>
      <c r="H1381" t="s">
        <v>13</v>
      </c>
    </row>
    <row r="1382" spans="1:8" x14ac:dyDescent="0.25">
      <c r="A1382" s="1">
        <v>45142</v>
      </c>
      <c r="B1382" t="s">
        <v>1098</v>
      </c>
      <c r="C1382" t="s">
        <v>120</v>
      </c>
      <c r="D1382" t="s">
        <v>10</v>
      </c>
      <c r="E1382" t="s">
        <v>11</v>
      </c>
      <c r="F1382" s="2">
        <v>1</v>
      </c>
      <c r="G1382" t="s">
        <v>177</v>
      </c>
      <c r="H1382" t="s">
        <v>13</v>
      </c>
    </row>
    <row r="1383" spans="1:8" x14ac:dyDescent="0.25">
      <c r="A1383" s="1">
        <v>45141</v>
      </c>
      <c r="B1383" t="s">
        <v>1099</v>
      </c>
      <c r="C1383" t="s">
        <v>19</v>
      </c>
      <c r="D1383" t="s">
        <v>10</v>
      </c>
      <c r="E1383" t="s">
        <v>11</v>
      </c>
      <c r="F1383" s="2">
        <v>1</v>
      </c>
      <c r="G1383" t="s">
        <v>20</v>
      </c>
      <c r="H1383" t="s">
        <v>13</v>
      </c>
    </row>
    <row r="1384" spans="1:8" x14ac:dyDescent="0.25">
      <c r="A1384" s="1">
        <v>45140</v>
      </c>
      <c r="B1384" t="s">
        <v>1100</v>
      </c>
      <c r="C1384" t="s">
        <v>9</v>
      </c>
      <c r="D1384" t="s">
        <v>10</v>
      </c>
      <c r="E1384" t="s">
        <v>11</v>
      </c>
      <c r="F1384" s="2">
        <v>1</v>
      </c>
      <c r="G1384" t="s">
        <v>44</v>
      </c>
      <c r="H1384" t="s">
        <v>13</v>
      </c>
    </row>
    <row r="1385" spans="1:8" x14ac:dyDescent="0.25">
      <c r="A1385" s="1">
        <v>45140</v>
      </c>
      <c r="B1385" t="s">
        <v>1101</v>
      </c>
      <c r="C1385" t="s">
        <v>9</v>
      </c>
      <c r="D1385" t="s">
        <v>10</v>
      </c>
      <c r="E1385" t="s">
        <v>11</v>
      </c>
      <c r="F1385" s="2">
        <v>1</v>
      </c>
      <c r="G1385" t="s">
        <v>53</v>
      </c>
      <c r="H1385" t="s">
        <v>13</v>
      </c>
    </row>
    <row r="1386" spans="1:8" x14ac:dyDescent="0.25">
      <c r="A1386" s="1">
        <v>45140</v>
      </c>
      <c r="B1386" t="s">
        <v>1101</v>
      </c>
      <c r="C1386" t="s">
        <v>35</v>
      </c>
      <c r="D1386" t="s">
        <v>10</v>
      </c>
      <c r="E1386" t="s">
        <v>11</v>
      </c>
      <c r="F1386" s="2">
        <v>1</v>
      </c>
      <c r="G1386" t="s">
        <v>53</v>
      </c>
      <c r="H1386" t="s">
        <v>13</v>
      </c>
    </row>
    <row r="1387" spans="1:8" x14ac:dyDescent="0.25">
      <c r="A1387" s="1">
        <v>45139</v>
      </c>
      <c r="B1387" t="s">
        <v>1102</v>
      </c>
      <c r="C1387" t="s">
        <v>74</v>
      </c>
      <c r="D1387" t="s">
        <v>10</v>
      </c>
      <c r="E1387" t="s">
        <v>11</v>
      </c>
      <c r="F1387" s="2">
        <v>1</v>
      </c>
      <c r="G1387" t="s">
        <v>137</v>
      </c>
      <c r="H1387" t="s">
        <v>13</v>
      </c>
    </row>
    <row r="1388" spans="1:8" x14ac:dyDescent="0.25">
      <c r="A1388" s="1">
        <v>45139</v>
      </c>
      <c r="B1388" t="s">
        <v>1102</v>
      </c>
      <c r="C1388" t="s">
        <v>127</v>
      </c>
      <c r="D1388" t="s">
        <v>10</v>
      </c>
      <c r="E1388" t="s">
        <v>11</v>
      </c>
      <c r="F1388" s="2">
        <v>1</v>
      </c>
      <c r="G1388" t="s">
        <v>137</v>
      </c>
      <c r="H1388" t="s">
        <v>13</v>
      </c>
    </row>
    <row r="1389" spans="1:8" x14ac:dyDescent="0.25">
      <c r="A1389" s="1">
        <v>45139</v>
      </c>
      <c r="B1389" t="s">
        <v>1103</v>
      </c>
      <c r="C1389" t="s">
        <v>35</v>
      </c>
      <c r="D1389" t="s">
        <v>10</v>
      </c>
      <c r="E1389" t="s">
        <v>11</v>
      </c>
      <c r="F1389" s="2">
        <v>1</v>
      </c>
      <c r="G1389" t="s">
        <v>40</v>
      </c>
      <c r="H1389" t="s">
        <v>13</v>
      </c>
    </row>
    <row r="1390" spans="1:8" x14ac:dyDescent="0.25">
      <c r="A1390" s="1">
        <v>45139</v>
      </c>
      <c r="B1390" t="s">
        <v>1104</v>
      </c>
      <c r="C1390" t="s">
        <v>149</v>
      </c>
      <c r="D1390" t="s">
        <v>10</v>
      </c>
      <c r="E1390" t="s">
        <v>11</v>
      </c>
      <c r="F1390" s="2">
        <v>1</v>
      </c>
      <c r="G1390" t="s">
        <v>20</v>
      </c>
      <c r="H1390" t="s">
        <v>13</v>
      </c>
    </row>
    <row r="1391" spans="1:8" x14ac:dyDescent="0.25">
      <c r="A1391" s="1">
        <v>45139</v>
      </c>
      <c r="B1391" t="s">
        <v>1104</v>
      </c>
      <c r="C1391" t="s">
        <v>47</v>
      </c>
      <c r="D1391" t="s">
        <v>10</v>
      </c>
      <c r="E1391" t="s">
        <v>11</v>
      </c>
      <c r="F1391" s="2">
        <v>1</v>
      </c>
      <c r="G1391" t="s">
        <v>20</v>
      </c>
      <c r="H1391" t="s">
        <v>13</v>
      </c>
    </row>
    <row r="1392" spans="1:8" x14ac:dyDescent="0.25">
      <c r="A1392" s="1">
        <v>45139</v>
      </c>
      <c r="B1392" t="s">
        <v>1104</v>
      </c>
      <c r="C1392" t="s">
        <v>14</v>
      </c>
      <c r="D1392" t="s">
        <v>10</v>
      </c>
      <c r="E1392" t="s">
        <v>11</v>
      </c>
      <c r="F1392" s="2">
        <v>1</v>
      </c>
      <c r="G1392" t="s">
        <v>20</v>
      </c>
      <c r="H1392" t="s">
        <v>13</v>
      </c>
    </row>
    <row r="1393" spans="1:8" x14ac:dyDescent="0.25">
      <c r="A1393" s="1">
        <v>45139</v>
      </c>
      <c r="B1393" t="s">
        <v>1105</v>
      </c>
      <c r="C1393" t="s">
        <v>47</v>
      </c>
      <c r="D1393" t="s">
        <v>10</v>
      </c>
      <c r="E1393" t="s">
        <v>11</v>
      </c>
      <c r="F1393" s="2">
        <v>1</v>
      </c>
      <c r="G1393" t="s">
        <v>191</v>
      </c>
      <c r="H1393" t="s">
        <v>13</v>
      </c>
    </row>
    <row r="1394" spans="1:8" x14ac:dyDescent="0.25">
      <c r="A1394" s="1">
        <v>45139</v>
      </c>
      <c r="B1394" t="s">
        <v>1106</v>
      </c>
      <c r="C1394" t="s">
        <v>9</v>
      </c>
      <c r="D1394" t="s">
        <v>10</v>
      </c>
      <c r="E1394" t="s">
        <v>11</v>
      </c>
      <c r="F1394" s="2">
        <v>1</v>
      </c>
      <c r="G1394" t="s">
        <v>197</v>
      </c>
      <c r="H1394" t="s">
        <v>13</v>
      </c>
    </row>
    <row r="1395" spans="1:8" x14ac:dyDescent="0.25">
      <c r="A1395" s="1">
        <v>45139</v>
      </c>
      <c r="B1395" t="s">
        <v>1106</v>
      </c>
      <c r="C1395" t="s">
        <v>394</v>
      </c>
      <c r="D1395" t="s">
        <v>10</v>
      </c>
      <c r="E1395" t="s">
        <v>11</v>
      </c>
      <c r="F1395" s="2">
        <v>1</v>
      </c>
      <c r="G1395" t="s">
        <v>197</v>
      </c>
      <c r="H1395" t="s">
        <v>13</v>
      </c>
    </row>
    <row r="1396" spans="1:8" x14ac:dyDescent="0.25">
      <c r="A1396" s="1">
        <v>45138</v>
      </c>
      <c r="B1396" t="s">
        <v>1107</v>
      </c>
      <c r="C1396" t="s">
        <v>9</v>
      </c>
      <c r="D1396" t="s">
        <v>10</v>
      </c>
      <c r="E1396" t="s">
        <v>11</v>
      </c>
      <c r="F1396" s="2">
        <v>1</v>
      </c>
      <c r="G1396" t="s">
        <v>100</v>
      </c>
      <c r="H1396" t="s">
        <v>13</v>
      </c>
    </row>
    <row r="1397" spans="1:8" x14ac:dyDescent="0.25">
      <c r="A1397" s="1">
        <v>45138</v>
      </c>
      <c r="B1397" t="s">
        <v>1107</v>
      </c>
      <c r="C1397" t="s">
        <v>35</v>
      </c>
      <c r="D1397" t="s">
        <v>10</v>
      </c>
      <c r="E1397" t="s">
        <v>11</v>
      </c>
      <c r="F1397" s="2">
        <v>1</v>
      </c>
      <c r="G1397" t="s">
        <v>100</v>
      </c>
      <c r="H1397" t="s">
        <v>13</v>
      </c>
    </row>
    <row r="1398" spans="1:8" x14ac:dyDescent="0.25">
      <c r="A1398" s="1">
        <v>45138</v>
      </c>
      <c r="B1398" t="s">
        <v>1108</v>
      </c>
      <c r="C1398" t="s">
        <v>29</v>
      </c>
      <c r="D1398" t="s">
        <v>10</v>
      </c>
      <c r="E1398" t="s">
        <v>11</v>
      </c>
      <c r="F1398" s="2">
        <v>1</v>
      </c>
      <c r="G1398" t="s">
        <v>1109</v>
      </c>
      <c r="H1398" t="s">
        <v>13</v>
      </c>
    </row>
    <row r="1399" spans="1:8" x14ac:dyDescent="0.25">
      <c r="A1399" s="1">
        <v>45137</v>
      </c>
      <c r="B1399" t="s">
        <v>1110</v>
      </c>
      <c r="C1399" t="s">
        <v>19</v>
      </c>
      <c r="D1399" t="s">
        <v>10</v>
      </c>
      <c r="E1399" t="s">
        <v>11</v>
      </c>
      <c r="F1399" s="2">
        <v>1</v>
      </c>
      <c r="G1399" t="s">
        <v>20</v>
      </c>
      <c r="H1399" t="s">
        <v>13</v>
      </c>
    </row>
    <row r="1400" spans="1:8" x14ac:dyDescent="0.25">
      <c r="A1400" s="1">
        <v>45137</v>
      </c>
      <c r="B1400" t="s">
        <v>1111</v>
      </c>
      <c r="C1400" t="s">
        <v>16</v>
      </c>
      <c r="D1400" t="s">
        <v>10</v>
      </c>
      <c r="E1400" t="s">
        <v>11</v>
      </c>
      <c r="F1400" s="2">
        <v>1</v>
      </c>
      <c r="G1400" t="s">
        <v>950</v>
      </c>
      <c r="H1400" t="s">
        <v>13</v>
      </c>
    </row>
    <row r="1401" spans="1:8" x14ac:dyDescent="0.25">
      <c r="A1401" s="1">
        <v>45137</v>
      </c>
      <c r="B1401" t="s">
        <v>1111</v>
      </c>
      <c r="C1401" t="s">
        <v>149</v>
      </c>
      <c r="D1401" t="s">
        <v>10</v>
      </c>
      <c r="E1401" t="s">
        <v>11</v>
      </c>
      <c r="F1401" s="2">
        <v>1</v>
      </c>
      <c r="G1401" t="s">
        <v>950</v>
      </c>
      <c r="H1401" t="s">
        <v>13</v>
      </c>
    </row>
    <row r="1402" spans="1:8" x14ac:dyDescent="0.25">
      <c r="A1402" s="1">
        <v>45136</v>
      </c>
      <c r="B1402" t="s">
        <v>1112</v>
      </c>
      <c r="C1402" t="s">
        <v>14</v>
      </c>
      <c r="D1402" t="s">
        <v>10</v>
      </c>
      <c r="E1402" t="s">
        <v>11</v>
      </c>
      <c r="F1402" s="2">
        <v>1</v>
      </c>
      <c r="G1402" t="s">
        <v>111</v>
      </c>
      <c r="H1402" t="s">
        <v>13</v>
      </c>
    </row>
    <row r="1403" spans="1:8" x14ac:dyDescent="0.25">
      <c r="A1403" s="1">
        <v>45135</v>
      </c>
      <c r="B1403" t="s">
        <v>1113</v>
      </c>
      <c r="C1403" t="s">
        <v>9</v>
      </c>
      <c r="D1403" t="s">
        <v>10</v>
      </c>
      <c r="E1403" t="s">
        <v>11</v>
      </c>
      <c r="F1403" s="2">
        <v>1</v>
      </c>
      <c r="G1403" t="s">
        <v>135</v>
      </c>
      <c r="H1403" t="s">
        <v>13</v>
      </c>
    </row>
    <row r="1404" spans="1:8" x14ac:dyDescent="0.25">
      <c r="A1404" s="1">
        <v>45135</v>
      </c>
      <c r="B1404" t="s">
        <v>1114</v>
      </c>
      <c r="C1404" t="s">
        <v>29</v>
      </c>
      <c r="D1404" t="s">
        <v>10</v>
      </c>
      <c r="E1404" t="s">
        <v>11</v>
      </c>
      <c r="F1404" s="2">
        <v>1</v>
      </c>
      <c r="G1404" t="s">
        <v>93</v>
      </c>
      <c r="H1404" t="s">
        <v>13</v>
      </c>
    </row>
    <row r="1405" spans="1:8" x14ac:dyDescent="0.25">
      <c r="A1405" s="1">
        <v>45135</v>
      </c>
      <c r="B1405" t="s">
        <v>1114</v>
      </c>
      <c r="C1405" t="s">
        <v>96</v>
      </c>
      <c r="D1405" t="s">
        <v>10</v>
      </c>
      <c r="E1405" t="s">
        <v>11</v>
      </c>
      <c r="F1405" s="2">
        <v>1</v>
      </c>
      <c r="G1405" t="s">
        <v>93</v>
      </c>
      <c r="H1405" t="s">
        <v>13</v>
      </c>
    </row>
    <row r="1406" spans="1:8" x14ac:dyDescent="0.25">
      <c r="A1406" s="1">
        <v>45135</v>
      </c>
      <c r="B1406" t="s">
        <v>1114</v>
      </c>
      <c r="C1406" t="s">
        <v>32</v>
      </c>
      <c r="D1406" t="s">
        <v>10</v>
      </c>
      <c r="E1406" t="s">
        <v>11</v>
      </c>
      <c r="F1406" s="2">
        <v>1</v>
      </c>
      <c r="G1406" t="s">
        <v>93</v>
      </c>
      <c r="H1406" t="s">
        <v>13</v>
      </c>
    </row>
    <row r="1407" spans="1:8" x14ac:dyDescent="0.25">
      <c r="A1407" s="1">
        <v>45134</v>
      </c>
      <c r="B1407" t="s">
        <v>1115</v>
      </c>
      <c r="C1407" t="s">
        <v>268</v>
      </c>
      <c r="D1407" t="s">
        <v>10</v>
      </c>
      <c r="E1407" t="s">
        <v>11</v>
      </c>
      <c r="F1407" s="2">
        <v>1</v>
      </c>
      <c r="G1407" t="s">
        <v>113</v>
      </c>
      <c r="H1407" t="s">
        <v>13</v>
      </c>
    </row>
    <row r="1408" spans="1:8" x14ac:dyDescent="0.25">
      <c r="A1408" s="1">
        <v>45134</v>
      </c>
      <c r="B1408" t="s">
        <v>1116</v>
      </c>
      <c r="C1408" t="s">
        <v>9</v>
      </c>
      <c r="D1408" t="s">
        <v>10</v>
      </c>
      <c r="E1408" t="s">
        <v>11</v>
      </c>
      <c r="F1408" s="2">
        <v>1</v>
      </c>
      <c r="G1408" t="s">
        <v>100</v>
      </c>
      <c r="H1408" t="s">
        <v>13</v>
      </c>
    </row>
    <row r="1409" spans="1:8" x14ac:dyDescent="0.25">
      <c r="A1409" s="1">
        <v>45134</v>
      </c>
      <c r="B1409" t="s">
        <v>1116</v>
      </c>
      <c r="C1409" t="s">
        <v>86</v>
      </c>
      <c r="D1409" t="s">
        <v>10</v>
      </c>
      <c r="E1409" t="s">
        <v>11</v>
      </c>
      <c r="F1409" s="2">
        <v>1</v>
      </c>
      <c r="G1409" t="s">
        <v>100</v>
      </c>
      <c r="H1409" t="s">
        <v>13</v>
      </c>
    </row>
    <row r="1410" spans="1:8" x14ac:dyDescent="0.25">
      <c r="A1410" s="1">
        <v>45134</v>
      </c>
      <c r="B1410" t="s">
        <v>1117</v>
      </c>
      <c r="C1410" t="s">
        <v>1118</v>
      </c>
      <c r="D1410" t="s">
        <v>10</v>
      </c>
      <c r="E1410" t="s">
        <v>11</v>
      </c>
      <c r="F1410" s="2">
        <v>1</v>
      </c>
      <c r="G1410" t="s">
        <v>31</v>
      </c>
      <c r="H1410" t="s">
        <v>13</v>
      </c>
    </row>
    <row r="1411" spans="1:8" x14ac:dyDescent="0.25">
      <c r="A1411" s="1">
        <v>45133</v>
      </c>
      <c r="B1411" t="s">
        <v>1119</v>
      </c>
      <c r="C1411" t="s">
        <v>19</v>
      </c>
      <c r="D1411" t="s">
        <v>10</v>
      </c>
      <c r="E1411" t="s">
        <v>11</v>
      </c>
      <c r="F1411" s="2">
        <v>1</v>
      </c>
      <c r="G1411" t="s">
        <v>330</v>
      </c>
      <c r="H1411" t="s">
        <v>13</v>
      </c>
    </row>
    <row r="1412" spans="1:8" x14ac:dyDescent="0.25">
      <c r="A1412" s="1">
        <v>45132</v>
      </c>
      <c r="B1412" t="s">
        <v>1120</v>
      </c>
      <c r="C1412" t="s">
        <v>9</v>
      </c>
      <c r="D1412" t="s">
        <v>10</v>
      </c>
      <c r="E1412" t="s">
        <v>11</v>
      </c>
      <c r="F1412" s="2">
        <v>1</v>
      </c>
      <c r="G1412" t="s">
        <v>100</v>
      </c>
      <c r="H1412" t="s">
        <v>13</v>
      </c>
    </row>
    <row r="1413" spans="1:8" x14ac:dyDescent="0.25">
      <c r="A1413" s="1">
        <v>45132</v>
      </c>
      <c r="B1413" t="s">
        <v>1121</v>
      </c>
      <c r="C1413" t="s">
        <v>220</v>
      </c>
      <c r="D1413" t="s">
        <v>10</v>
      </c>
      <c r="E1413" t="s">
        <v>11</v>
      </c>
      <c r="F1413" s="2">
        <v>1</v>
      </c>
      <c r="G1413" t="s">
        <v>40</v>
      </c>
      <c r="H1413" t="s">
        <v>13</v>
      </c>
    </row>
    <row r="1414" spans="1:8" x14ac:dyDescent="0.25">
      <c r="A1414" s="1">
        <v>45132</v>
      </c>
      <c r="B1414" t="s">
        <v>1122</v>
      </c>
      <c r="C1414" t="s">
        <v>333</v>
      </c>
      <c r="D1414" t="s">
        <v>10</v>
      </c>
      <c r="E1414" t="s">
        <v>11</v>
      </c>
      <c r="F1414" s="2">
        <v>1</v>
      </c>
      <c r="G1414" t="s">
        <v>31</v>
      </c>
      <c r="H1414" t="s">
        <v>13</v>
      </c>
    </row>
    <row r="1415" spans="1:8" x14ac:dyDescent="0.25">
      <c r="A1415" s="1">
        <v>45131</v>
      </c>
      <c r="B1415" t="s">
        <v>1123</v>
      </c>
      <c r="C1415" t="s">
        <v>9</v>
      </c>
      <c r="D1415" t="s">
        <v>26</v>
      </c>
      <c r="E1415" t="s">
        <v>11</v>
      </c>
      <c r="F1415" s="2">
        <v>1</v>
      </c>
      <c r="G1415" t="s">
        <v>859</v>
      </c>
      <c r="H1415" t="s">
        <v>13</v>
      </c>
    </row>
    <row r="1416" spans="1:8" x14ac:dyDescent="0.25">
      <c r="A1416" s="1">
        <v>45131</v>
      </c>
      <c r="B1416" t="s">
        <v>1123</v>
      </c>
      <c r="C1416" t="s">
        <v>28</v>
      </c>
      <c r="D1416" t="s">
        <v>26</v>
      </c>
      <c r="E1416" t="s">
        <v>11</v>
      </c>
      <c r="F1416" s="2">
        <v>1</v>
      </c>
      <c r="G1416" t="s">
        <v>859</v>
      </c>
      <c r="H1416" t="s">
        <v>13</v>
      </c>
    </row>
    <row r="1417" spans="1:8" x14ac:dyDescent="0.25">
      <c r="A1417" s="1">
        <v>45131</v>
      </c>
      <c r="B1417" t="s">
        <v>1123</v>
      </c>
      <c r="C1417" t="s">
        <v>29</v>
      </c>
      <c r="D1417" t="s">
        <v>26</v>
      </c>
      <c r="E1417" t="s">
        <v>11</v>
      </c>
      <c r="F1417" s="2">
        <v>1</v>
      </c>
      <c r="G1417" t="s">
        <v>859</v>
      </c>
      <c r="H1417" t="s">
        <v>13</v>
      </c>
    </row>
    <row r="1418" spans="1:8" x14ac:dyDescent="0.25">
      <c r="A1418" s="1">
        <v>45131</v>
      </c>
      <c r="B1418" t="s">
        <v>1123</v>
      </c>
      <c r="C1418" t="s">
        <v>35</v>
      </c>
      <c r="D1418" t="s">
        <v>26</v>
      </c>
      <c r="E1418" t="s">
        <v>11</v>
      </c>
      <c r="F1418" s="2">
        <v>1</v>
      </c>
      <c r="G1418" t="s">
        <v>859</v>
      </c>
      <c r="H1418" t="s">
        <v>13</v>
      </c>
    </row>
    <row r="1419" spans="1:8" x14ac:dyDescent="0.25">
      <c r="A1419" s="1">
        <v>45130</v>
      </c>
      <c r="B1419" t="s">
        <v>1124</v>
      </c>
      <c r="C1419" t="s">
        <v>9</v>
      </c>
      <c r="D1419" t="s">
        <v>10</v>
      </c>
      <c r="E1419" t="s">
        <v>11</v>
      </c>
      <c r="F1419" s="2">
        <v>1</v>
      </c>
      <c r="G1419" t="s">
        <v>24</v>
      </c>
      <c r="H1419" t="s">
        <v>13</v>
      </c>
    </row>
    <row r="1420" spans="1:8" x14ac:dyDescent="0.25">
      <c r="A1420" s="1">
        <v>45130</v>
      </c>
      <c r="B1420" t="s">
        <v>1124</v>
      </c>
      <c r="C1420" t="s">
        <v>28</v>
      </c>
      <c r="D1420" t="s">
        <v>10</v>
      </c>
      <c r="E1420" t="s">
        <v>11</v>
      </c>
      <c r="F1420" s="2">
        <v>1</v>
      </c>
      <c r="G1420" t="s">
        <v>24</v>
      </c>
      <c r="H1420" t="s">
        <v>13</v>
      </c>
    </row>
    <row r="1421" spans="1:8" x14ac:dyDescent="0.25">
      <c r="A1421" s="1">
        <v>45130</v>
      </c>
      <c r="B1421" t="s">
        <v>1124</v>
      </c>
      <c r="C1421" t="s">
        <v>29</v>
      </c>
      <c r="D1421" t="s">
        <v>10</v>
      </c>
      <c r="E1421" t="s">
        <v>11</v>
      </c>
      <c r="F1421" s="2">
        <v>1</v>
      </c>
      <c r="G1421" t="s">
        <v>24</v>
      </c>
      <c r="H1421" t="s">
        <v>13</v>
      </c>
    </row>
    <row r="1422" spans="1:8" x14ac:dyDescent="0.25">
      <c r="A1422" s="1">
        <v>45130</v>
      </c>
      <c r="B1422" t="s">
        <v>1124</v>
      </c>
      <c r="C1422" t="s">
        <v>997</v>
      </c>
      <c r="D1422" t="s">
        <v>10</v>
      </c>
      <c r="E1422" t="s">
        <v>11</v>
      </c>
      <c r="F1422" s="2">
        <v>1</v>
      </c>
      <c r="G1422" t="s">
        <v>24</v>
      </c>
      <c r="H1422" t="s">
        <v>13</v>
      </c>
    </row>
    <row r="1423" spans="1:8" x14ac:dyDescent="0.25">
      <c r="A1423" s="1">
        <v>45129</v>
      </c>
      <c r="B1423" t="s">
        <v>1125</v>
      </c>
      <c r="C1423" t="s">
        <v>47</v>
      </c>
      <c r="D1423" t="s">
        <v>10</v>
      </c>
      <c r="E1423" t="s">
        <v>11</v>
      </c>
      <c r="F1423" s="2">
        <v>1</v>
      </c>
      <c r="G1423" t="s">
        <v>194</v>
      </c>
      <c r="H1423" t="s">
        <v>13</v>
      </c>
    </row>
    <row r="1424" spans="1:8" x14ac:dyDescent="0.25">
      <c r="A1424" s="1">
        <v>45129</v>
      </c>
      <c r="B1424" t="s">
        <v>1125</v>
      </c>
      <c r="C1424" t="s">
        <v>610</v>
      </c>
      <c r="D1424" t="s">
        <v>10</v>
      </c>
      <c r="E1424" t="s">
        <v>11</v>
      </c>
      <c r="F1424" s="2">
        <v>1</v>
      </c>
      <c r="G1424" t="s">
        <v>194</v>
      </c>
      <c r="H1424" t="s">
        <v>13</v>
      </c>
    </row>
    <row r="1425" spans="1:8" x14ac:dyDescent="0.25">
      <c r="A1425" s="1">
        <v>45129</v>
      </c>
      <c r="B1425" t="s">
        <v>1126</v>
      </c>
      <c r="C1425" t="s">
        <v>9</v>
      </c>
      <c r="D1425" t="s">
        <v>10</v>
      </c>
      <c r="E1425" t="s">
        <v>11</v>
      </c>
      <c r="F1425" s="2">
        <v>1</v>
      </c>
      <c r="G1425" t="s">
        <v>353</v>
      </c>
      <c r="H1425" t="s">
        <v>13</v>
      </c>
    </row>
    <row r="1426" spans="1:8" x14ac:dyDescent="0.25">
      <c r="A1426" s="1">
        <v>45129</v>
      </c>
      <c r="B1426" t="s">
        <v>1126</v>
      </c>
      <c r="C1426" t="s">
        <v>9</v>
      </c>
      <c r="D1426" t="s">
        <v>10</v>
      </c>
      <c r="E1426" t="s">
        <v>11</v>
      </c>
      <c r="F1426" s="2">
        <v>1</v>
      </c>
      <c r="G1426" t="s">
        <v>353</v>
      </c>
      <c r="H1426" t="s">
        <v>13</v>
      </c>
    </row>
    <row r="1427" spans="1:8" x14ac:dyDescent="0.25">
      <c r="A1427" s="1">
        <v>45129</v>
      </c>
      <c r="B1427" t="s">
        <v>1126</v>
      </c>
      <c r="C1427" t="s">
        <v>47</v>
      </c>
      <c r="D1427" t="s">
        <v>10</v>
      </c>
      <c r="E1427" t="s">
        <v>11</v>
      </c>
      <c r="F1427" s="2">
        <v>1</v>
      </c>
      <c r="G1427" t="s">
        <v>353</v>
      </c>
      <c r="H1427" t="s">
        <v>13</v>
      </c>
    </row>
    <row r="1428" spans="1:8" x14ac:dyDescent="0.25">
      <c r="A1428" s="1">
        <v>45129</v>
      </c>
      <c r="B1428" t="s">
        <v>1126</v>
      </c>
      <c r="C1428" t="s">
        <v>47</v>
      </c>
      <c r="D1428" t="s">
        <v>10</v>
      </c>
      <c r="E1428" t="s">
        <v>11</v>
      </c>
      <c r="F1428" s="2">
        <v>1</v>
      </c>
      <c r="G1428" t="s">
        <v>353</v>
      </c>
      <c r="H1428" t="s">
        <v>13</v>
      </c>
    </row>
    <row r="1429" spans="1:8" x14ac:dyDescent="0.25">
      <c r="A1429" s="1">
        <v>45129</v>
      </c>
      <c r="B1429" t="s">
        <v>1127</v>
      </c>
      <c r="C1429" t="s">
        <v>92</v>
      </c>
      <c r="D1429" t="s">
        <v>10</v>
      </c>
      <c r="E1429" t="s">
        <v>11</v>
      </c>
      <c r="F1429" s="2">
        <v>1</v>
      </c>
      <c r="G1429" t="s">
        <v>910</v>
      </c>
      <c r="H1429" t="s">
        <v>13</v>
      </c>
    </row>
    <row r="1430" spans="1:8" x14ac:dyDescent="0.25">
      <c r="A1430" s="1">
        <v>45127</v>
      </c>
      <c r="B1430" t="s">
        <v>1128</v>
      </c>
      <c r="C1430" t="s">
        <v>52</v>
      </c>
      <c r="D1430" t="s">
        <v>10</v>
      </c>
      <c r="E1430" t="s">
        <v>11</v>
      </c>
      <c r="F1430" s="2">
        <v>1</v>
      </c>
      <c r="G1430" t="s">
        <v>111</v>
      </c>
      <c r="H1430" t="s">
        <v>13</v>
      </c>
    </row>
    <row r="1431" spans="1:8" x14ac:dyDescent="0.25">
      <c r="A1431" s="1">
        <v>45127</v>
      </c>
      <c r="B1431" t="s">
        <v>1128</v>
      </c>
      <c r="C1431" t="s">
        <v>47</v>
      </c>
      <c r="D1431" t="s">
        <v>10</v>
      </c>
      <c r="E1431" t="s">
        <v>11</v>
      </c>
      <c r="F1431" s="2">
        <v>1</v>
      </c>
      <c r="G1431" t="s">
        <v>111</v>
      </c>
      <c r="H1431" t="s">
        <v>13</v>
      </c>
    </row>
    <row r="1432" spans="1:8" x14ac:dyDescent="0.25">
      <c r="A1432" s="1">
        <v>45127</v>
      </c>
      <c r="B1432" t="s">
        <v>1129</v>
      </c>
      <c r="C1432" t="s">
        <v>47</v>
      </c>
      <c r="D1432" t="s">
        <v>10</v>
      </c>
      <c r="E1432" t="s">
        <v>11</v>
      </c>
      <c r="F1432" s="2">
        <v>1</v>
      </c>
      <c r="G1432" t="s">
        <v>111</v>
      </c>
      <c r="H1432" t="s">
        <v>13</v>
      </c>
    </row>
    <row r="1433" spans="1:8" x14ac:dyDescent="0.25">
      <c r="A1433" s="1">
        <v>45127</v>
      </c>
      <c r="B1433" t="s">
        <v>1129</v>
      </c>
      <c r="C1433" t="s">
        <v>65</v>
      </c>
      <c r="D1433" t="s">
        <v>10</v>
      </c>
      <c r="E1433" t="s">
        <v>11</v>
      </c>
      <c r="F1433" s="2">
        <v>1</v>
      </c>
      <c r="G1433" t="s">
        <v>111</v>
      </c>
      <c r="H1433" t="s">
        <v>13</v>
      </c>
    </row>
    <row r="1434" spans="1:8" x14ac:dyDescent="0.25">
      <c r="A1434" s="1">
        <v>45127</v>
      </c>
      <c r="B1434" t="s">
        <v>1130</v>
      </c>
      <c r="C1434" t="s">
        <v>9</v>
      </c>
      <c r="D1434" t="s">
        <v>10</v>
      </c>
      <c r="E1434" t="s">
        <v>11</v>
      </c>
      <c r="F1434" s="2">
        <v>1</v>
      </c>
      <c r="G1434" t="s">
        <v>37</v>
      </c>
      <c r="H1434" t="s">
        <v>13</v>
      </c>
    </row>
    <row r="1435" spans="1:8" x14ac:dyDescent="0.25">
      <c r="A1435" s="1">
        <v>45127</v>
      </c>
      <c r="B1435" t="s">
        <v>1130</v>
      </c>
      <c r="C1435" t="s">
        <v>29</v>
      </c>
      <c r="D1435" t="s">
        <v>10</v>
      </c>
      <c r="E1435" t="s">
        <v>11</v>
      </c>
      <c r="F1435" s="2">
        <v>1</v>
      </c>
      <c r="G1435" t="s">
        <v>37</v>
      </c>
      <c r="H1435" t="s">
        <v>13</v>
      </c>
    </row>
    <row r="1436" spans="1:8" x14ac:dyDescent="0.25">
      <c r="A1436" s="1">
        <v>45126</v>
      </c>
      <c r="B1436" t="s">
        <v>1131</v>
      </c>
      <c r="C1436" t="s">
        <v>86</v>
      </c>
      <c r="D1436" t="s">
        <v>10</v>
      </c>
      <c r="E1436" t="s">
        <v>11</v>
      </c>
      <c r="F1436" s="2">
        <v>1</v>
      </c>
      <c r="G1436" t="s">
        <v>145</v>
      </c>
      <c r="H1436" t="s">
        <v>13</v>
      </c>
    </row>
    <row r="1437" spans="1:8" x14ac:dyDescent="0.25">
      <c r="A1437" s="1">
        <v>45126</v>
      </c>
      <c r="B1437" t="s">
        <v>1132</v>
      </c>
      <c r="C1437" t="s">
        <v>76</v>
      </c>
      <c r="D1437" t="s">
        <v>10</v>
      </c>
      <c r="E1437" t="s">
        <v>11</v>
      </c>
      <c r="F1437" s="2">
        <v>1</v>
      </c>
      <c r="G1437" t="s">
        <v>1133</v>
      </c>
      <c r="H1437" t="s">
        <v>13</v>
      </c>
    </row>
    <row r="1438" spans="1:8" x14ac:dyDescent="0.25">
      <c r="A1438" s="1">
        <v>45125</v>
      </c>
      <c r="B1438" t="s">
        <v>1134</v>
      </c>
      <c r="C1438" t="s">
        <v>9</v>
      </c>
      <c r="D1438" t="s">
        <v>10</v>
      </c>
      <c r="E1438" t="s">
        <v>11</v>
      </c>
      <c r="F1438" s="2">
        <v>1</v>
      </c>
      <c r="G1438" t="s">
        <v>145</v>
      </c>
      <c r="H1438" t="s">
        <v>13</v>
      </c>
    </row>
    <row r="1439" spans="1:8" x14ac:dyDescent="0.25">
      <c r="A1439" s="1">
        <v>45125</v>
      </c>
      <c r="B1439" t="s">
        <v>1134</v>
      </c>
      <c r="C1439" t="s">
        <v>86</v>
      </c>
      <c r="D1439" t="s">
        <v>10</v>
      </c>
      <c r="E1439" t="s">
        <v>11</v>
      </c>
      <c r="F1439" s="2">
        <v>1</v>
      </c>
      <c r="G1439" t="s">
        <v>145</v>
      </c>
      <c r="H1439" t="s">
        <v>13</v>
      </c>
    </row>
    <row r="1440" spans="1:8" x14ac:dyDescent="0.25">
      <c r="A1440" s="1">
        <v>45125</v>
      </c>
      <c r="B1440" t="s">
        <v>1135</v>
      </c>
      <c r="C1440" t="s">
        <v>115</v>
      </c>
      <c r="D1440" t="s">
        <v>10</v>
      </c>
      <c r="E1440" t="s">
        <v>11</v>
      </c>
      <c r="F1440" s="2">
        <v>1</v>
      </c>
      <c r="G1440" t="s">
        <v>31</v>
      </c>
      <c r="H1440" t="s">
        <v>13</v>
      </c>
    </row>
    <row r="1441" spans="1:8" x14ac:dyDescent="0.25">
      <c r="A1441" s="1">
        <v>45123</v>
      </c>
      <c r="B1441" t="s">
        <v>1136</v>
      </c>
      <c r="C1441" t="s">
        <v>47</v>
      </c>
      <c r="D1441" t="s">
        <v>10</v>
      </c>
      <c r="E1441" t="s">
        <v>11</v>
      </c>
      <c r="F1441" s="2">
        <v>1</v>
      </c>
      <c r="G1441" t="s">
        <v>411</v>
      </c>
      <c r="H1441" t="s">
        <v>13</v>
      </c>
    </row>
    <row r="1442" spans="1:8" x14ac:dyDescent="0.25">
      <c r="A1442" s="1">
        <v>45123</v>
      </c>
      <c r="B1442" t="s">
        <v>1137</v>
      </c>
      <c r="C1442" t="s">
        <v>9</v>
      </c>
      <c r="D1442" t="s">
        <v>10</v>
      </c>
      <c r="E1442" t="s">
        <v>11</v>
      </c>
      <c r="F1442" s="2">
        <v>1</v>
      </c>
      <c r="G1442" t="s">
        <v>157</v>
      </c>
      <c r="H1442" t="s">
        <v>13</v>
      </c>
    </row>
    <row r="1443" spans="1:8" x14ac:dyDescent="0.25">
      <c r="A1443" s="1">
        <v>45123</v>
      </c>
      <c r="B1443" t="s">
        <v>1137</v>
      </c>
      <c r="C1443" t="s">
        <v>52</v>
      </c>
      <c r="D1443" t="s">
        <v>10</v>
      </c>
      <c r="E1443" t="s">
        <v>11</v>
      </c>
      <c r="F1443" s="2">
        <v>1</v>
      </c>
      <c r="G1443" t="s">
        <v>157</v>
      </c>
      <c r="H1443" t="s">
        <v>13</v>
      </c>
    </row>
    <row r="1444" spans="1:8" x14ac:dyDescent="0.25">
      <c r="A1444" s="1">
        <v>45123</v>
      </c>
      <c r="B1444" t="s">
        <v>1137</v>
      </c>
      <c r="C1444" t="s">
        <v>47</v>
      </c>
      <c r="D1444" t="s">
        <v>10</v>
      </c>
      <c r="E1444" t="s">
        <v>11</v>
      </c>
      <c r="F1444" s="2">
        <v>1</v>
      </c>
      <c r="G1444" t="s">
        <v>157</v>
      </c>
      <c r="H1444" t="s">
        <v>13</v>
      </c>
    </row>
    <row r="1445" spans="1:8" x14ac:dyDescent="0.25">
      <c r="A1445" s="1">
        <v>45122</v>
      </c>
      <c r="B1445" t="s">
        <v>1138</v>
      </c>
      <c r="C1445" t="s">
        <v>19</v>
      </c>
      <c r="D1445" t="s">
        <v>10</v>
      </c>
      <c r="E1445" t="s">
        <v>11</v>
      </c>
      <c r="F1445" s="2">
        <v>1</v>
      </c>
      <c r="G1445" t="s">
        <v>145</v>
      </c>
      <c r="H1445" t="s">
        <v>13</v>
      </c>
    </row>
    <row r="1446" spans="1:8" x14ac:dyDescent="0.25">
      <c r="A1446" s="1">
        <v>45122</v>
      </c>
      <c r="B1446" t="s">
        <v>1139</v>
      </c>
      <c r="C1446" t="s">
        <v>115</v>
      </c>
      <c r="D1446" t="s">
        <v>26</v>
      </c>
      <c r="E1446" t="s">
        <v>11</v>
      </c>
      <c r="F1446" s="2">
        <v>1</v>
      </c>
      <c r="G1446" t="s">
        <v>20</v>
      </c>
      <c r="H1446" t="s">
        <v>13</v>
      </c>
    </row>
    <row r="1447" spans="1:8" x14ac:dyDescent="0.25">
      <c r="A1447" s="1">
        <v>45121</v>
      </c>
      <c r="B1447" t="s">
        <v>1140</v>
      </c>
      <c r="C1447" t="s">
        <v>47</v>
      </c>
      <c r="D1447" t="s">
        <v>10</v>
      </c>
      <c r="E1447" t="s">
        <v>11</v>
      </c>
      <c r="F1447" s="2">
        <v>1</v>
      </c>
      <c r="G1447" t="s">
        <v>20</v>
      </c>
      <c r="H1447" t="s">
        <v>13</v>
      </c>
    </row>
    <row r="1448" spans="1:8" x14ac:dyDescent="0.25">
      <c r="A1448" s="1">
        <v>45121</v>
      </c>
      <c r="B1448" t="s">
        <v>1141</v>
      </c>
      <c r="C1448" t="s">
        <v>9</v>
      </c>
      <c r="D1448" t="s">
        <v>10</v>
      </c>
      <c r="E1448" t="s">
        <v>11</v>
      </c>
      <c r="F1448" s="2">
        <v>1</v>
      </c>
      <c r="G1448" t="s">
        <v>145</v>
      </c>
      <c r="H1448" t="s">
        <v>13</v>
      </c>
    </row>
    <row r="1449" spans="1:8" x14ac:dyDescent="0.25">
      <c r="A1449" s="1">
        <v>45121</v>
      </c>
      <c r="B1449" t="s">
        <v>1142</v>
      </c>
      <c r="C1449" t="s">
        <v>9</v>
      </c>
      <c r="D1449" t="s">
        <v>10</v>
      </c>
      <c r="E1449" t="s">
        <v>11</v>
      </c>
      <c r="F1449" s="2">
        <v>1</v>
      </c>
      <c r="G1449" t="s">
        <v>100</v>
      </c>
      <c r="H1449" t="s">
        <v>13</v>
      </c>
    </row>
    <row r="1450" spans="1:8" x14ac:dyDescent="0.25">
      <c r="A1450" s="1">
        <v>45120</v>
      </c>
      <c r="B1450" t="s">
        <v>1143</v>
      </c>
      <c r="C1450" t="s">
        <v>1118</v>
      </c>
      <c r="D1450" t="s">
        <v>10</v>
      </c>
      <c r="E1450" t="s">
        <v>11</v>
      </c>
      <c r="F1450" s="2">
        <v>1</v>
      </c>
      <c r="G1450" t="s">
        <v>31</v>
      </c>
      <c r="H1450" t="s">
        <v>13</v>
      </c>
    </row>
    <row r="1451" spans="1:8" x14ac:dyDescent="0.25">
      <c r="A1451" s="1">
        <v>45119</v>
      </c>
      <c r="B1451" t="s">
        <v>1144</v>
      </c>
      <c r="C1451" t="s">
        <v>9</v>
      </c>
      <c r="D1451" t="s">
        <v>10</v>
      </c>
      <c r="E1451" t="s">
        <v>11</v>
      </c>
      <c r="F1451" s="2">
        <v>1</v>
      </c>
      <c r="G1451" t="s">
        <v>181</v>
      </c>
      <c r="H1451" t="s">
        <v>13</v>
      </c>
    </row>
    <row r="1452" spans="1:8" x14ac:dyDescent="0.25">
      <c r="A1452" s="1">
        <v>45119</v>
      </c>
      <c r="B1452" t="s">
        <v>1145</v>
      </c>
      <c r="C1452" t="s">
        <v>86</v>
      </c>
      <c r="D1452" t="s">
        <v>10</v>
      </c>
      <c r="E1452" t="s">
        <v>11</v>
      </c>
      <c r="F1452" s="2">
        <v>1</v>
      </c>
      <c r="G1452" t="s">
        <v>1146</v>
      </c>
      <c r="H1452" t="s">
        <v>13</v>
      </c>
    </row>
    <row r="1453" spans="1:8" x14ac:dyDescent="0.25">
      <c r="A1453" s="1">
        <v>45119</v>
      </c>
      <c r="B1453" t="s">
        <v>1147</v>
      </c>
      <c r="C1453" t="s">
        <v>9</v>
      </c>
      <c r="D1453" t="s">
        <v>10</v>
      </c>
      <c r="E1453" t="s">
        <v>11</v>
      </c>
      <c r="F1453" s="2">
        <v>1</v>
      </c>
      <c r="G1453" t="s">
        <v>31</v>
      </c>
      <c r="H1453" t="s">
        <v>13</v>
      </c>
    </row>
    <row r="1454" spans="1:8" x14ac:dyDescent="0.25">
      <c r="A1454" s="1">
        <v>45119</v>
      </c>
      <c r="B1454" t="s">
        <v>1148</v>
      </c>
      <c r="C1454" t="s">
        <v>9</v>
      </c>
      <c r="D1454" t="s">
        <v>10</v>
      </c>
      <c r="E1454" t="s">
        <v>11</v>
      </c>
      <c r="F1454" s="2">
        <v>1</v>
      </c>
      <c r="G1454" t="s">
        <v>181</v>
      </c>
      <c r="H1454" t="s">
        <v>13</v>
      </c>
    </row>
    <row r="1455" spans="1:8" x14ac:dyDescent="0.25">
      <c r="A1455" s="1">
        <v>45119</v>
      </c>
      <c r="B1455" t="s">
        <v>1148</v>
      </c>
      <c r="C1455" t="s">
        <v>32</v>
      </c>
      <c r="D1455" t="s">
        <v>10</v>
      </c>
      <c r="E1455" t="s">
        <v>11</v>
      </c>
      <c r="F1455" s="2">
        <v>1</v>
      </c>
      <c r="G1455" t="s">
        <v>181</v>
      </c>
      <c r="H1455" t="s">
        <v>13</v>
      </c>
    </row>
    <row r="1456" spans="1:8" x14ac:dyDescent="0.25">
      <c r="A1456" s="1">
        <v>45118</v>
      </c>
      <c r="B1456" t="s">
        <v>1149</v>
      </c>
      <c r="C1456" t="s">
        <v>35</v>
      </c>
      <c r="D1456" t="s">
        <v>10</v>
      </c>
      <c r="E1456" t="s">
        <v>11</v>
      </c>
      <c r="F1456" s="2">
        <v>1</v>
      </c>
      <c r="G1456" t="s">
        <v>1146</v>
      </c>
      <c r="H1456" t="s">
        <v>13</v>
      </c>
    </row>
    <row r="1457" spans="1:8" x14ac:dyDescent="0.25">
      <c r="A1457" s="1">
        <v>45115</v>
      </c>
      <c r="B1457" t="s">
        <v>1150</v>
      </c>
      <c r="C1457" t="s">
        <v>9</v>
      </c>
      <c r="D1457" t="s">
        <v>10</v>
      </c>
      <c r="E1457" t="s">
        <v>11</v>
      </c>
      <c r="F1457" s="2">
        <v>1</v>
      </c>
      <c r="G1457" t="s">
        <v>663</v>
      </c>
      <c r="H1457" t="s">
        <v>13</v>
      </c>
    </row>
    <row r="1458" spans="1:8" x14ac:dyDescent="0.25">
      <c r="A1458" s="1">
        <v>45115</v>
      </c>
      <c r="B1458" t="s">
        <v>1150</v>
      </c>
      <c r="C1458" t="s">
        <v>47</v>
      </c>
      <c r="D1458" t="s">
        <v>10</v>
      </c>
      <c r="E1458" t="s">
        <v>11</v>
      </c>
      <c r="F1458" s="2">
        <v>1</v>
      </c>
      <c r="G1458" t="s">
        <v>663</v>
      </c>
      <c r="H1458" t="s">
        <v>13</v>
      </c>
    </row>
    <row r="1459" spans="1:8" x14ac:dyDescent="0.25">
      <c r="A1459" s="1">
        <v>45115</v>
      </c>
      <c r="B1459" t="s">
        <v>1151</v>
      </c>
      <c r="C1459" t="s">
        <v>9</v>
      </c>
      <c r="D1459" t="s">
        <v>10</v>
      </c>
      <c r="E1459" t="s">
        <v>11</v>
      </c>
      <c r="F1459" s="2">
        <v>1</v>
      </c>
      <c r="G1459" t="s">
        <v>37</v>
      </c>
      <c r="H1459" t="s">
        <v>13</v>
      </c>
    </row>
    <row r="1460" spans="1:8" x14ac:dyDescent="0.25">
      <c r="A1460" s="1">
        <v>45115</v>
      </c>
      <c r="B1460" t="s">
        <v>1151</v>
      </c>
      <c r="C1460" t="s">
        <v>35</v>
      </c>
      <c r="D1460" t="s">
        <v>10</v>
      </c>
      <c r="E1460" t="s">
        <v>11</v>
      </c>
      <c r="F1460" s="2">
        <v>1</v>
      </c>
      <c r="G1460" t="s">
        <v>37</v>
      </c>
      <c r="H1460" t="s">
        <v>13</v>
      </c>
    </row>
    <row r="1461" spans="1:8" x14ac:dyDescent="0.25">
      <c r="A1461" s="1">
        <v>45115</v>
      </c>
      <c r="B1461" t="s">
        <v>1152</v>
      </c>
      <c r="C1461" t="s">
        <v>9</v>
      </c>
      <c r="D1461" t="s">
        <v>10</v>
      </c>
      <c r="E1461" t="s">
        <v>11</v>
      </c>
      <c r="F1461" s="2">
        <v>1</v>
      </c>
      <c r="G1461" t="s">
        <v>67</v>
      </c>
      <c r="H1461" t="s">
        <v>13</v>
      </c>
    </row>
    <row r="1462" spans="1:8" x14ac:dyDescent="0.25">
      <c r="A1462" s="1">
        <v>45115</v>
      </c>
      <c r="B1462" t="s">
        <v>1152</v>
      </c>
      <c r="C1462" t="s">
        <v>9</v>
      </c>
      <c r="D1462" t="s">
        <v>10</v>
      </c>
      <c r="E1462" t="s">
        <v>11</v>
      </c>
      <c r="F1462" s="2">
        <v>1</v>
      </c>
      <c r="G1462" t="s">
        <v>67</v>
      </c>
      <c r="H1462" t="s">
        <v>13</v>
      </c>
    </row>
    <row r="1463" spans="1:8" x14ac:dyDescent="0.25">
      <c r="A1463" s="1">
        <v>45115</v>
      </c>
      <c r="B1463" t="s">
        <v>1152</v>
      </c>
      <c r="C1463" t="s">
        <v>1153</v>
      </c>
      <c r="D1463" t="s">
        <v>10</v>
      </c>
      <c r="E1463" t="s">
        <v>11</v>
      </c>
      <c r="F1463" s="2">
        <v>1</v>
      </c>
      <c r="G1463" t="s">
        <v>67</v>
      </c>
      <c r="H1463" t="s">
        <v>13</v>
      </c>
    </row>
    <row r="1464" spans="1:8" x14ac:dyDescent="0.25">
      <c r="A1464" s="1">
        <v>45115</v>
      </c>
      <c r="B1464" t="s">
        <v>1152</v>
      </c>
      <c r="C1464" t="s">
        <v>1153</v>
      </c>
      <c r="D1464" t="s">
        <v>10</v>
      </c>
      <c r="E1464" t="s">
        <v>11</v>
      </c>
      <c r="F1464" s="2">
        <v>1</v>
      </c>
      <c r="G1464" t="s">
        <v>67</v>
      </c>
      <c r="H1464" t="s">
        <v>13</v>
      </c>
    </row>
    <row r="1465" spans="1:8" x14ac:dyDescent="0.25">
      <c r="A1465" s="1">
        <v>45115</v>
      </c>
      <c r="B1465" t="s">
        <v>1152</v>
      </c>
      <c r="C1465" t="s">
        <v>47</v>
      </c>
      <c r="D1465" t="s">
        <v>10</v>
      </c>
      <c r="E1465" t="s">
        <v>11</v>
      </c>
      <c r="F1465" s="2">
        <v>1</v>
      </c>
      <c r="G1465" t="s">
        <v>67</v>
      </c>
      <c r="H1465" t="s">
        <v>13</v>
      </c>
    </row>
    <row r="1466" spans="1:8" x14ac:dyDescent="0.25">
      <c r="A1466" s="1">
        <v>45115</v>
      </c>
      <c r="B1466" t="s">
        <v>1152</v>
      </c>
      <c r="C1466" t="s">
        <v>47</v>
      </c>
      <c r="D1466" t="s">
        <v>10</v>
      </c>
      <c r="E1466" t="s">
        <v>11</v>
      </c>
      <c r="F1466" s="2">
        <v>1</v>
      </c>
      <c r="G1466" t="s">
        <v>67</v>
      </c>
      <c r="H1466" t="s">
        <v>13</v>
      </c>
    </row>
    <row r="1467" spans="1:8" x14ac:dyDescent="0.25">
      <c r="A1467" s="1">
        <v>45114</v>
      </c>
      <c r="B1467" t="s">
        <v>1154</v>
      </c>
      <c r="C1467" t="s">
        <v>16</v>
      </c>
      <c r="D1467" t="s">
        <v>10</v>
      </c>
      <c r="E1467" t="s">
        <v>11</v>
      </c>
      <c r="F1467" s="2">
        <v>1</v>
      </c>
      <c r="G1467" t="s">
        <v>359</v>
      </c>
      <c r="H1467" t="s">
        <v>13</v>
      </c>
    </row>
    <row r="1468" spans="1:8" x14ac:dyDescent="0.25">
      <c r="A1468" s="1">
        <v>45114</v>
      </c>
      <c r="B1468" t="s">
        <v>1154</v>
      </c>
      <c r="C1468" t="s">
        <v>120</v>
      </c>
      <c r="D1468" t="s">
        <v>10</v>
      </c>
      <c r="E1468" t="s">
        <v>11</v>
      </c>
      <c r="F1468" s="2">
        <v>1</v>
      </c>
      <c r="G1468" t="s">
        <v>359</v>
      </c>
      <c r="H1468" t="s">
        <v>13</v>
      </c>
    </row>
    <row r="1469" spans="1:8" x14ac:dyDescent="0.25">
      <c r="A1469" s="1">
        <v>45111</v>
      </c>
      <c r="B1469" t="s">
        <v>1155</v>
      </c>
      <c r="C1469" t="s">
        <v>92</v>
      </c>
      <c r="D1469" t="s">
        <v>10</v>
      </c>
      <c r="E1469" t="s">
        <v>11</v>
      </c>
      <c r="F1469" s="2">
        <v>1</v>
      </c>
      <c r="G1469" t="s">
        <v>739</v>
      </c>
      <c r="H1469" t="s">
        <v>13</v>
      </c>
    </row>
    <row r="1470" spans="1:8" x14ac:dyDescent="0.25">
      <c r="A1470" s="1">
        <v>45109</v>
      </c>
      <c r="B1470" t="s">
        <v>1156</v>
      </c>
      <c r="C1470" t="s">
        <v>9</v>
      </c>
      <c r="D1470" t="s">
        <v>10</v>
      </c>
      <c r="E1470" t="s">
        <v>11</v>
      </c>
      <c r="F1470" s="2">
        <v>1</v>
      </c>
      <c r="G1470" t="s">
        <v>197</v>
      </c>
      <c r="H1470" t="s">
        <v>13</v>
      </c>
    </row>
    <row r="1471" spans="1:8" x14ac:dyDescent="0.25">
      <c r="A1471" s="1">
        <v>45109</v>
      </c>
      <c r="B1471" t="s">
        <v>1156</v>
      </c>
      <c r="C1471" t="s">
        <v>56</v>
      </c>
      <c r="D1471" t="s">
        <v>10</v>
      </c>
      <c r="E1471" t="s">
        <v>11</v>
      </c>
      <c r="F1471" s="2">
        <v>1</v>
      </c>
      <c r="G1471" t="s">
        <v>197</v>
      </c>
      <c r="H1471" t="s">
        <v>13</v>
      </c>
    </row>
    <row r="1472" spans="1:8" x14ac:dyDescent="0.25">
      <c r="A1472" s="1">
        <v>45109</v>
      </c>
      <c r="B1472" t="s">
        <v>1156</v>
      </c>
      <c r="C1472" t="s">
        <v>14</v>
      </c>
      <c r="D1472" t="s">
        <v>10</v>
      </c>
      <c r="E1472" t="s">
        <v>11</v>
      </c>
      <c r="F1472" s="2">
        <v>1</v>
      </c>
      <c r="G1472" t="s">
        <v>197</v>
      </c>
      <c r="H1472" t="s">
        <v>13</v>
      </c>
    </row>
    <row r="1473" spans="1:8" x14ac:dyDescent="0.25">
      <c r="A1473" s="1">
        <v>45109</v>
      </c>
      <c r="B1473" t="s">
        <v>1157</v>
      </c>
      <c r="C1473" t="s">
        <v>79</v>
      </c>
      <c r="D1473" t="s">
        <v>10</v>
      </c>
      <c r="E1473" t="s">
        <v>11</v>
      </c>
      <c r="F1473" s="2">
        <v>1</v>
      </c>
      <c r="G1473" t="s">
        <v>20</v>
      </c>
      <c r="H1473" t="s">
        <v>13</v>
      </c>
    </row>
    <row r="1474" spans="1:8" x14ac:dyDescent="0.25">
      <c r="A1474" s="1">
        <v>45109</v>
      </c>
      <c r="B1474" t="s">
        <v>1157</v>
      </c>
      <c r="C1474" t="s">
        <v>80</v>
      </c>
      <c r="D1474" t="s">
        <v>10</v>
      </c>
      <c r="E1474" t="s">
        <v>11</v>
      </c>
      <c r="F1474" s="2">
        <v>1</v>
      </c>
      <c r="G1474" t="s">
        <v>20</v>
      </c>
      <c r="H1474" t="s">
        <v>13</v>
      </c>
    </row>
    <row r="1475" spans="1:8" x14ac:dyDescent="0.25">
      <c r="A1475" s="1">
        <v>45109</v>
      </c>
      <c r="B1475" t="s">
        <v>1158</v>
      </c>
      <c r="C1475" t="s">
        <v>14</v>
      </c>
      <c r="D1475" t="s">
        <v>10</v>
      </c>
      <c r="E1475" t="s">
        <v>11</v>
      </c>
      <c r="F1475" s="2">
        <v>1</v>
      </c>
      <c r="G1475" t="s">
        <v>1159</v>
      </c>
      <c r="H1475" t="s">
        <v>13</v>
      </c>
    </row>
    <row r="1476" spans="1:8" x14ac:dyDescent="0.25">
      <c r="A1476" s="1">
        <v>45109</v>
      </c>
      <c r="B1476" t="s">
        <v>1160</v>
      </c>
      <c r="C1476" t="s">
        <v>96</v>
      </c>
      <c r="D1476" t="s">
        <v>10</v>
      </c>
      <c r="E1476" t="s">
        <v>11</v>
      </c>
      <c r="F1476" s="2">
        <v>1</v>
      </c>
      <c r="G1476" t="s">
        <v>20</v>
      </c>
      <c r="H1476" t="s">
        <v>13</v>
      </c>
    </row>
    <row r="1477" spans="1:8" x14ac:dyDescent="0.25">
      <c r="A1477" s="1">
        <v>45108</v>
      </c>
      <c r="B1477" t="s">
        <v>1161</v>
      </c>
      <c r="C1477" t="s">
        <v>9</v>
      </c>
      <c r="D1477" t="s">
        <v>10</v>
      </c>
      <c r="E1477" t="s">
        <v>11</v>
      </c>
      <c r="F1477" s="2">
        <v>1</v>
      </c>
      <c r="G1477" t="s">
        <v>100</v>
      </c>
      <c r="H1477" t="s">
        <v>13</v>
      </c>
    </row>
    <row r="1478" spans="1:8" x14ac:dyDescent="0.25">
      <c r="A1478" s="1">
        <v>45108</v>
      </c>
      <c r="B1478" t="s">
        <v>1161</v>
      </c>
      <c r="C1478" t="s">
        <v>35</v>
      </c>
      <c r="D1478" t="s">
        <v>10</v>
      </c>
      <c r="E1478" t="s">
        <v>11</v>
      </c>
      <c r="F1478" s="2">
        <v>1</v>
      </c>
      <c r="G1478" t="s">
        <v>100</v>
      </c>
      <c r="H1478" t="s">
        <v>13</v>
      </c>
    </row>
    <row r="1479" spans="1:8" x14ac:dyDescent="0.25">
      <c r="A1479" s="1">
        <v>45108</v>
      </c>
      <c r="B1479" t="s">
        <v>1161</v>
      </c>
      <c r="C1479" t="s">
        <v>47</v>
      </c>
      <c r="D1479" t="s">
        <v>10</v>
      </c>
      <c r="E1479" t="s">
        <v>11</v>
      </c>
      <c r="F1479" s="2">
        <v>1</v>
      </c>
      <c r="G1479" t="s">
        <v>100</v>
      </c>
      <c r="H1479" t="s">
        <v>13</v>
      </c>
    </row>
    <row r="1480" spans="1:8" x14ac:dyDescent="0.25">
      <c r="A1480" s="1">
        <v>45108</v>
      </c>
      <c r="B1480" t="s">
        <v>1161</v>
      </c>
      <c r="C1480" t="s">
        <v>271</v>
      </c>
      <c r="D1480" t="s">
        <v>10</v>
      </c>
      <c r="E1480" t="s">
        <v>11</v>
      </c>
      <c r="F1480" s="2">
        <v>1</v>
      </c>
      <c r="G1480" t="s">
        <v>100</v>
      </c>
      <c r="H1480" t="s">
        <v>13</v>
      </c>
    </row>
    <row r="1481" spans="1:8" x14ac:dyDescent="0.25">
      <c r="A1481" s="1">
        <v>45108</v>
      </c>
      <c r="B1481" t="s">
        <v>1161</v>
      </c>
      <c r="C1481" t="s">
        <v>65</v>
      </c>
      <c r="D1481" t="s">
        <v>10</v>
      </c>
      <c r="E1481" t="s">
        <v>11</v>
      </c>
      <c r="F1481" s="2">
        <v>1</v>
      </c>
      <c r="G1481" t="s">
        <v>100</v>
      </c>
      <c r="H1481" t="s">
        <v>13</v>
      </c>
    </row>
    <row r="1482" spans="1:8" x14ac:dyDescent="0.25">
      <c r="A1482" s="1">
        <v>45108</v>
      </c>
      <c r="B1482" t="s">
        <v>1162</v>
      </c>
      <c r="C1482" t="s">
        <v>1163</v>
      </c>
      <c r="D1482" t="s">
        <v>10</v>
      </c>
      <c r="E1482" t="s">
        <v>11</v>
      </c>
      <c r="F1482" s="2">
        <v>1</v>
      </c>
      <c r="G1482" t="s">
        <v>20</v>
      </c>
      <c r="H1482" t="s">
        <v>13</v>
      </c>
    </row>
    <row r="1483" spans="1:8" x14ac:dyDescent="0.25">
      <c r="A1483" s="1">
        <v>45108</v>
      </c>
      <c r="B1483" t="s">
        <v>1162</v>
      </c>
      <c r="C1483" t="s">
        <v>1163</v>
      </c>
      <c r="D1483" t="s">
        <v>10</v>
      </c>
      <c r="E1483" t="s">
        <v>11</v>
      </c>
      <c r="F1483" s="2">
        <v>1</v>
      </c>
      <c r="G1483" t="s">
        <v>20</v>
      </c>
      <c r="H1483" t="s">
        <v>13</v>
      </c>
    </row>
    <row r="1484" spans="1:8" x14ac:dyDescent="0.25">
      <c r="A1484" s="1">
        <v>45107</v>
      </c>
      <c r="B1484" t="s">
        <v>1164</v>
      </c>
      <c r="C1484" t="s">
        <v>74</v>
      </c>
      <c r="D1484" t="s">
        <v>26</v>
      </c>
      <c r="E1484" t="s">
        <v>11</v>
      </c>
      <c r="F1484" s="2">
        <v>1</v>
      </c>
      <c r="G1484" t="s">
        <v>20</v>
      </c>
      <c r="H1484" t="s">
        <v>13</v>
      </c>
    </row>
    <row r="1485" spans="1:8" x14ac:dyDescent="0.25">
      <c r="A1485" s="1">
        <v>45105</v>
      </c>
      <c r="B1485" t="s">
        <v>1165</v>
      </c>
      <c r="C1485" t="s">
        <v>120</v>
      </c>
      <c r="D1485" t="s">
        <v>10</v>
      </c>
      <c r="E1485" t="s">
        <v>11</v>
      </c>
      <c r="F1485" s="2">
        <v>1</v>
      </c>
      <c r="G1485" t="s">
        <v>701</v>
      </c>
      <c r="H1485" t="s">
        <v>13</v>
      </c>
    </row>
    <row r="1486" spans="1:8" x14ac:dyDescent="0.25">
      <c r="A1486" s="1">
        <v>45104</v>
      </c>
      <c r="B1486" t="s">
        <v>1166</v>
      </c>
      <c r="C1486" t="s">
        <v>19</v>
      </c>
      <c r="D1486" t="s">
        <v>10</v>
      </c>
      <c r="E1486" t="s">
        <v>11</v>
      </c>
      <c r="F1486" s="2">
        <v>1</v>
      </c>
      <c r="G1486" t="s">
        <v>364</v>
      </c>
      <c r="H1486" t="s">
        <v>13</v>
      </c>
    </row>
    <row r="1487" spans="1:8" x14ac:dyDescent="0.25">
      <c r="A1487" s="1">
        <v>45104</v>
      </c>
      <c r="B1487" t="s">
        <v>1167</v>
      </c>
      <c r="C1487" t="s">
        <v>86</v>
      </c>
      <c r="D1487" t="s">
        <v>10</v>
      </c>
      <c r="E1487" t="s">
        <v>11</v>
      </c>
      <c r="F1487" s="2">
        <v>1</v>
      </c>
      <c r="G1487" t="s">
        <v>555</v>
      </c>
      <c r="H1487" t="s">
        <v>13</v>
      </c>
    </row>
    <row r="1488" spans="1:8" x14ac:dyDescent="0.25">
      <c r="A1488" s="1">
        <v>45104</v>
      </c>
      <c r="B1488" t="s">
        <v>1168</v>
      </c>
      <c r="C1488" t="s">
        <v>47</v>
      </c>
      <c r="D1488" t="s">
        <v>10</v>
      </c>
      <c r="E1488" t="s">
        <v>11</v>
      </c>
      <c r="F1488" s="2">
        <v>1</v>
      </c>
      <c r="G1488" t="s">
        <v>318</v>
      </c>
      <c r="H1488" t="s">
        <v>13</v>
      </c>
    </row>
    <row r="1489" spans="1:8" x14ac:dyDescent="0.25">
      <c r="A1489" s="1">
        <v>45103</v>
      </c>
      <c r="B1489" t="s">
        <v>1169</v>
      </c>
      <c r="C1489" t="s">
        <v>9</v>
      </c>
      <c r="D1489" t="s">
        <v>10</v>
      </c>
      <c r="E1489" t="s">
        <v>11</v>
      </c>
      <c r="F1489" s="2">
        <v>1</v>
      </c>
      <c r="G1489" t="s">
        <v>296</v>
      </c>
      <c r="H1489" t="s">
        <v>13</v>
      </c>
    </row>
    <row r="1490" spans="1:8" x14ac:dyDescent="0.25">
      <c r="A1490" s="1">
        <v>45103</v>
      </c>
      <c r="B1490" t="s">
        <v>1170</v>
      </c>
      <c r="C1490" t="s">
        <v>58</v>
      </c>
      <c r="D1490" t="s">
        <v>10</v>
      </c>
      <c r="E1490" t="s">
        <v>11</v>
      </c>
      <c r="F1490" s="2">
        <v>1</v>
      </c>
      <c r="G1490" t="s">
        <v>113</v>
      </c>
      <c r="H1490" t="s">
        <v>13</v>
      </c>
    </row>
    <row r="1491" spans="1:8" x14ac:dyDescent="0.25">
      <c r="A1491" s="1">
        <v>45103</v>
      </c>
      <c r="B1491" t="s">
        <v>1171</v>
      </c>
      <c r="C1491" t="s">
        <v>19</v>
      </c>
      <c r="D1491" t="s">
        <v>10</v>
      </c>
      <c r="E1491" t="s">
        <v>11</v>
      </c>
      <c r="F1491" s="2">
        <v>1</v>
      </c>
      <c r="G1491" t="s">
        <v>347</v>
      </c>
      <c r="H1491" t="s">
        <v>13</v>
      </c>
    </row>
    <row r="1492" spans="1:8" x14ac:dyDescent="0.25">
      <c r="A1492" s="1">
        <v>45103</v>
      </c>
      <c r="B1492" t="s">
        <v>1171</v>
      </c>
      <c r="C1492" t="s">
        <v>1172</v>
      </c>
      <c r="D1492" t="s">
        <v>10</v>
      </c>
      <c r="E1492" t="s">
        <v>11</v>
      </c>
      <c r="F1492" s="2">
        <v>1</v>
      </c>
      <c r="G1492" t="s">
        <v>347</v>
      </c>
      <c r="H1492" t="s">
        <v>13</v>
      </c>
    </row>
    <row r="1493" spans="1:8" x14ac:dyDescent="0.25">
      <c r="A1493" s="1">
        <v>45103</v>
      </c>
      <c r="B1493" t="s">
        <v>1171</v>
      </c>
      <c r="C1493" t="s">
        <v>142</v>
      </c>
      <c r="D1493" t="s">
        <v>10</v>
      </c>
      <c r="E1493" t="s">
        <v>11</v>
      </c>
      <c r="F1493" s="2">
        <v>1</v>
      </c>
      <c r="G1493" t="s">
        <v>347</v>
      </c>
      <c r="H1493" t="s">
        <v>13</v>
      </c>
    </row>
    <row r="1494" spans="1:8" x14ac:dyDescent="0.25">
      <c r="A1494" s="1">
        <v>45103</v>
      </c>
      <c r="B1494" t="s">
        <v>1171</v>
      </c>
      <c r="C1494" t="s">
        <v>16</v>
      </c>
      <c r="D1494" t="s">
        <v>10</v>
      </c>
      <c r="E1494" t="s">
        <v>11</v>
      </c>
      <c r="F1494" s="2">
        <v>1</v>
      </c>
      <c r="G1494" t="s">
        <v>347</v>
      </c>
      <c r="H1494" t="s">
        <v>13</v>
      </c>
    </row>
    <row r="1495" spans="1:8" x14ac:dyDescent="0.25">
      <c r="A1495" s="1">
        <v>45103</v>
      </c>
      <c r="B1495" t="s">
        <v>1171</v>
      </c>
      <c r="C1495" t="s">
        <v>149</v>
      </c>
      <c r="D1495" t="s">
        <v>10</v>
      </c>
      <c r="E1495" t="s">
        <v>11</v>
      </c>
      <c r="F1495" s="2">
        <v>1</v>
      </c>
      <c r="G1495" t="s">
        <v>347</v>
      </c>
      <c r="H1495" t="s">
        <v>13</v>
      </c>
    </row>
    <row r="1496" spans="1:8" x14ac:dyDescent="0.25">
      <c r="A1496" s="1">
        <v>45103</v>
      </c>
      <c r="B1496" t="s">
        <v>1171</v>
      </c>
      <c r="C1496" t="s">
        <v>47</v>
      </c>
      <c r="D1496" t="s">
        <v>10</v>
      </c>
      <c r="E1496" t="s">
        <v>11</v>
      </c>
      <c r="F1496" s="2">
        <v>1</v>
      </c>
      <c r="G1496" t="s">
        <v>347</v>
      </c>
      <c r="H1496" t="s">
        <v>13</v>
      </c>
    </row>
    <row r="1497" spans="1:8" x14ac:dyDescent="0.25">
      <c r="A1497" s="1">
        <v>45103</v>
      </c>
      <c r="B1497" t="s">
        <v>1171</v>
      </c>
      <c r="C1497" t="s">
        <v>453</v>
      </c>
      <c r="D1497" t="s">
        <v>10</v>
      </c>
      <c r="E1497" t="s">
        <v>11</v>
      </c>
      <c r="F1497" s="2">
        <v>1</v>
      </c>
      <c r="G1497" t="s">
        <v>347</v>
      </c>
      <c r="H1497" t="s">
        <v>13</v>
      </c>
    </row>
    <row r="1498" spans="1:8" x14ac:dyDescent="0.25">
      <c r="A1498" s="1">
        <v>45103</v>
      </c>
      <c r="B1498" t="s">
        <v>1173</v>
      </c>
      <c r="C1498" t="s">
        <v>86</v>
      </c>
      <c r="D1498" t="s">
        <v>10</v>
      </c>
      <c r="E1498" t="s">
        <v>11</v>
      </c>
      <c r="F1498" s="2">
        <v>1</v>
      </c>
      <c r="G1498" t="s">
        <v>555</v>
      </c>
      <c r="H1498" t="s">
        <v>13</v>
      </c>
    </row>
    <row r="1499" spans="1:8" x14ac:dyDescent="0.25">
      <c r="A1499" s="1">
        <v>45102</v>
      </c>
      <c r="B1499" t="s">
        <v>1174</v>
      </c>
      <c r="C1499" t="s">
        <v>52</v>
      </c>
      <c r="D1499" t="s">
        <v>10</v>
      </c>
      <c r="E1499" t="s">
        <v>11</v>
      </c>
      <c r="F1499" s="2">
        <v>1</v>
      </c>
      <c r="G1499" t="s">
        <v>699</v>
      </c>
      <c r="H1499" t="s">
        <v>13</v>
      </c>
    </row>
    <row r="1500" spans="1:8" x14ac:dyDescent="0.25">
      <c r="A1500" s="1">
        <v>45102</v>
      </c>
      <c r="B1500" t="s">
        <v>1174</v>
      </c>
      <c r="C1500" t="s">
        <v>47</v>
      </c>
      <c r="D1500" t="s">
        <v>10</v>
      </c>
      <c r="E1500" t="s">
        <v>11</v>
      </c>
      <c r="F1500" s="2">
        <v>1</v>
      </c>
      <c r="G1500" t="s">
        <v>699</v>
      </c>
      <c r="H1500" t="s">
        <v>13</v>
      </c>
    </row>
    <row r="1501" spans="1:8" x14ac:dyDescent="0.25">
      <c r="A1501" s="1">
        <v>45102</v>
      </c>
      <c r="B1501" t="s">
        <v>1174</v>
      </c>
      <c r="C1501" t="s">
        <v>14</v>
      </c>
      <c r="D1501" t="s">
        <v>10</v>
      </c>
      <c r="E1501" t="s">
        <v>11</v>
      </c>
      <c r="F1501" s="2">
        <v>1</v>
      </c>
      <c r="G1501" t="s">
        <v>699</v>
      </c>
      <c r="H1501" t="s">
        <v>13</v>
      </c>
    </row>
    <row r="1502" spans="1:8" x14ac:dyDescent="0.25">
      <c r="A1502" s="1">
        <v>45101</v>
      </c>
      <c r="B1502" t="s">
        <v>1175</v>
      </c>
      <c r="C1502" t="s">
        <v>1176</v>
      </c>
      <c r="D1502" t="s">
        <v>10</v>
      </c>
      <c r="E1502" t="s">
        <v>11</v>
      </c>
      <c r="F1502" s="2">
        <v>1</v>
      </c>
      <c r="G1502" t="s">
        <v>781</v>
      </c>
      <c r="H1502" t="s">
        <v>13</v>
      </c>
    </row>
    <row r="1503" spans="1:8" x14ac:dyDescent="0.25">
      <c r="A1503" s="1">
        <v>45101</v>
      </c>
      <c r="B1503" t="s">
        <v>1175</v>
      </c>
      <c r="C1503" t="s">
        <v>1177</v>
      </c>
      <c r="D1503" t="s">
        <v>10</v>
      </c>
      <c r="E1503" t="s">
        <v>11</v>
      </c>
      <c r="F1503" s="2">
        <v>1</v>
      </c>
      <c r="G1503" t="s">
        <v>781</v>
      </c>
      <c r="H1503" t="s">
        <v>13</v>
      </c>
    </row>
    <row r="1504" spans="1:8" x14ac:dyDescent="0.25">
      <c r="A1504" s="1">
        <v>45101</v>
      </c>
      <c r="B1504" t="s">
        <v>1175</v>
      </c>
      <c r="C1504" t="s">
        <v>413</v>
      </c>
      <c r="D1504" t="s">
        <v>10</v>
      </c>
      <c r="E1504" t="s">
        <v>11</v>
      </c>
      <c r="F1504" s="2">
        <v>1</v>
      </c>
      <c r="G1504" t="s">
        <v>781</v>
      </c>
      <c r="H1504" t="s">
        <v>13</v>
      </c>
    </row>
    <row r="1505" spans="1:8" x14ac:dyDescent="0.25">
      <c r="A1505" s="1">
        <v>45101</v>
      </c>
      <c r="B1505" t="s">
        <v>1175</v>
      </c>
      <c r="C1505" t="s">
        <v>731</v>
      </c>
      <c r="D1505" t="s">
        <v>10</v>
      </c>
      <c r="E1505" t="s">
        <v>11</v>
      </c>
      <c r="F1505" s="2">
        <v>1</v>
      </c>
      <c r="G1505" t="s">
        <v>781</v>
      </c>
      <c r="H1505" t="s">
        <v>13</v>
      </c>
    </row>
    <row r="1506" spans="1:8" x14ac:dyDescent="0.25">
      <c r="A1506" s="1">
        <v>45097</v>
      </c>
      <c r="B1506" t="s">
        <v>1178</v>
      </c>
      <c r="C1506" t="s">
        <v>9</v>
      </c>
      <c r="D1506" t="s">
        <v>10</v>
      </c>
      <c r="E1506" t="s">
        <v>11</v>
      </c>
      <c r="F1506" s="2">
        <v>1</v>
      </c>
      <c r="G1506" t="s">
        <v>111</v>
      </c>
      <c r="H1506" t="s">
        <v>13</v>
      </c>
    </row>
    <row r="1507" spans="1:8" x14ac:dyDescent="0.25">
      <c r="A1507" s="1">
        <v>45097</v>
      </c>
      <c r="B1507" t="s">
        <v>1178</v>
      </c>
      <c r="C1507" t="s">
        <v>118</v>
      </c>
      <c r="D1507" t="s">
        <v>10</v>
      </c>
      <c r="E1507" t="s">
        <v>11</v>
      </c>
      <c r="F1507" s="2">
        <v>1</v>
      </c>
      <c r="G1507" t="s">
        <v>111</v>
      </c>
      <c r="H1507" t="s">
        <v>13</v>
      </c>
    </row>
    <row r="1508" spans="1:8" x14ac:dyDescent="0.25">
      <c r="A1508" s="1">
        <v>45097</v>
      </c>
      <c r="B1508" t="s">
        <v>1178</v>
      </c>
      <c r="C1508" t="s">
        <v>14</v>
      </c>
      <c r="D1508" t="s">
        <v>10</v>
      </c>
      <c r="E1508" t="s">
        <v>11</v>
      </c>
      <c r="F1508" s="2">
        <v>1</v>
      </c>
      <c r="G1508" t="s">
        <v>111</v>
      </c>
      <c r="H1508" t="s">
        <v>13</v>
      </c>
    </row>
    <row r="1509" spans="1:8" x14ac:dyDescent="0.25">
      <c r="A1509" s="1">
        <v>45097</v>
      </c>
      <c r="B1509" t="s">
        <v>1179</v>
      </c>
      <c r="C1509" t="s">
        <v>563</v>
      </c>
      <c r="D1509" t="s">
        <v>10</v>
      </c>
      <c r="E1509" t="s">
        <v>11</v>
      </c>
      <c r="F1509" s="2">
        <v>1</v>
      </c>
      <c r="G1509" t="s">
        <v>296</v>
      </c>
      <c r="H1509" t="s">
        <v>13</v>
      </c>
    </row>
    <row r="1510" spans="1:8" x14ac:dyDescent="0.25">
      <c r="A1510" s="1">
        <v>45097</v>
      </c>
      <c r="B1510" t="s">
        <v>1179</v>
      </c>
      <c r="C1510" t="s">
        <v>86</v>
      </c>
      <c r="D1510" t="s">
        <v>10</v>
      </c>
      <c r="E1510" t="s">
        <v>11</v>
      </c>
      <c r="F1510" s="2">
        <v>1</v>
      </c>
      <c r="G1510" t="s">
        <v>296</v>
      </c>
      <c r="H1510" t="s">
        <v>13</v>
      </c>
    </row>
    <row r="1511" spans="1:8" x14ac:dyDescent="0.25">
      <c r="A1511" s="1">
        <v>45096</v>
      </c>
      <c r="B1511" t="s">
        <v>1180</v>
      </c>
      <c r="C1511" t="s">
        <v>9</v>
      </c>
      <c r="D1511" t="s">
        <v>10</v>
      </c>
      <c r="E1511" t="s">
        <v>11</v>
      </c>
      <c r="F1511" s="2">
        <v>1</v>
      </c>
      <c r="G1511" t="s">
        <v>20</v>
      </c>
      <c r="H1511" t="s">
        <v>13</v>
      </c>
    </row>
    <row r="1512" spans="1:8" x14ac:dyDescent="0.25">
      <c r="A1512" s="1">
        <v>45094</v>
      </c>
      <c r="B1512" t="s">
        <v>1181</v>
      </c>
      <c r="C1512" t="s">
        <v>9</v>
      </c>
      <c r="D1512" t="s">
        <v>10</v>
      </c>
      <c r="E1512" t="s">
        <v>11</v>
      </c>
      <c r="F1512" s="2">
        <v>1</v>
      </c>
      <c r="G1512" t="s">
        <v>37</v>
      </c>
      <c r="H1512" t="s">
        <v>13</v>
      </c>
    </row>
    <row r="1513" spans="1:8" x14ac:dyDescent="0.25">
      <c r="A1513" s="1">
        <v>45093</v>
      </c>
      <c r="B1513" t="s">
        <v>1182</v>
      </c>
      <c r="C1513" t="s">
        <v>413</v>
      </c>
      <c r="D1513" t="s">
        <v>10</v>
      </c>
      <c r="E1513" t="s">
        <v>11</v>
      </c>
      <c r="F1513" s="2">
        <v>1</v>
      </c>
      <c r="G1513" t="s">
        <v>137</v>
      </c>
      <c r="H1513" t="s">
        <v>13</v>
      </c>
    </row>
    <row r="1514" spans="1:8" x14ac:dyDescent="0.25">
      <c r="A1514" s="1">
        <v>45093</v>
      </c>
      <c r="B1514" t="s">
        <v>1182</v>
      </c>
      <c r="C1514" t="s">
        <v>249</v>
      </c>
      <c r="D1514" t="s">
        <v>10</v>
      </c>
      <c r="E1514" t="s">
        <v>11</v>
      </c>
      <c r="F1514" s="2">
        <v>1</v>
      </c>
      <c r="G1514" t="s">
        <v>137</v>
      </c>
      <c r="H1514" t="s">
        <v>13</v>
      </c>
    </row>
    <row r="1515" spans="1:8" x14ac:dyDescent="0.25">
      <c r="A1515" s="1">
        <v>45093</v>
      </c>
      <c r="B1515" t="s">
        <v>1183</v>
      </c>
      <c r="C1515" t="s">
        <v>79</v>
      </c>
      <c r="D1515" t="s">
        <v>10</v>
      </c>
      <c r="E1515" t="s">
        <v>11</v>
      </c>
      <c r="F1515" s="2">
        <v>1</v>
      </c>
      <c r="G1515" t="s">
        <v>77</v>
      </c>
      <c r="H1515" t="s">
        <v>13</v>
      </c>
    </row>
    <row r="1516" spans="1:8" x14ac:dyDescent="0.25">
      <c r="A1516" s="1">
        <v>45093</v>
      </c>
      <c r="B1516" t="s">
        <v>1184</v>
      </c>
      <c r="C1516" t="s">
        <v>35</v>
      </c>
      <c r="D1516" t="s">
        <v>10</v>
      </c>
      <c r="E1516" t="s">
        <v>11</v>
      </c>
      <c r="F1516" s="2">
        <v>1</v>
      </c>
      <c r="G1516" t="s">
        <v>216</v>
      </c>
      <c r="H1516" t="s">
        <v>13</v>
      </c>
    </row>
    <row r="1517" spans="1:8" x14ac:dyDescent="0.25">
      <c r="A1517" s="1">
        <v>45093</v>
      </c>
      <c r="B1517" t="s">
        <v>1184</v>
      </c>
      <c r="C1517" t="s">
        <v>35</v>
      </c>
      <c r="D1517" t="s">
        <v>10</v>
      </c>
      <c r="E1517" t="s">
        <v>11</v>
      </c>
      <c r="F1517" s="2">
        <v>1</v>
      </c>
      <c r="G1517" t="s">
        <v>216</v>
      </c>
      <c r="H1517" t="s">
        <v>13</v>
      </c>
    </row>
    <row r="1518" spans="1:8" x14ac:dyDescent="0.25">
      <c r="A1518" s="1">
        <v>45093</v>
      </c>
      <c r="B1518" t="s">
        <v>1184</v>
      </c>
      <c r="C1518" t="s">
        <v>47</v>
      </c>
      <c r="D1518" t="s">
        <v>10</v>
      </c>
      <c r="E1518" t="s">
        <v>11</v>
      </c>
      <c r="F1518" s="2">
        <v>1</v>
      </c>
      <c r="G1518" t="s">
        <v>216</v>
      </c>
      <c r="H1518" t="s">
        <v>13</v>
      </c>
    </row>
    <row r="1519" spans="1:8" x14ac:dyDescent="0.25">
      <c r="A1519" s="1">
        <v>45093</v>
      </c>
      <c r="B1519" t="s">
        <v>1184</v>
      </c>
      <c r="C1519" t="s">
        <v>47</v>
      </c>
      <c r="D1519" t="s">
        <v>10</v>
      </c>
      <c r="E1519" t="s">
        <v>11</v>
      </c>
      <c r="F1519" s="2">
        <v>1</v>
      </c>
      <c r="G1519" t="s">
        <v>216</v>
      </c>
      <c r="H1519" t="s">
        <v>13</v>
      </c>
    </row>
    <row r="1520" spans="1:8" x14ac:dyDescent="0.25">
      <c r="A1520" s="1">
        <v>45093</v>
      </c>
      <c r="B1520" t="s">
        <v>1185</v>
      </c>
      <c r="C1520" t="s">
        <v>9</v>
      </c>
      <c r="D1520" t="s">
        <v>10</v>
      </c>
      <c r="E1520" t="s">
        <v>11</v>
      </c>
      <c r="F1520" s="2">
        <v>1</v>
      </c>
      <c r="G1520" t="s">
        <v>1186</v>
      </c>
      <c r="H1520" t="s">
        <v>13</v>
      </c>
    </row>
    <row r="1521" spans="1:8" x14ac:dyDescent="0.25">
      <c r="A1521" s="1">
        <v>45093</v>
      </c>
      <c r="B1521" t="s">
        <v>1185</v>
      </c>
      <c r="C1521" t="s">
        <v>96</v>
      </c>
      <c r="D1521" t="s">
        <v>10</v>
      </c>
      <c r="E1521" t="s">
        <v>11</v>
      </c>
      <c r="F1521" s="2">
        <v>1</v>
      </c>
      <c r="G1521" t="s">
        <v>1186</v>
      </c>
      <c r="H1521" t="s">
        <v>13</v>
      </c>
    </row>
    <row r="1522" spans="1:8" x14ac:dyDescent="0.25">
      <c r="A1522" s="1">
        <v>45091</v>
      </c>
      <c r="B1522" t="s">
        <v>1187</v>
      </c>
      <c r="C1522" t="s">
        <v>174</v>
      </c>
      <c r="D1522" t="s">
        <v>10</v>
      </c>
      <c r="E1522" t="s">
        <v>11</v>
      </c>
      <c r="F1522" s="2">
        <v>1</v>
      </c>
      <c r="G1522" t="s">
        <v>1188</v>
      </c>
      <c r="H1522" t="s">
        <v>13</v>
      </c>
    </row>
    <row r="1523" spans="1:8" x14ac:dyDescent="0.25">
      <c r="A1523" s="1">
        <v>45091</v>
      </c>
      <c r="B1523" t="s">
        <v>1189</v>
      </c>
      <c r="C1523" t="s">
        <v>92</v>
      </c>
      <c r="D1523" t="s">
        <v>10</v>
      </c>
      <c r="E1523" t="s">
        <v>11</v>
      </c>
      <c r="F1523" s="2">
        <v>1</v>
      </c>
      <c r="G1523" t="s">
        <v>553</v>
      </c>
      <c r="H1523" t="s">
        <v>13</v>
      </c>
    </row>
    <row r="1524" spans="1:8" x14ac:dyDescent="0.25">
      <c r="A1524" s="1">
        <v>45090</v>
      </c>
      <c r="B1524" t="s">
        <v>1190</v>
      </c>
      <c r="C1524" t="s">
        <v>79</v>
      </c>
      <c r="D1524" t="s">
        <v>10</v>
      </c>
      <c r="E1524" t="s">
        <v>11</v>
      </c>
      <c r="F1524" s="2">
        <v>1</v>
      </c>
      <c r="G1524" t="s">
        <v>37</v>
      </c>
      <c r="H1524" t="s">
        <v>13</v>
      </c>
    </row>
    <row r="1525" spans="1:8" x14ac:dyDescent="0.25">
      <c r="A1525" s="1">
        <v>45090</v>
      </c>
      <c r="B1525" t="s">
        <v>1190</v>
      </c>
      <c r="C1525" t="s">
        <v>80</v>
      </c>
      <c r="D1525" t="s">
        <v>10</v>
      </c>
      <c r="E1525" t="s">
        <v>11</v>
      </c>
      <c r="F1525" s="2">
        <v>1</v>
      </c>
      <c r="G1525" t="s">
        <v>37</v>
      </c>
      <c r="H1525" t="s">
        <v>13</v>
      </c>
    </row>
    <row r="1526" spans="1:8" x14ac:dyDescent="0.25">
      <c r="A1526" s="1">
        <v>45090</v>
      </c>
      <c r="B1526" t="s">
        <v>1191</v>
      </c>
      <c r="C1526" t="s">
        <v>29</v>
      </c>
      <c r="D1526" t="s">
        <v>10</v>
      </c>
      <c r="E1526" t="s">
        <v>11</v>
      </c>
      <c r="F1526" s="2">
        <v>1</v>
      </c>
      <c r="G1526" t="s">
        <v>20</v>
      </c>
      <c r="H1526" t="s">
        <v>13</v>
      </c>
    </row>
    <row r="1527" spans="1:8" x14ac:dyDescent="0.25">
      <c r="A1527" s="1">
        <v>45090</v>
      </c>
      <c r="B1527" t="s">
        <v>1191</v>
      </c>
      <c r="C1527" t="s">
        <v>35</v>
      </c>
      <c r="D1527" t="s">
        <v>10</v>
      </c>
      <c r="E1527" t="s">
        <v>11</v>
      </c>
      <c r="F1527" s="2">
        <v>1</v>
      </c>
      <c r="G1527" t="s">
        <v>20</v>
      </c>
      <c r="H1527" t="s">
        <v>13</v>
      </c>
    </row>
    <row r="1528" spans="1:8" x14ac:dyDescent="0.25">
      <c r="A1528" s="1">
        <v>45089</v>
      </c>
      <c r="B1528" t="s">
        <v>1192</v>
      </c>
      <c r="C1528" t="s">
        <v>79</v>
      </c>
      <c r="D1528" t="s">
        <v>10</v>
      </c>
      <c r="E1528" t="s">
        <v>11</v>
      </c>
      <c r="F1528" s="2">
        <v>1</v>
      </c>
      <c r="G1528" t="s">
        <v>46</v>
      </c>
      <c r="H1528" t="s">
        <v>13</v>
      </c>
    </row>
    <row r="1529" spans="1:8" x14ac:dyDescent="0.25">
      <c r="A1529" s="1">
        <v>45089</v>
      </c>
      <c r="B1529" t="s">
        <v>1192</v>
      </c>
      <c r="C1529" t="s">
        <v>80</v>
      </c>
      <c r="D1529" t="s">
        <v>10</v>
      </c>
      <c r="E1529" t="s">
        <v>11</v>
      </c>
      <c r="F1529" s="2">
        <v>1</v>
      </c>
      <c r="G1529" t="s">
        <v>46</v>
      </c>
      <c r="H1529" t="s">
        <v>13</v>
      </c>
    </row>
    <row r="1530" spans="1:8" x14ac:dyDescent="0.25">
      <c r="A1530" s="1">
        <v>45088</v>
      </c>
      <c r="B1530" t="s">
        <v>1193</v>
      </c>
      <c r="C1530" t="s">
        <v>32</v>
      </c>
      <c r="D1530" t="s">
        <v>10</v>
      </c>
      <c r="E1530" t="s">
        <v>11</v>
      </c>
      <c r="F1530" s="2">
        <v>1</v>
      </c>
      <c r="G1530" t="s">
        <v>165</v>
      </c>
      <c r="H1530" t="s">
        <v>13</v>
      </c>
    </row>
    <row r="1531" spans="1:8" x14ac:dyDescent="0.25">
      <c r="A1531" s="1">
        <v>45087</v>
      </c>
      <c r="B1531" t="s">
        <v>1194</v>
      </c>
      <c r="C1531" t="s">
        <v>9</v>
      </c>
      <c r="D1531" t="s">
        <v>10</v>
      </c>
      <c r="E1531" t="s">
        <v>11</v>
      </c>
      <c r="F1531" s="2">
        <v>1</v>
      </c>
      <c r="G1531" t="s">
        <v>27</v>
      </c>
      <c r="H1531" t="s">
        <v>13</v>
      </c>
    </row>
    <row r="1532" spans="1:8" x14ac:dyDescent="0.25">
      <c r="A1532" s="1">
        <v>45087</v>
      </c>
      <c r="B1532" t="s">
        <v>1195</v>
      </c>
      <c r="C1532" t="s">
        <v>52</v>
      </c>
      <c r="D1532" t="s">
        <v>10</v>
      </c>
      <c r="E1532" t="s">
        <v>11</v>
      </c>
      <c r="F1532" s="2">
        <v>1</v>
      </c>
      <c r="G1532" t="s">
        <v>553</v>
      </c>
      <c r="H1532" t="s">
        <v>13</v>
      </c>
    </row>
    <row r="1533" spans="1:8" x14ac:dyDescent="0.25">
      <c r="A1533" s="1">
        <v>45087</v>
      </c>
      <c r="B1533" t="s">
        <v>1196</v>
      </c>
      <c r="C1533" t="s">
        <v>9</v>
      </c>
      <c r="D1533" t="s">
        <v>10</v>
      </c>
      <c r="E1533" t="s">
        <v>11</v>
      </c>
      <c r="F1533" s="2">
        <v>1</v>
      </c>
      <c r="G1533" t="s">
        <v>20</v>
      </c>
      <c r="H1533" t="s">
        <v>13</v>
      </c>
    </row>
    <row r="1534" spans="1:8" x14ac:dyDescent="0.25">
      <c r="A1534" s="1">
        <v>45087</v>
      </c>
      <c r="B1534" t="s">
        <v>1197</v>
      </c>
      <c r="C1534" t="s">
        <v>174</v>
      </c>
      <c r="D1534" t="s">
        <v>10</v>
      </c>
      <c r="E1534" t="s">
        <v>11</v>
      </c>
      <c r="F1534" s="2">
        <v>1</v>
      </c>
      <c r="G1534" t="s">
        <v>216</v>
      </c>
      <c r="H1534" t="s">
        <v>13</v>
      </c>
    </row>
    <row r="1535" spans="1:8" x14ac:dyDescent="0.25">
      <c r="A1535" s="1">
        <v>45087</v>
      </c>
      <c r="B1535" t="s">
        <v>1197</v>
      </c>
      <c r="C1535" t="s">
        <v>174</v>
      </c>
      <c r="D1535" t="s">
        <v>10</v>
      </c>
      <c r="E1535" t="s">
        <v>11</v>
      </c>
      <c r="F1535" s="2">
        <v>1</v>
      </c>
      <c r="G1535" t="s">
        <v>216</v>
      </c>
      <c r="H1535" t="s">
        <v>13</v>
      </c>
    </row>
    <row r="1536" spans="1:8" x14ac:dyDescent="0.25">
      <c r="A1536" s="1">
        <v>45087</v>
      </c>
      <c r="B1536" t="s">
        <v>1198</v>
      </c>
      <c r="C1536" t="s">
        <v>92</v>
      </c>
      <c r="D1536" t="s">
        <v>10</v>
      </c>
      <c r="E1536" t="s">
        <v>11</v>
      </c>
      <c r="F1536" s="2">
        <v>1</v>
      </c>
      <c r="G1536" t="s">
        <v>910</v>
      </c>
      <c r="H1536" t="s">
        <v>13</v>
      </c>
    </row>
    <row r="1537" spans="1:8" x14ac:dyDescent="0.25">
      <c r="A1537" s="1">
        <v>45087</v>
      </c>
      <c r="B1537" t="s">
        <v>1198</v>
      </c>
      <c r="C1537" t="s">
        <v>174</v>
      </c>
      <c r="D1537" t="s">
        <v>10</v>
      </c>
      <c r="E1537" t="s">
        <v>11</v>
      </c>
      <c r="F1537" s="2">
        <v>1</v>
      </c>
      <c r="G1537" t="s">
        <v>910</v>
      </c>
      <c r="H1537" t="s">
        <v>13</v>
      </c>
    </row>
    <row r="1538" spans="1:8" x14ac:dyDescent="0.25">
      <c r="A1538" s="1">
        <v>45087</v>
      </c>
      <c r="B1538" t="s">
        <v>1199</v>
      </c>
      <c r="C1538" t="s">
        <v>174</v>
      </c>
      <c r="D1538" t="s">
        <v>10</v>
      </c>
      <c r="E1538" t="s">
        <v>11</v>
      </c>
      <c r="F1538" s="2">
        <v>1</v>
      </c>
      <c r="G1538" t="s">
        <v>910</v>
      </c>
      <c r="H1538" t="s">
        <v>13</v>
      </c>
    </row>
    <row r="1539" spans="1:8" x14ac:dyDescent="0.25">
      <c r="A1539" s="1">
        <v>45084</v>
      </c>
      <c r="B1539" t="s">
        <v>1200</v>
      </c>
      <c r="C1539" t="s">
        <v>484</v>
      </c>
      <c r="D1539" t="s">
        <v>10</v>
      </c>
      <c r="E1539" t="s">
        <v>11</v>
      </c>
      <c r="F1539" s="2">
        <v>1</v>
      </c>
      <c r="G1539" t="s">
        <v>135</v>
      </c>
      <c r="H1539" t="s">
        <v>13</v>
      </c>
    </row>
    <row r="1540" spans="1:8" x14ac:dyDescent="0.25">
      <c r="A1540" s="1">
        <v>45084</v>
      </c>
      <c r="B1540" t="s">
        <v>1201</v>
      </c>
      <c r="C1540" t="s">
        <v>92</v>
      </c>
      <c r="D1540" t="s">
        <v>10</v>
      </c>
      <c r="E1540" t="s">
        <v>11</v>
      </c>
      <c r="F1540" s="2">
        <v>1</v>
      </c>
      <c r="G1540" t="s">
        <v>910</v>
      </c>
      <c r="H1540" t="s">
        <v>13</v>
      </c>
    </row>
    <row r="1541" spans="1:8" x14ac:dyDescent="0.25">
      <c r="A1541" s="1">
        <v>45083</v>
      </c>
      <c r="B1541" t="s">
        <v>1202</v>
      </c>
      <c r="C1541" t="s">
        <v>9</v>
      </c>
      <c r="D1541" t="s">
        <v>10</v>
      </c>
      <c r="E1541" t="s">
        <v>11</v>
      </c>
      <c r="F1541" s="2">
        <v>1</v>
      </c>
      <c r="G1541" t="s">
        <v>279</v>
      </c>
      <c r="H1541" t="s">
        <v>13</v>
      </c>
    </row>
    <row r="1542" spans="1:8" x14ac:dyDescent="0.25">
      <c r="A1542" s="1">
        <v>45083</v>
      </c>
      <c r="B1542" t="s">
        <v>1202</v>
      </c>
      <c r="C1542" t="s">
        <v>47</v>
      </c>
      <c r="D1542" t="s">
        <v>10</v>
      </c>
      <c r="E1542" t="s">
        <v>11</v>
      </c>
      <c r="F1542" s="2">
        <v>1</v>
      </c>
      <c r="G1542" t="s">
        <v>279</v>
      </c>
      <c r="H1542" t="s">
        <v>13</v>
      </c>
    </row>
    <row r="1543" spans="1:8" x14ac:dyDescent="0.25">
      <c r="A1543" s="1">
        <v>45082</v>
      </c>
      <c r="B1543" t="s">
        <v>1203</v>
      </c>
      <c r="C1543" t="s">
        <v>79</v>
      </c>
      <c r="D1543" t="s">
        <v>10</v>
      </c>
      <c r="E1543" t="s">
        <v>11</v>
      </c>
      <c r="F1543" s="2">
        <v>1</v>
      </c>
      <c r="G1543" t="s">
        <v>67</v>
      </c>
      <c r="H1543" t="s">
        <v>13</v>
      </c>
    </row>
    <row r="1544" spans="1:8" x14ac:dyDescent="0.25">
      <c r="A1544" s="1">
        <v>45082</v>
      </c>
      <c r="B1544" t="s">
        <v>1203</v>
      </c>
      <c r="C1544" t="s">
        <v>80</v>
      </c>
      <c r="D1544" t="s">
        <v>10</v>
      </c>
      <c r="E1544" t="s">
        <v>11</v>
      </c>
      <c r="F1544" s="2">
        <v>1</v>
      </c>
      <c r="G1544" t="s">
        <v>67</v>
      </c>
      <c r="H1544" t="s">
        <v>13</v>
      </c>
    </row>
    <row r="1545" spans="1:8" x14ac:dyDescent="0.25">
      <c r="A1545" s="1">
        <v>45082</v>
      </c>
      <c r="B1545" t="s">
        <v>1204</v>
      </c>
      <c r="C1545" t="s">
        <v>92</v>
      </c>
      <c r="D1545" t="s">
        <v>10</v>
      </c>
      <c r="E1545" t="s">
        <v>11</v>
      </c>
      <c r="F1545" s="2">
        <v>1</v>
      </c>
      <c r="G1545" t="s">
        <v>910</v>
      </c>
      <c r="H1545" t="s">
        <v>13</v>
      </c>
    </row>
    <row r="1546" spans="1:8" x14ac:dyDescent="0.25">
      <c r="A1546" s="1">
        <v>45081</v>
      </c>
      <c r="B1546" t="s">
        <v>1205</v>
      </c>
      <c r="C1546" t="s">
        <v>271</v>
      </c>
      <c r="D1546" t="s">
        <v>10</v>
      </c>
      <c r="E1546" t="s">
        <v>11</v>
      </c>
      <c r="F1546" s="2">
        <v>1</v>
      </c>
      <c r="G1546" t="s">
        <v>20</v>
      </c>
      <c r="H1546" t="s">
        <v>13</v>
      </c>
    </row>
    <row r="1547" spans="1:8" x14ac:dyDescent="0.25">
      <c r="A1547" s="1">
        <v>45081</v>
      </c>
      <c r="B1547" t="s">
        <v>1206</v>
      </c>
      <c r="C1547" t="s">
        <v>413</v>
      </c>
      <c r="D1547" t="s">
        <v>10</v>
      </c>
      <c r="E1547" t="s">
        <v>11</v>
      </c>
      <c r="F1547" s="2">
        <v>1</v>
      </c>
      <c r="G1547" t="s">
        <v>1207</v>
      </c>
      <c r="H1547" t="s">
        <v>13</v>
      </c>
    </row>
    <row r="1548" spans="1:8" x14ac:dyDescent="0.25">
      <c r="A1548" s="1">
        <v>45080</v>
      </c>
      <c r="B1548" t="s">
        <v>1208</v>
      </c>
      <c r="C1548" t="s">
        <v>9</v>
      </c>
      <c r="D1548" t="s">
        <v>10</v>
      </c>
      <c r="E1548" t="s">
        <v>11</v>
      </c>
      <c r="F1548" s="2">
        <v>1</v>
      </c>
      <c r="G1548" t="s">
        <v>1209</v>
      </c>
      <c r="H1548" t="s">
        <v>13</v>
      </c>
    </row>
    <row r="1549" spans="1:8" x14ac:dyDescent="0.25">
      <c r="A1549" s="1">
        <v>45080</v>
      </c>
      <c r="B1549" t="s">
        <v>1208</v>
      </c>
      <c r="C1549" t="s">
        <v>29</v>
      </c>
      <c r="D1549" t="s">
        <v>10</v>
      </c>
      <c r="E1549" t="s">
        <v>11</v>
      </c>
      <c r="F1549" s="2">
        <v>1</v>
      </c>
      <c r="G1549" t="s">
        <v>1209</v>
      </c>
      <c r="H1549" t="s">
        <v>13</v>
      </c>
    </row>
    <row r="1550" spans="1:8" x14ac:dyDescent="0.25">
      <c r="A1550" s="1">
        <v>45080</v>
      </c>
      <c r="B1550" t="s">
        <v>1208</v>
      </c>
      <c r="C1550" t="s">
        <v>35</v>
      </c>
      <c r="D1550" t="s">
        <v>10</v>
      </c>
      <c r="E1550" t="s">
        <v>11</v>
      </c>
      <c r="F1550" s="2">
        <v>1</v>
      </c>
      <c r="G1550" t="s">
        <v>1209</v>
      </c>
      <c r="H1550" t="s">
        <v>13</v>
      </c>
    </row>
    <row r="1551" spans="1:8" x14ac:dyDescent="0.25">
      <c r="A1551" s="1">
        <v>45079</v>
      </c>
      <c r="B1551" t="s">
        <v>1210</v>
      </c>
      <c r="C1551" t="s">
        <v>96</v>
      </c>
      <c r="D1551" t="s">
        <v>10</v>
      </c>
      <c r="E1551" t="s">
        <v>11</v>
      </c>
      <c r="F1551" s="2">
        <v>1</v>
      </c>
      <c r="G1551" t="s">
        <v>46</v>
      </c>
      <c r="H1551" t="s">
        <v>13</v>
      </c>
    </row>
    <row r="1552" spans="1:8" x14ac:dyDescent="0.25">
      <c r="A1552" s="1">
        <v>45079</v>
      </c>
      <c r="B1552" t="s">
        <v>1211</v>
      </c>
      <c r="C1552" t="s">
        <v>9</v>
      </c>
      <c r="D1552" t="s">
        <v>10</v>
      </c>
      <c r="E1552" t="s">
        <v>11</v>
      </c>
      <c r="F1552" s="2">
        <v>1</v>
      </c>
      <c r="G1552" t="s">
        <v>181</v>
      </c>
      <c r="H1552" t="s">
        <v>13</v>
      </c>
    </row>
    <row r="1553" spans="1:8" x14ac:dyDescent="0.25">
      <c r="A1553" s="1">
        <v>45079</v>
      </c>
      <c r="B1553" t="s">
        <v>1212</v>
      </c>
      <c r="C1553" t="s">
        <v>174</v>
      </c>
      <c r="D1553" t="s">
        <v>10</v>
      </c>
      <c r="E1553" t="s">
        <v>11</v>
      </c>
      <c r="F1553" s="2">
        <v>1</v>
      </c>
      <c r="G1553" t="s">
        <v>100</v>
      </c>
      <c r="H1553" t="s">
        <v>13</v>
      </c>
    </row>
    <row r="1554" spans="1:8" x14ac:dyDescent="0.25">
      <c r="A1554" s="1">
        <v>45078</v>
      </c>
      <c r="B1554" t="s">
        <v>1213</v>
      </c>
      <c r="C1554" t="s">
        <v>19</v>
      </c>
      <c r="D1554" t="s">
        <v>10</v>
      </c>
      <c r="E1554" t="s">
        <v>11</v>
      </c>
      <c r="F1554" s="2">
        <v>1</v>
      </c>
      <c r="G1554" t="s">
        <v>135</v>
      </c>
      <c r="H1554" t="s">
        <v>13</v>
      </c>
    </row>
    <row r="1555" spans="1:8" x14ac:dyDescent="0.25">
      <c r="A1555" s="1">
        <v>45078</v>
      </c>
      <c r="B1555" t="s">
        <v>1214</v>
      </c>
      <c r="C1555" t="s">
        <v>79</v>
      </c>
      <c r="D1555" t="s">
        <v>10</v>
      </c>
      <c r="E1555" t="s">
        <v>11</v>
      </c>
      <c r="F1555" s="2">
        <v>1</v>
      </c>
      <c r="G1555" t="s">
        <v>111</v>
      </c>
      <c r="H1555" t="s">
        <v>13</v>
      </c>
    </row>
    <row r="1556" spans="1:8" x14ac:dyDescent="0.25">
      <c r="A1556" s="1">
        <v>45078</v>
      </c>
      <c r="B1556" t="s">
        <v>1214</v>
      </c>
      <c r="C1556" t="s">
        <v>80</v>
      </c>
      <c r="D1556" t="s">
        <v>10</v>
      </c>
      <c r="E1556" t="s">
        <v>11</v>
      </c>
      <c r="F1556" s="2">
        <v>1</v>
      </c>
      <c r="G1556" t="s">
        <v>111</v>
      </c>
      <c r="H1556" t="s">
        <v>13</v>
      </c>
    </row>
    <row r="1557" spans="1:8" x14ac:dyDescent="0.25">
      <c r="A1557" s="1">
        <v>45077</v>
      </c>
      <c r="B1557" t="s">
        <v>1215</v>
      </c>
      <c r="C1557" t="s">
        <v>118</v>
      </c>
      <c r="D1557" t="s">
        <v>10</v>
      </c>
      <c r="E1557" t="s">
        <v>11</v>
      </c>
      <c r="F1557" s="2">
        <v>1</v>
      </c>
      <c r="G1557" t="s">
        <v>571</v>
      </c>
      <c r="H1557" t="s">
        <v>13</v>
      </c>
    </row>
    <row r="1558" spans="1:8" x14ac:dyDescent="0.25">
      <c r="A1558" s="1">
        <v>45075</v>
      </c>
      <c r="B1558" t="s">
        <v>1216</v>
      </c>
      <c r="C1558" t="s">
        <v>16</v>
      </c>
      <c r="D1558" t="s">
        <v>10</v>
      </c>
      <c r="E1558" t="s">
        <v>11</v>
      </c>
      <c r="F1558" s="2">
        <v>1</v>
      </c>
      <c r="G1558" t="s">
        <v>100</v>
      </c>
      <c r="H1558" t="s">
        <v>13</v>
      </c>
    </row>
    <row r="1559" spans="1:8" x14ac:dyDescent="0.25">
      <c r="A1559" s="1">
        <v>45075</v>
      </c>
      <c r="B1559" t="s">
        <v>1216</v>
      </c>
      <c r="C1559" t="s">
        <v>1082</v>
      </c>
      <c r="D1559" t="s">
        <v>10</v>
      </c>
      <c r="E1559" t="s">
        <v>11</v>
      </c>
      <c r="F1559" s="2">
        <v>1</v>
      </c>
      <c r="G1559" t="s">
        <v>100</v>
      </c>
      <c r="H1559" t="s">
        <v>13</v>
      </c>
    </row>
    <row r="1560" spans="1:8" x14ac:dyDescent="0.25">
      <c r="A1560" s="1">
        <v>45075</v>
      </c>
      <c r="B1560" t="s">
        <v>1217</v>
      </c>
      <c r="C1560" t="s">
        <v>79</v>
      </c>
      <c r="D1560" t="s">
        <v>10</v>
      </c>
      <c r="E1560" t="s">
        <v>11</v>
      </c>
      <c r="F1560" s="2">
        <v>1</v>
      </c>
      <c r="G1560" t="s">
        <v>710</v>
      </c>
      <c r="H1560" t="s">
        <v>13</v>
      </c>
    </row>
    <row r="1561" spans="1:8" x14ac:dyDescent="0.25">
      <c r="A1561" s="1">
        <v>45075</v>
      </c>
      <c r="B1561" t="s">
        <v>1217</v>
      </c>
      <c r="C1561" t="s">
        <v>80</v>
      </c>
      <c r="D1561" t="s">
        <v>10</v>
      </c>
      <c r="E1561" t="s">
        <v>11</v>
      </c>
      <c r="F1561" s="2">
        <v>1</v>
      </c>
      <c r="G1561" t="s">
        <v>710</v>
      </c>
      <c r="H1561" t="s">
        <v>13</v>
      </c>
    </row>
    <row r="1562" spans="1:8" x14ac:dyDescent="0.25">
      <c r="A1562" s="1">
        <v>45075</v>
      </c>
      <c r="B1562" t="s">
        <v>1218</v>
      </c>
      <c r="C1562" t="s">
        <v>50</v>
      </c>
      <c r="D1562" t="s">
        <v>10</v>
      </c>
      <c r="E1562" t="s">
        <v>11</v>
      </c>
      <c r="F1562" s="2">
        <v>1</v>
      </c>
      <c r="G1562" t="s">
        <v>72</v>
      </c>
      <c r="H1562" t="s">
        <v>13</v>
      </c>
    </row>
    <row r="1563" spans="1:8" x14ac:dyDescent="0.25">
      <c r="A1563" s="1">
        <v>45074</v>
      </c>
      <c r="B1563" t="s">
        <v>1219</v>
      </c>
      <c r="C1563" t="s">
        <v>47</v>
      </c>
      <c r="D1563" t="s">
        <v>10</v>
      </c>
      <c r="E1563" t="s">
        <v>11</v>
      </c>
      <c r="F1563" s="2">
        <v>1</v>
      </c>
      <c r="G1563" t="s">
        <v>20</v>
      </c>
      <c r="H1563" t="s">
        <v>13</v>
      </c>
    </row>
    <row r="1564" spans="1:8" x14ac:dyDescent="0.25">
      <c r="A1564" s="1">
        <v>45074</v>
      </c>
      <c r="B1564" t="s">
        <v>1220</v>
      </c>
      <c r="C1564" t="s">
        <v>9</v>
      </c>
      <c r="D1564" t="s">
        <v>10</v>
      </c>
      <c r="E1564" t="s">
        <v>11</v>
      </c>
      <c r="F1564" s="2">
        <v>1</v>
      </c>
      <c r="G1564" t="s">
        <v>20</v>
      </c>
      <c r="H1564" t="s">
        <v>13</v>
      </c>
    </row>
    <row r="1565" spans="1:8" x14ac:dyDescent="0.25">
      <c r="A1565" s="1">
        <v>45074</v>
      </c>
      <c r="B1565" t="s">
        <v>1220</v>
      </c>
      <c r="C1565" t="s">
        <v>29</v>
      </c>
      <c r="D1565" t="s">
        <v>10</v>
      </c>
      <c r="E1565" t="s">
        <v>11</v>
      </c>
      <c r="F1565" s="2">
        <v>1</v>
      </c>
      <c r="G1565" t="s">
        <v>20</v>
      </c>
      <c r="H1565" t="s">
        <v>13</v>
      </c>
    </row>
    <row r="1566" spans="1:8" x14ac:dyDescent="0.25">
      <c r="A1566" s="1">
        <v>45074</v>
      </c>
      <c r="B1566" t="s">
        <v>1220</v>
      </c>
      <c r="C1566" t="s">
        <v>35</v>
      </c>
      <c r="D1566" t="s">
        <v>10</v>
      </c>
      <c r="E1566" t="s">
        <v>11</v>
      </c>
      <c r="F1566" s="2">
        <v>1</v>
      </c>
      <c r="G1566" t="s">
        <v>20</v>
      </c>
      <c r="H1566" t="s">
        <v>13</v>
      </c>
    </row>
    <row r="1567" spans="1:8" x14ac:dyDescent="0.25">
      <c r="A1567" s="1">
        <v>45074</v>
      </c>
      <c r="B1567" t="s">
        <v>1220</v>
      </c>
      <c r="C1567" t="s">
        <v>96</v>
      </c>
      <c r="D1567" t="s">
        <v>10</v>
      </c>
      <c r="E1567" t="s">
        <v>11</v>
      </c>
      <c r="F1567" s="2">
        <v>1</v>
      </c>
      <c r="G1567" t="s">
        <v>20</v>
      </c>
      <c r="H1567" t="s">
        <v>13</v>
      </c>
    </row>
    <row r="1568" spans="1:8" x14ac:dyDescent="0.25">
      <c r="A1568" s="1">
        <v>45073</v>
      </c>
      <c r="B1568" t="s">
        <v>1221</v>
      </c>
      <c r="C1568" t="s">
        <v>271</v>
      </c>
      <c r="D1568" t="s">
        <v>10</v>
      </c>
      <c r="E1568" t="s">
        <v>11</v>
      </c>
      <c r="F1568" s="2">
        <v>1</v>
      </c>
      <c r="G1568" t="s">
        <v>216</v>
      </c>
      <c r="H1568" t="s">
        <v>13</v>
      </c>
    </row>
    <row r="1569" spans="1:8" x14ac:dyDescent="0.25">
      <c r="A1569" s="1">
        <v>45072</v>
      </c>
      <c r="B1569" t="s">
        <v>1222</v>
      </c>
      <c r="C1569" t="s">
        <v>79</v>
      </c>
      <c r="D1569" t="s">
        <v>10</v>
      </c>
      <c r="E1569" t="s">
        <v>11</v>
      </c>
      <c r="F1569" s="2">
        <v>1</v>
      </c>
      <c r="G1569" t="s">
        <v>1223</v>
      </c>
      <c r="H1569" t="s">
        <v>13</v>
      </c>
    </row>
    <row r="1570" spans="1:8" x14ac:dyDescent="0.25">
      <c r="A1570" s="1">
        <v>45072</v>
      </c>
      <c r="B1570" t="s">
        <v>1222</v>
      </c>
      <c r="C1570" t="s">
        <v>870</v>
      </c>
      <c r="D1570" t="s">
        <v>10</v>
      </c>
      <c r="E1570" t="s">
        <v>11</v>
      </c>
      <c r="F1570" s="2">
        <v>1</v>
      </c>
      <c r="G1570" t="s">
        <v>1223</v>
      </c>
      <c r="H1570" t="s">
        <v>13</v>
      </c>
    </row>
    <row r="1571" spans="1:8" x14ac:dyDescent="0.25">
      <c r="A1571" s="1">
        <v>45070</v>
      </c>
      <c r="B1571" t="s">
        <v>1224</v>
      </c>
      <c r="C1571" t="s">
        <v>1054</v>
      </c>
      <c r="D1571" t="s">
        <v>10</v>
      </c>
      <c r="E1571" t="s">
        <v>11</v>
      </c>
      <c r="F1571" s="2">
        <v>1</v>
      </c>
      <c r="G1571" t="s">
        <v>40</v>
      </c>
      <c r="H1571" t="s">
        <v>13</v>
      </c>
    </row>
    <row r="1572" spans="1:8" x14ac:dyDescent="0.25">
      <c r="A1572" s="1">
        <v>45070</v>
      </c>
      <c r="B1572" t="s">
        <v>1224</v>
      </c>
      <c r="C1572" t="s">
        <v>269</v>
      </c>
      <c r="D1572" t="s">
        <v>10</v>
      </c>
      <c r="E1572" t="s">
        <v>11</v>
      </c>
      <c r="F1572" s="2">
        <v>1</v>
      </c>
      <c r="G1572" t="s">
        <v>40</v>
      </c>
      <c r="H1572" t="s">
        <v>13</v>
      </c>
    </row>
    <row r="1573" spans="1:8" x14ac:dyDescent="0.25">
      <c r="A1573" s="1">
        <v>45070</v>
      </c>
      <c r="B1573" t="s">
        <v>1225</v>
      </c>
      <c r="C1573" t="s">
        <v>19</v>
      </c>
      <c r="D1573" t="s">
        <v>10</v>
      </c>
      <c r="E1573" t="s">
        <v>11</v>
      </c>
      <c r="F1573" s="2">
        <v>1</v>
      </c>
      <c r="G1573" t="s">
        <v>46</v>
      </c>
      <c r="H1573" t="s">
        <v>13</v>
      </c>
    </row>
    <row r="1574" spans="1:8" x14ac:dyDescent="0.25">
      <c r="A1574" s="1">
        <v>45070</v>
      </c>
      <c r="B1574" t="s">
        <v>1225</v>
      </c>
      <c r="C1574" t="s">
        <v>9</v>
      </c>
      <c r="D1574" t="s">
        <v>10</v>
      </c>
      <c r="E1574" t="s">
        <v>11</v>
      </c>
      <c r="F1574" s="2">
        <v>1</v>
      </c>
      <c r="G1574" t="s">
        <v>46</v>
      </c>
      <c r="H1574" t="s">
        <v>13</v>
      </c>
    </row>
    <row r="1575" spans="1:8" x14ac:dyDescent="0.25">
      <c r="A1575" s="1">
        <v>45070</v>
      </c>
      <c r="B1575" t="s">
        <v>1225</v>
      </c>
      <c r="C1575" t="s">
        <v>35</v>
      </c>
      <c r="D1575" t="s">
        <v>10</v>
      </c>
      <c r="E1575" t="s">
        <v>11</v>
      </c>
      <c r="F1575" s="2">
        <v>1</v>
      </c>
      <c r="G1575" t="s">
        <v>46</v>
      </c>
      <c r="H1575" t="s">
        <v>13</v>
      </c>
    </row>
    <row r="1576" spans="1:8" x14ac:dyDescent="0.25">
      <c r="A1576" s="1">
        <v>45070</v>
      </c>
      <c r="B1576" t="s">
        <v>1225</v>
      </c>
      <c r="C1576" t="s">
        <v>14</v>
      </c>
      <c r="D1576" t="s">
        <v>10</v>
      </c>
      <c r="E1576" t="s">
        <v>11</v>
      </c>
      <c r="F1576" s="2">
        <v>1</v>
      </c>
      <c r="G1576" t="s">
        <v>46</v>
      </c>
      <c r="H1576" t="s">
        <v>13</v>
      </c>
    </row>
    <row r="1577" spans="1:8" x14ac:dyDescent="0.25">
      <c r="A1577" s="1">
        <v>45069</v>
      </c>
      <c r="B1577" t="s">
        <v>1226</v>
      </c>
      <c r="C1577" t="s">
        <v>9</v>
      </c>
      <c r="D1577" t="s">
        <v>10</v>
      </c>
      <c r="E1577" t="s">
        <v>11</v>
      </c>
      <c r="F1577" s="2">
        <v>1</v>
      </c>
      <c r="G1577" t="s">
        <v>24</v>
      </c>
      <c r="H1577" t="s">
        <v>13</v>
      </c>
    </row>
    <row r="1578" spans="1:8" x14ac:dyDescent="0.25">
      <c r="A1578" s="1">
        <v>45068</v>
      </c>
      <c r="B1578" t="s">
        <v>1227</v>
      </c>
      <c r="C1578" t="s">
        <v>79</v>
      </c>
      <c r="D1578" t="s">
        <v>10</v>
      </c>
      <c r="E1578" t="s">
        <v>11</v>
      </c>
      <c r="F1578" s="2">
        <v>1</v>
      </c>
      <c r="G1578" t="s">
        <v>181</v>
      </c>
      <c r="H1578" t="s">
        <v>13</v>
      </c>
    </row>
    <row r="1579" spans="1:8" x14ac:dyDescent="0.25">
      <c r="A1579" s="1">
        <v>45068</v>
      </c>
      <c r="B1579" t="s">
        <v>1227</v>
      </c>
      <c r="C1579" t="s">
        <v>80</v>
      </c>
      <c r="D1579" t="s">
        <v>10</v>
      </c>
      <c r="E1579" t="s">
        <v>11</v>
      </c>
      <c r="F1579" s="2">
        <v>1</v>
      </c>
      <c r="G1579" t="s">
        <v>181</v>
      </c>
      <c r="H1579" t="s">
        <v>13</v>
      </c>
    </row>
    <row r="1580" spans="1:8" x14ac:dyDescent="0.25">
      <c r="A1580" s="1">
        <v>45066</v>
      </c>
      <c r="B1580" t="s">
        <v>1228</v>
      </c>
      <c r="C1580" t="s">
        <v>9</v>
      </c>
      <c r="D1580" t="s">
        <v>10</v>
      </c>
      <c r="E1580" t="s">
        <v>11</v>
      </c>
      <c r="F1580" s="2">
        <v>1</v>
      </c>
      <c r="G1580" t="s">
        <v>20</v>
      </c>
      <c r="H1580" t="s">
        <v>13</v>
      </c>
    </row>
    <row r="1581" spans="1:8" x14ac:dyDescent="0.25">
      <c r="A1581" s="1">
        <v>45066</v>
      </c>
      <c r="B1581" t="s">
        <v>1229</v>
      </c>
      <c r="C1581" t="s">
        <v>9</v>
      </c>
      <c r="D1581" t="s">
        <v>10</v>
      </c>
      <c r="E1581" t="s">
        <v>11</v>
      </c>
      <c r="F1581" s="2">
        <v>1</v>
      </c>
      <c r="G1581" t="s">
        <v>1230</v>
      </c>
      <c r="H1581" t="s">
        <v>13</v>
      </c>
    </row>
    <row r="1582" spans="1:8" x14ac:dyDescent="0.25">
      <c r="A1582" s="1">
        <v>45066</v>
      </c>
      <c r="B1582" t="s">
        <v>1231</v>
      </c>
      <c r="C1582" t="s">
        <v>9</v>
      </c>
      <c r="D1582" t="s">
        <v>10</v>
      </c>
      <c r="E1582" t="s">
        <v>11</v>
      </c>
      <c r="F1582" s="2">
        <v>1</v>
      </c>
      <c r="G1582" t="s">
        <v>63</v>
      </c>
      <c r="H1582" t="s">
        <v>13</v>
      </c>
    </row>
    <row r="1583" spans="1:8" x14ac:dyDescent="0.25">
      <c r="A1583" s="1">
        <v>45066</v>
      </c>
      <c r="B1583" t="s">
        <v>1231</v>
      </c>
      <c r="C1583" t="s">
        <v>35</v>
      </c>
      <c r="D1583" t="s">
        <v>10</v>
      </c>
      <c r="E1583" t="s">
        <v>11</v>
      </c>
      <c r="F1583" s="2">
        <v>1</v>
      </c>
      <c r="G1583" t="s">
        <v>63</v>
      </c>
      <c r="H1583" t="s">
        <v>13</v>
      </c>
    </row>
    <row r="1584" spans="1:8" x14ac:dyDescent="0.25">
      <c r="A1584" s="1">
        <v>45065</v>
      </c>
      <c r="B1584" t="s">
        <v>1232</v>
      </c>
      <c r="C1584" t="s">
        <v>47</v>
      </c>
      <c r="D1584" t="s">
        <v>10</v>
      </c>
      <c r="E1584" t="s">
        <v>11</v>
      </c>
      <c r="F1584" s="2">
        <v>1</v>
      </c>
      <c r="G1584" t="s">
        <v>492</v>
      </c>
      <c r="H1584" t="s">
        <v>13</v>
      </c>
    </row>
    <row r="1585" spans="1:8" x14ac:dyDescent="0.25">
      <c r="A1585" s="1">
        <v>45064</v>
      </c>
      <c r="B1585" t="s">
        <v>1233</v>
      </c>
      <c r="C1585" t="s">
        <v>174</v>
      </c>
      <c r="D1585" t="s">
        <v>10</v>
      </c>
      <c r="E1585" t="s">
        <v>11</v>
      </c>
      <c r="F1585" s="2">
        <v>1</v>
      </c>
      <c r="G1585" t="s">
        <v>1234</v>
      </c>
      <c r="H1585" t="s">
        <v>13</v>
      </c>
    </row>
    <row r="1586" spans="1:8" x14ac:dyDescent="0.25">
      <c r="A1586" s="1">
        <v>45063</v>
      </c>
      <c r="B1586" t="s">
        <v>1235</v>
      </c>
      <c r="C1586" t="s">
        <v>9</v>
      </c>
      <c r="D1586" t="s">
        <v>10</v>
      </c>
      <c r="E1586" t="s">
        <v>11</v>
      </c>
      <c r="F1586" s="2">
        <v>1</v>
      </c>
      <c r="G1586" t="s">
        <v>20</v>
      </c>
      <c r="H1586" t="s">
        <v>13</v>
      </c>
    </row>
    <row r="1587" spans="1:8" x14ac:dyDescent="0.25">
      <c r="A1587" s="1">
        <v>45063</v>
      </c>
      <c r="B1587" t="s">
        <v>1235</v>
      </c>
      <c r="C1587" t="s">
        <v>1236</v>
      </c>
      <c r="D1587" t="s">
        <v>10</v>
      </c>
      <c r="E1587" t="s">
        <v>11</v>
      </c>
      <c r="F1587" s="2">
        <v>1</v>
      </c>
      <c r="G1587" t="s">
        <v>20</v>
      </c>
      <c r="H1587" t="s">
        <v>13</v>
      </c>
    </row>
    <row r="1588" spans="1:8" x14ac:dyDescent="0.25">
      <c r="A1588" s="1">
        <v>45063</v>
      </c>
      <c r="B1588" t="s">
        <v>1235</v>
      </c>
      <c r="C1588" t="s">
        <v>47</v>
      </c>
      <c r="D1588" t="s">
        <v>10</v>
      </c>
      <c r="E1588" t="s">
        <v>11</v>
      </c>
      <c r="F1588" s="2">
        <v>1</v>
      </c>
      <c r="G1588" t="s">
        <v>20</v>
      </c>
      <c r="H1588" t="s">
        <v>13</v>
      </c>
    </row>
    <row r="1589" spans="1:8" x14ac:dyDescent="0.25">
      <c r="A1589" s="1">
        <v>45063</v>
      </c>
      <c r="B1589" t="s">
        <v>1235</v>
      </c>
      <c r="C1589" t="s">
        <v>622</v>
      </c>
      <c r="D1589" t="s">
        <v>10</v>
      </c>
      <c r="E1589" t="s">
        <v>11</v>
      </c>
      <c r="F1589" s="2">
        <v>1</v>
      </c>
      <c r="G1589" t="s">
        <v>20</v>
      </c>
      <c r="H1589" t="s">
        <v>13</v>
      </c>
    </row>
    <row r="1590" spans="1:8" x14ac:dyDescent="0.25">
      <c r="A1590" s="1">
        <v>45063</v>
      </c>
      <c r="B1590" t="s">
        <v>1237</v>
      </c>
      <c r="C1590" t="s">
        <v>79</v>
      </c>
      <c r="D1590" t="s">
        <v>10</v>
      </c>
      <c r="E1590" t="s">
        <v>11</v>
      </c>
      <c r="F1590" s="2">
        <v>1</v>
      </c>
      <c r="G1590" t="s">
        <v>37</v>
      </c>
      <c r="H1590" t="s">
        <v>13</v>
      </c>
    </row>
    <row r="1591" spans="1:8" x14ac:dyDescent="0.25">
      <c r="A1591" s="1">
        <v>45063</v>
      </c>
      <c r="B1591" t="s">
        <v>1237</v>
      </c>
      <c r="C1591" t="s">
        <v>80</v>
      </c>
      <c r="D1591" t="s">
        <v>10</v>
      </c>
      <c r="E1591" t="s">
        <v>11</v>
      </c>
      <c r="F1591" s="2">
        <v>1</v>
      </c>
      <c r="G1591" t="s">
        <v>37</v>
      </c>
      <c r="H1591" t="s">
        <v>13</v>
      </c>
    </row>
    <row r="1592" spans="1:8" x14ac:dyDescent="0.25">
      <c r="A1592" s="1">
        <v>45063</v>
      </c>
      <c r="B1592" t="s">
        <v>1238</v>
      </c>
      <c r="C1592" t="s">
        <v>9</v>
      </c>
      <c r="D1592" t="s">
        <v>10</v>
      </c>
      <c r="E1592" t="s">
        <v>11</v>
      </c>
      <c r="F1592" s="2">
        <v>1</v>
      </c>
      <c r="G1592" t="s">
        <v>20</v>
      </c>
      <c r="H1592" t="s">
        <v>13</v>
      </c>
    </row>
    <row r="1593" spans="1:8" x14ac:dyDescent="0.25">
      <c r="A1593" s="1">
        <v>45063</v>
      </c>
      <c r="B1593" t="s">
        <v>1238</v>
      </c>
      <c r="C1593" t="s">
        <v>28</v>
      </c>
      <c r="D1593" t="s">
        <v>10</v>
      </c>
      <c r="E1593" t="s">
        <v>11</v>
      </c>
      <c r="F1593" s="2">
        <v>1</v>
      </c>
      <c r="G1593" t="s">
        <v>20</v>
      </c>
      <c r="H1593" t="s">
        <v>13</v>
      </c>
    </row>
    <row r="1594" spans="1:8" x14ac:dyDescent="0.25">
      <c r="A1594" s="1">
        <v>45063</v>
      </c>
      <c r="B1594" t="s">
        <v>1238</v>
      </c>
      <c r="C1594" t="s">
        <v>35</v>
      </c>
      <c r="D1594" t="s">
        <v>10</v>
      </c>
      <c r="E1594" t="s">
        <v>11</v>
      </c>
      <c r="F1594" s="2">
        <v>1</v>
      </c>
      <c r="G1594" t="s">
        <v>20</v>
      </c>
      <c r="H1594" t="s">
        <v>13</v>
      </c>
    </row>
    <row r="1595" spans="1:8" x14ac:dyDescent="0.25">
      <c r="A1595" s="1">
        <v>45062</v>
      </c>
      <c r="B1595" t="s">
        <v>1239</v>
      </c>
      <c r="C1595" t="s">
        <v>271</v>
      </c>
      <c r="D1595" t="s">
        <v>10</v>
      </c>
      <c r="E1595" t="s">
        <v>11</v>
      </c>
      <c r="F1595" s="2">
        <v>1</v>
      </c>
      <c r="G1595" t="s">
        <v>100</v>
      </c>
      <c r="H1595" t="s">
        <v>13</v>
      </c>
    </row>
    <row r="1596" spans="1:8" x14ac:dyDescent="0.25">
      <c r="A1596" s="1">
        <v>45062</v>
      </c>
      <c r="B1596" t="s">
        <v>1240</v>
      </c>
      <c r="C1596" t="s">
        <v>79</v>
      </c>
      <c r="D1596" t="s">
        <v>10</v>
      </c>
      <c r="E1596" t="s">
        <v>11</v>
      </c>
      <c r="F1596" s="2">
        <v>1</v>
      </c>
      <c r="G1596" t="s">
        <v>111</v>
      </c>
      <c r="H1596" t="s">
        <v>13</v>
      </c>
    </row>
    <row r="1597" spans="1:8" x14ac:dyDescent="0.25">
      <c r="A1597" s="1">
        <v>45062</v>
      </c>
      <c r="B1597" t="s">
        <v>1240</v>
      </c>
      <c r="C1597" t="s">
        <v>80</v>
      </c>
      <c r="D1597" t="s">
        <v>10</v>
      </c>
      <c r="E1597" t="s">
        <v>11</v>
      </c>
      <c r="F1597" s="2">
        <v>1</v>
      </c>
      <c r="G1597" t="s">
        <v>111</v>
      </c>
      <c r="H1597" t="s">
        <v>13</v>
      </c>
    </row>
    <row r="1598" spans="1:8" x14ac:dyDescent="0.25">
      <c r="A1598" s="1">
        <v>45062</v>
      </c>
      <c r="B1598" t="s">
        <v>1241</v>
      </c>
      <c r="C1598" t="s">
        <v>9</v>
      </c>
      <c r="D1598" t="s">
        <v>10</v>
      </c>
      <c r="E1598" t="s">
        <v>11</v>
      </c>
      <c r="F1598" s="2">
        <v>1</v>
      </c>
      <c r="G1598" t="s">
        <v>53</v>
      </c>
      <c r="H1598" t="s">
        <v>13</v>
      </c>
    </row>
    <row r="1599" spans="1:8" x14ac:dyDescent="0.25">
      <c r="A1599" s="1">
        <v>45061</v>
      </c>
      <c r="B1599" t="s">
        <v>1242</v>
      </c>
      <c r="C1599" t="s">
        <v>413</v>
      </c>
      <c r="D1599" t="s">
        <v>10</v>
      </c>
      <c r="E1599" t="s">
        <v>11</v>
      </c>
      <c r="F1599" s="2">
        <v>1</v>
      </c>
      <c r="G1599" t="s">
        <v>20</v>
      </c>
      <c r="H1599" t="s">
        <v>13</v>
      </c>
    </row>
    <row r="1600" spans="1:8" x14ac:dyDescent="0.25">
      <c r="A1600" s="1">
        <v>45061</v>
      </c>
      <c r="B1600" t="s">
        <v>1242</v>
      </c>
      <c r="C1600" t="s">
        <v>413</v>
      </c>
      <c r="D1600" t="s">
        <v>10</v>
      </c>
      <c r="E1600" t="s">
        <v>11</v>
      </c>
      <c r="F1600" s="2">
        <v>1</v>
      </c>
      <c r="G1600" t="s">
        <v>20</v>
      </c>
      <c r="H1600" t="s">
        <v>13</v>
      </c>
    </row>
    <row r="1601" spans="1:8" x14ac:dyDescent="0.25">
      <c r="A1601" s="1">
        <v>45060</v>
      </c>
      <c r="B1601" t="s">
        <v>1243</v>
      </c>
      <c r="C1601" t="s">
        <v>9</v>
      </c>
      <c r="D1601" t="s">
        <v>10</v>
      </c>
      <c r="E1601" t="s">
        <v>11</v>
      </c>
      <c r="F1601" s="2">
        <v>1</v>
      </c>
      <c r="G1601" t="s">
        <v>20</v>
      </c>
      <c r="H1601" t="s">
        <v>13</v>
      </c>
    </row>
    <row r="1602" spans="1:8" x14ac:dyDescent="0.25">
      <c r="A1602" s="1">
        <v>45060</v>
      </c>
      <c r="B1602" t="s">
        <v>1243</v>
      </c>
      <c r="C1602" t="s">
        <v>47</v>
      </c>
      <c r="D1602" t="s">
        <v>10</v>
      </c>
      <c r="E1602" t="s">
        <v>11</v>
      </c>
      <c r="F1602" s="2">
        <v>1</v>
      </c>
      <c r="G1602" t="s">
        <v>20</v>
      </c>
      <c r="H1602" t="s">
        <v>13</v>
      </c>
    </row>
    <row r="1603" spans="1:8" x14ac:dyDescent="0.25">
      <c r="A1603" s="1">
        <v>45060</v>
      </c>
      <c r="B1603" t="s">
        <v>1244</v>
      </c>
      <c r="C1603" t="s">
        <v>149</v>
      </c>
      <c r="D1603" t="s">
        <v>10</v>
      </c>
      <c r="E1603" t="s">
        <v>11</v>
      </c>
      <c r="F1603" s="2">
        <v>1</v>
      </c>
      <c r="G1603" t="s">
        <v>306</v>
      </c>
      <c r="H1603" t="s">
        <v>13</v>
      </c>
    </row>
    <row r="1604" spans="1:8" x14ac:dyDescent="0.25">
      <c r="A1604" s="1">
        <v>45060</v>
      </c>
      <c r="B1604" t="s">
        <v>1244</v>
      </c>
      <c r="C1604" t="s">
        <v>610</v>
      </c>
      <c r="D1604" t="s">
        <v>10</v>
      </c>
      <c r="E1604" t="s">
        <v>11</v>
      </c>
      <c r="F1604" s="2">
        <v>1</v>
      </c>
      <c r="G1604" t="s">
        <v>306</v>
      </c>
      <c r="H1604" t="s">
        <v>13</v>
      </c>
    </row>
    <row r="1605" spans="1:8" x14ac:dyDescent="0.25">
      <c r="A1605" s="1">
        <v>45058</v>
      </c>
      <c r="B1605" t="s">
        <v>1245</v>
      </c>
      <c r="C1605" t="s">
        <v>563</v>
      </c>
      <c r="D1605" t="s">
        <v>10</v>
      </c>
      <c r="E1605" t="s">
        <v>11</v>
      </c>
      <c r="F1605" s="2">
        <v>1</v>
      </c>
      <c r="G1605" t="s">
        <v>100</v>
      </c>
      <c r="H1605" t="s">
        <v>13</v>
      </c>
    </row>
    <row r="1606" spans="1:8" x14ac:dyDescent="0.25">
      <c r="A1606" s="1">
        <v>45058</v>
      </c>
      <c r="B1606" t="s">
        <v>1246</v>
      </c>
      <c r="C1606" t="s">
        <v>14</v>
      </c>
      <c r="D1606" t="s">
        <v>10</v>
      </c>
      <c r="E1606" t="s">
        <v>11</v>
      </c>
      <c r="F1606" s="2">
        <v>1</v>
      </c>
      <c r="G1606" t="s">
        <v>100</v>
      </c>
      <c r="H1606" t="s">
        <v>13</v>
      </c>
    </row>
    <row r="1607" spans="1:8" x14ac:dyDescent="0.25">
      <c r="A1607" s="1">
        <v>45058</v>
      </c>
      <c r="B1607" t="s">
        <v>1247</v>
      </c>
      <c r="C1607" t="s">
        <v>35</v>
      </c>
      <c r="D1607" t="s">
        <v>10</v>
      </c>
      <c r="E1607" t="s">
        <v>11</v>
      </c>
      <c r="F1607" s="2">
        <v>1</v>
      </c>
      <c r="G1607" t="s">
        <v>555</v>
      </c>
      <c r="H1607" t="s">
        <v>13</v>
      </c>
    </row>
    <row r="1608" spans="1:8" x14ac:dyDescent="0.25">
      <c r="A1608" s="1">
        <v>45057</v>
      </c>
      <c r="B1608" t="s">
        <v>1248</v>
      </c>
      <c r="C1608" t="s">
        <v>9</v>
      </c>
      <c r="D1608" t="s">
        <v>10</v>
      </c>
      <c r="E1608" t="s">
        <v>11</v>
      </c>
      <c r="F1608" s="2">
        <v>1</v>
      </c>
      <c r="G1608" t="s">
        <v>37</v>
      </c>
      <c r="H1608" t="s">
        <v>13</v>
      </c>
    </row>
    <row r="1609" spans="1:8" x14ac:dyDescent="0.25">
      <c r="A1609" s="1">
        <v>45056</v>
      </c>
      <c r="B1609" t="s">
        <v>1249</v>
      </c>
      <c r="C1609" t="s">
        <v>79</v>
      </c>
      <c r="D1609" t="s">
        <v>10</v>
      </c>
      <c r="E1609" t="s">
        <v>11</v>
      </c>
      <c r="F1609" s="2">
        <v>1</v>
      </c>
      <c r="G1609" t="s">
        <v>1250</v>
      </c>
      <c r="H1609" t="s">
        <v>13</v>
      </c>
    </row>
    <row r="1610" spans="1:8" x14ac:dyDescent="0.25">
      <c r="A1610" s="1">
        <v>45056</v>
      </c>
      <c r="B1610" t="s">
        <v>1249</v>
      </c>
      <c r="C1610" t="s">
        <v>80</v>
      </c>
      <c r="D1610" t="s">
        <v>10</v>
      </c>
      <c r="E1610" t="s">
        <v>11</v>
      </c>
      <c r="F1610" s="2">
        <v>1</v>
      </c>
      <c r="G1610" t="s">
        <v>1250</v>
      </c>
      <c r="H1610" t="s">
        <v>13</v>
      </c>
    </row>
    <row r="1611" spans="1:8" x14ac:dyDescent="0.25">
      <c r="A1611" s="1">
        <v>45056</v>
      </c>
      <c r="B1611" t="s">
        <v>1251</v>
      </c>
      <c r="C1611" t="s">
        <v>9</v>
      </c>
      <c r="D1611" t="s">
        <v>10</v>
      </c>
      <c r="E1611" t="s">
        <v>11</v>
      </c>
      <c r="F1611" s="2">
        <v>1</v>
      </c>
      <c r="G1611" t="s">
        <v>244</v>
      </c>
      <c r="H1611" t="s">
        <v>13</v>
      </c>
    </row>
    <row r="1612" spans="1:8" x14ac:dyDescent="0.25">
      <c r="A1612" s="1">
        <v>45056</v>
      </c>
      <c r="B1612" t="s">
        <v>1251</v>
      </c>
      <c r="C1612" t="s">
        <v>118</v>
      </c>
      <c r="D1612" t="s">
        <v>10</v>
      </c>
      <c r="E1612" t="s">
        <v>11</v>
      </c>
      <c r="F1612" s="2">
        <v>1</v>
      </c>
      <c r="G1612" t="s">
        <v>244</v>
      </c>
      <c r="H1612" t="s">
        <v>13</v>
      </c>
    </row>
    <row r="1613" spans="1:8" x14ac:dyDescent="0.25">
      <c r="A1613" s="1">
        <v>45056</v>
      </c>
      <c r="B1613" t="s">
        <v>1251</v>
      </c>
      <c r="C1613" t="s">
        <v>35</v>
      </c>
      <c r="D1613" t="s">
        <v>10</v>
      </c>
      <c r="E1613" t="s">
        <v>11</v>
      </c>
      <c r="F1613" s="2">
        <v>1</v>
      </c>
      <c r="G1613" t="s">
        <v>244</v>
      </c>
      <c r="H1613" t="s">
        <v>13</v>
      </c>
    </row>
    <row r="1614" spans="1:8" x14ac:dyDescent="0.25">
      <c r="A1614" s="1">
        <v>45056</v>
      </c>
      <c r="B1614" t="s">
        <v>1252</v>
      </c>
      <c r="C1614" t="s">
        <v>9</v>
      </c>
      <c r="D1614" t="s">
        <v>10</v>
      </c>
      <c r="E1614" t="s">
        <v>11</v>
      </c>
      <c r="F1614" s="2">
        <v>1</v>
      </c>
      <c r="G1614" t="s">
        <v>300</v>
      </c>
      <c r="H1614" t="s">
        <v>13</v>
      </c>
    </row>
    <row r="1615" spans="1:8" x14ac:dyDescent="0.25">
      <c r="A1615" s="1">
        <v>45056</v>
      </c>
      <c r="B1615" t="s">
        <v>1253</v>
      </c>
      <c r="C1615" t="s">
        <v>9</v>
      </c>
      <c r="D1615" t="s">
        <v>10</v>
      </c>
      <c r="E1615" t="s">
        <v>11</v>
      </c>
      <c r="F1615" s="2">
        <v>1</v>
      </c>
      <c r="G1615" t="s">
        <v>137</v>
      </c>
      <c r="H1615" t="s">
        <v>13</v>
      </c>
    </row>
    <row r="1616" spans="1:8" x14ac:dyDescent="0.25">
      <c r="A1616" s="1">
        <v>45056</v>
      </c>
      <c r="B1616" t="s">
        <v>1254</v>
      </c>
      <c r="C1616" t="s">
        <v>9</v>
      </c>
      <c r="D1616" t="s">
        <v>10</v>
      </c>
      <c r="E1616" t="s">
        <v>11</v>
      </c>
      <c r="F1616" s="2">
        <v>1</v>
      </c>
      <c r="G1616" t="s">
        <v>318</v>
      </c>
      <c r="H1616" t="s">
        <v>13</v>
      </c>
    </row>
    <row r="1617" spans="1:8" x14ac:dyDescent="0.25">
      <c r="A1617" s="1">
        <v>45055</v>
      </c>
      <c r="B1617" t="s">
        <v>1255</v>
      </c>
      <c r="C1617" t="s">
        <v>174</v>
      </c>
      <c r="D1617" t="s">
        <v>10</v>
      </c>
      <c r="E1617" t="s">
        <v>11</v>
      </c>
      <c r="F1617" s="2">
        <v>1</v>
      </c>
      <c r="G1617" t="s">
        <v>342</v>
      </c>
      <c r="H1617" t="s">
        <v>13</v>
      </c>
    </row>
    <row r="1618" spans="1:8" x14ac:dyDescent="0.25">
      <c r="A1618" s="1">
        <v>45053</v>
      </c>
      <c r="B1618" t="s">
        <v>1256</v>
      </c>
      <c r="C1618" t="s">
        <v>79</v>
      </c>
      <c r="D1618" t="s">
        <v>10</v>
      </c>
      <c r="E1618" t="s">
        <v>11</v>
      </c>
      <c r="F1618" s="2">
        <v>1</v>
      </c>
      <c r="G1618" t="s">
        <v>100</v>
      </c>
      <c r="H1618" t="s">
        <v>13</v>
      </c>
    </row>
    <row r="1619" spans="1:8" x14ac:dyDescent="0.25">
      <c r="A1619" s="1">
        <v>45053</v>
      </c>
      <c r="B1619" t="s">
        <v>1256</v>
      </c>
      <c r="C1619" t="s">
        <v>80</v>
      </c>
      <c r="D1619" t="s">
        <v>10</v>
      </c>
      <c r="E1619" t="s">
        <v>11</v>
      </c>
      <c r="F1619" s="2">
        <v>1</v>
      </c>
      <c r="G1619" t="s">
        <v>100</v>
      </c>
      <c r="H1619" t="s">
        <v>13</v>
      </c>
    </row>
    <row r="1620" spans="1:8" x14ac:dyDescent="0.25">
      <c r="A1620" s="1">
        <v>45053</v>
      </c>
      <c r="B1620" t="s">
        <v>1257</v>
      </c>
      <c r="C1620" t="s">
        <v>149</v>
      </c>
      <c r="D1620" t="s">
        <v>10</v>
      </c>
      <c r="E1620" t="s">
        <v>11</v>
      </c>
      <c r="F1620" s="2">
        <v>1</v>
      </c>
      <c r="G1620" t="s">
        <v>1258</v>
      </c>
      <c r="H1620" t="s">
        <v>13</v>
      </c>
    </row>
    <row r="1621" spans="1:8" x14ac:dyDescent="0.25">
      <c r="A1621" s="1">
        <v>45053</v>
      </c>
      <c r="B1621" t="s">
        <v>1257</v>
      </c>
      <c r="C1621" t="s">
        <v>149</v>
      </c>
      <c r="D1621" t="s">
        <v>10</v>
      </c>
      <c r="E1621" t="s">
        <v>11</v>
      </c>
      <c r="F1621" s="2">
        <v>1</v>
      </c>
      <c r="G1621" t="s">
        <v>1258</v>
      </c>
      <c r="H1621" t="s">
        <v>13</v>
      </c>
    </row>
    <row r="1622" spans="1:8" x14ac:dyDescent="0.25">
      <c r="A1622" s="1">
        <v>45053</v>
      </c>
      <c r="B1622" t="s">
        <v>1257</v>
      </c>
      <c r="C1622" t="s">
        <v>379</v>
      </c>
      <c r="D1622" t="s">
        <v>10</v>
      </c>
      <c r="E1622" t="s">
        <v>11</v>
      </c>
      <c r="F1622" s="2">
        <v>1</v>
      </c>
      <c r="G1622" t="s">
        <v>1258</v>
      </c>
      <c r="H1622" t="s">
        <v>13</v>
      </c>
    </row>
    <row r="1623" spans="1:8" x14ac:dyDescent="0.25">
      <c r="A1623" s="1">
        <v>45053</v>
      </c>
      <c r="B1623" t="s">
        <v>1257</v>
      </c>
      <c r="C1623" t="s">
        <v>379</v>
      </c>
      <c r="D1623" t="s">
        <v>10</v>
      </c>
      <c r="E1623" t="s">
        <v>11</v>
      </c>
      <c r="F1623" s="2">
        <v>1</v>
      </c>
      <c r="G1623" t="s">
        <v>1258</v>
      </c>
      <c r="H1623" t="s">
        <v>13</v>
      </c>
    </row>
    <row r="1624" spans="1:8" x14ac:dyDescent="0.25">
      <c r="A1624" s="1">
        <v>45053</v>
      </c>
      <c r="B1624" t="s">
        <v>1257</v>
      </c>
      <c r="C1624" t="s">
        <v>199</v>
      </c>
      <c r="D1624" t="s">
        <v>10</v>
      </c>
      <c r="E1624" t="s">
        <v>11</v>
      </c>
      <c r="F1624" s="2">
        <v>1</v>
      </c>
      <c r="G1624" t="s">
        <v>1258</v>
      </c>
      <c r="H1624" t="s">
        <v>13</v>
      </c>
    </row>
    <row r="1625" spans="1:8" x14ac:dyDescent="0.25">
      <c r="A1625" s="1">
        <v>45053</v>
      </c>
      <c r="B1625" t="s">
        <v>1257</v>
      </c>
      <c r="C1625" t="s">
        <v>199</v>
      </c>
      <c r="D1625" t="s">
        <v>10</v>
      </c>
      <c r="E1625" t="s">
        <v>11</v>
      </c>
      <c r="F1625" s="2">
        <v>1</v>
      </c>
      <c r="G1625" t="s">
        <v>1258</v>
      </c>
      <c r="H1625" t="s">
        <v>13</v>
      </c>
    </row>
    <row r="1626" spans="1:8" x14ac:dyDescent="0.25">
      <c r="A1626" s="1">
        <v>45053</v>
      </c>
      <c r="B1626" t="s">
        <v>1257</v>
      </c>
      <c r="C1626" t="s">
        <v>1259</v>
      </c>
      <c r="D1626" t="s">
        <v>10</v>
      </c>
      <c r="E1626" t="s">
        <v>11</v>
      </c>
      <c r="F1626" s="2">
        <v>1</v>
      </c>
      <c r="G1626" t="s">
        <v>1258</v>
      </c>
      <c r="H1626" t="s">
        <v>13</v>
      </c>
    </row>
    <row r="1627" spans="1:8" x14ac:dyDescent="0.25">
      <c r="A1627" s="1">
        <v>45053</v>
      </c>
      <c r="B1627" t="s">
        <v>1257</v>
      </c>
      <c r="C1627" t="s">
        <v>1259</v>
      </c>
      <c r="D1627" t="s">
        <v>10</v>
      </c>
      <c r="E1627" t="s">
        <v>11</v>
      </c>
      <c r="F1627" s="2">
        <v>1</v>
      </c>
      <c r="G1627" t="s">
        <v>1258</v>
      </c>
      <c r="H1627" t="s">
        <v>13</v>
      </c>
    </row>
    <row r="1628" spans="1:8" x14ac:dyDescent="0.25">
      <c r="A1628" s="1">
        <v>45052</v>
      </c>
      <c r="B1628" t="s">
        <v>1260</v>
      </c>
      <c r="C1628" t="s">
        <v>174</v>
      </c>
      <c r="D1628" t="s">
        <v>10</v>
      </c>
      <c r="E1628" t="s">
        <v>11</v>
      </c>
      <c r="F1628" s="2">
        <v>1</v>
      </c>
      <c r="G1628" t="s">
        <v>553</v>
      </c>
      <c r="H1628" t="s">
        <v>13</v>
      </c>
    </row>
    <row r="1629" spans="1:8" x14ac:dyDescent="0.25">
      <c r="A1629" s="1">
        <v>45051</v>
      </c>
      <c r="B1629" t="s">
        <v>1261</v>
      </c>
      <c r="C1629" t="s">
        <v>379</v>
      </c>
      <c r="D1629" t="s">
        <v>10</v>
      </c>
      <c r="E1629" t="s">
        <v>11</v>
      </c>
      <c r="F1629" s="2">
        <v>1</v>
      </c>
      <c r="G1629" t="s">
        <v>72</v>
      </c>
      <c r="H1629" t="s">
        <v>13</v>
      </c>
    </row>
    <row r="1630" spans="1:8" x14ac:dyDescent="0.25">
      <c r="A1630" s="1">
        <v>45051</v>
      </c>
      <c r="B1630" t="s">
        <v>1262</v>
      </c>
      <c r="C1630" t="s">
        <v>271</v>
      </c>
      <c r="D1630" t="s">
        <v>10</v>
      </c>
      <c r="E1630" t="s">
        <v>11</v>
      </c>
      <c r="F1630" s="2">
        <v>1</v>
      </c>
      <c r="G1630" t="s">
        <v>1263</v>
      </c>
      <c r="H1630" t="s">
        <v>13</v>
      </c>
    </row>
    <row r="1631" spans="1:8" x14ac:dyDescent="0.25">
      <c r="A1631" s="1">
        <v>45050</v>
      </c>
      <c r="B1631" t="s">
        <v>1264</v>
      </c>
      <c r="C1631" t="s">
        <v>9</v>
      </c>
      <c r="D1631" t="s">
        <v>10</v>
      </c>
      <c r="E1631" t="s">
        <v>11</v>
      </c>
      <c r="F1631" s="2">
        <v>1</v>
      </c>
      <c r="G1631" t="s">
        <v>46</v>
      </c>
      <c r="H1631" t="s">
        <v>13</v>
      </c>
    </row>
    <row r="1632" spans="1:8" x14ac:dyDescent="0.25">
      <c r="A1632" s="1">
        <v>45050</v>
      </c>
      <c r="B1632" t="s">
        <v>1265</v>
      </c>
      <c r="C1632" t="s">
        <v>9</v>
      </c>
      <c r="D1632" t="s">
        <v>10</v>
      </c>
      <c r="E1632" t="s">
        <v>11</v>
      </c>
      <c r="F1632" s="2">
        <v>1</v>
      </c>
      <c r="G1632" t="s">
        <v>181</v>
      </c>
      <c r="H1632" t="s">
        <v>13</v>
      </c>
    </row>
    <row r="1633" spans="1:8" x14ac:dyDescent="0.25">
      <c r="A1633" s="1">
        <v>45050</v>
      </c>
      <c r="B1633" t="s">
        <v>1266</v>
      </c>
      <c r="C1633" t="s">
        <v>174</v>
      </c>
      <c r="D1633" t="s">
        <v>10</v>
      </c>
      <c r="E1633" t="s">
        <v>11</v>
      </c>
      <c r="F1633" s="2">
        <v>1</v>
      </c>
      <c r="G1633" t="s">
        <v>765</v>
      </c>
      <c r="H1633" t="s">
        <v>13</v>
      </c>
    </row>
    <row r="1634" spans="1:8" x14ac:dyDescent="0.25">
      <c r="A1634" s="1">
        <v>45049</v>
      </c>
      <c r="B1634" t="s">
        <v>1267</v>
      </c>
      <c r="C1634" t="s">
        <v>14</v>
      </c>
      <c r="D1634" t="s">
        <v>10</v>
      </c>
      <c r="E1634" t="s">
        <v>11</v>
      </c>
      <c r="F1634" s="2">
        <v>1</v>
      </c>
      <c r="G1634" t="s">
        <v>100</v>
      </c>
      <c r="H1634" t="s">
        <v>13</v>
      </c>
    </row>
    <row r="1635" spans="1:8" x14ac:dyDescent="0.25">
      <c r="A1635" s="1">
        <v>45049</v>
      </c>
      <c r="B1635" t="s">
        <v>1268</v>
      </c>
      <c r="C1635" t="s">
        <v>28</v>
      </c>
      <c r="D1635" t="s">
        <v>10</v>
      </c>
      <c r="E1635" t="s">
        <v>11</v>
      </c>
      <c r="F1635" s="2">
        <v>1</v>
      </c>
      <c r="G1635" t="s">
        <v>31</v>
      </c>
      <c r="H1635" t="s">
        <v>13</v>
      </c>
    </row>
    <row r="1636" spans="1:8" x14ac:dyDescent="0.25">
      <c r="A1636" s="1">
        <v>45049</v>
      </c>
      <c r="B1636" t="s">
        <v>1269</v>
      </c>
      <c r="C1636" t="s">
        <v>9</v>
      </c>
      <c r="D1636" t="s">
        <v>10</v>
      </c>
      <c r="E1636" t="s">
        <v>11</v>
      </c>
      <c r="F1636" s="2">
        <v>1</v>
      </c>
      <c r="G1636" t="s">
        <v>1270</v>
      </c>
      <c r="H1636" t="s">
        <v>13</v>
      </c>
    </row>
    <row r="1637" spans="1:8" x14ac:dyDescent="0.25">
      <c r="A1637" s="1">
        <v>45047</v>
      </c>
      <c r="B1637" t="s">
        <v>1271</v>
      </c>
      <c r="C1637" t="s">
        <v>413</v>
      </c>
      <c r="D1637" t="s">
        <v>10</v>
      </c>
      <c r="E1637" t="s">
        <v>11</v>
      </c>
      <c r="F1637" s="2">
        <v>1</v>
      </c>
      <c r="G1637" t="s">
        <v>1272</v>
      </c>
      <c r="H1637" t="s">
        <v>13</v>
      </c>
    </row>
    <row r="1638" spans="1:8" x14ac:dyDescent="0.25">
      <c r="A1638" s="1">
        <v>45046</v>
      </c>
      <c r="B1638" t="s">
        <v>1273</v>
      </c>
      <c r="C1638" t="s">
        <v>47</v>
      </c>
      <c r="D1638" t="s">
        <v>10</v>
      </c>
      <c r="E1638" t="s">
        <v>11</v>
      </c>
      <c r="F1638" s="2">
        <v>1</v>
      </c>
      <c r="G1638" t="s">
        <v>147</v>
      </c>
      <c r="H1638" t="s">
        <v>13</v>
      </c>
    </row>
    <row r="1639" spans="1:8" x14ac:dyDescent="0.25">
      <c r="A1639" s="1">
        <v>45045</v>
      </c>
      <c r="B1639" t="s">
        <v>1274</v>
      </c>
      <c r="C1639" t="s">
        <v>9</v>
      </c>
      <c r="D1639" t="s">
        <v>10</v>
      </c>
      <c r="E1639" t="s">
        <v>11</v>
      </c>
      <c r="F1639" s="2">
        <v>1</v>
      </c>
      <c r="G1639" t="s">
        <v>37</v>
      </c>
      <c r="H1639" t="s">
        <v>13</v>
      </c>
    </row>
    <row r="1640" spans="1:8" x14ac:dyDescent="0.25">
      <c r="A1640" s="1">
        <v>45045</v>
      </c>
      <c r="B1640" t="s">
        <v>1274</v>
      </c>
      <c r="C1640" t="s">
        <v>9</v>
      </c>
      <c r="D1640" t="s">
        <v>10</v>
      </c>
      <c r="E1640" t="s">
        <v>11</v>
      </c>
      <c r="F1640" s="2">
        <v>1</v>
      </c>
      <c r="G1640" t="s">
        <v>37</v>
      </c>
      <c r="H1640" t="s">
        <v>13</v>
      </c>
    </row>
    <row r="1641" spans="1:8" x14ac:dyDescent="0.25">
      <c r="A1641" s="1">
        <v>45045</v>
      </c>
      <c r="B1641" t="s">
        <v>1275</v>
      </c>
      <c r="C1641" t="s">
        <v>47</v>
      </c>
      <c r="D1641" t="s">
        <v>10</v>
      </c>
      <c r="E1641" t="s">
        <v>11</v>
      </c>
      <c r="F1641" s="2">
        <v>1</v>
      </c>
      <c r="G1641" t="s">
        <v>44</v>
      </c>
      <c r="H1641" t="s">
        <v>13</v>
      </c>
    </row>
    <row r="1642" spans="1:8" x14ac:dyDescent="0.25">
      <c r="A1642" s="1">
        <v>45045</v>
      </c>
      <c r="B1642" t="s">
        <v>1276</v>
      </c>
      <c r="C1642" t="s">
        <v>9</v>
      </c>
      <c r="D1642" t="s">
        <v>10</v>
      </c>
      <c r="E1642" t="s">
        <v>11</v>
      </c>
      <c r="F1642" s="2">
        <v>1</v>
      </c>
      <c r="G1642" t="s">
        <v>67</v>
      </c>
      <c r="H1642" t="s">
        <v>13</v>
      </c>
    </row>
    <row r="1643" spans="1:8" x14ac:dyDescent="0.25">
      <c r="A1643" s="1">
        <v>45045</v>
      </c>
      <c r="B1643" t="s">
        <v>1276</v>
      </c>
      <c r="C1643" t="s">
        <v>35</v>
      </c>
      <c r="D1643" t="s">
        <v>10</v>
      </c>
      <c r="E1643" t="s">
        <v>11</v>
      </c>
      <c r="F1643" s="2">
        <v>1</v>
      </c>
      <c r="G1643" t="s">
        <v>67</v>
      </c>
      <c r="H1643" t="s">
        <v>13</v>
      </c>
    </row>
    <row r="1644" spans="1:8" x14ac:dyDescent="0.25">
      <c r="A1644" s="1">
        <v>45045</v>
      </c>
      <c r="B1644" t="s">
        <v>1276</v>
      </c>
      <c r="C1644" t="s">
        <v>47</v>
      </c>
      <c r="D1644" t="s">
        <v>10</v>
      </c>
      <c r="E1644" t="s">
        <v>11</v>
      </c>
      <c r="F1644" s="2">
        <v>1</v>
      </c>
      <c r="G1644" t="s">
        <v>67</v>
      </c>
      <c r="H1644" t="s">
        <v>13</v>
      </c>
    </row>
    <row r="1645" spans="1:8" x14ac:dyDescent="0.25">
      <c r="A1645" s="1">
        <v>45044</v>
      </c>
      <c r="B1645" t="s">
        <v>1277</v>
      </c>
      <c r="C1645" t="s">
        <v>76</v>
      </c>
      <c r="D1645" t="s">
        <v>10</v>
      </c>
      <c r="E1645" t="s">
        <v>11</v>
      </c>
      <c r="F1645" s="2">
        <v>1</v>
      </c>
      <c r="G1645" t="s">
        <v>145</v>
      </c>
      <c r="H1645" t="s">
        <v>13</v>
      </c>
    </row>
    <row r="1646" spans="1:8" x14ac:dyDescent="0.25">
      <c r="A1646" s="1">
        <v>45044</v>
      </c>
      <c r="B1646" t="s">
        <v>1278</v>
      </c>
      <c r="C1646" t="s">
        <v>9</v>
      </c>
      <c r="D1646" t="s">
        <v>10</v>
      </c>
      <c r="E1646" t="s">
        <v>11</v>
      </c>
      <c r="F1646" s="2">
        <v>1</v>
      </c>
      <c r="G1646" t="s">
        <v>100</v>
      </c>
      <c r="H1646" t="s">
        <v>13</v>
      </c>
    </row>
    <row r="1647" spans="1:8" x14ac:dyDescent="0.25">
      <c r="A1647" s="1">
        <v>45043</v>
      </c>
      <c r="B1647" t="s">
        <v>1279</v>
      </c>
      <c r="C1647" t="s">
        <v>16</v>
      </c>
      <c r="D1647" t="s">
        <v>10</v>
      </c>
      <c r="E1647" t="s">
        <v>11</v>
      </c>
      <c r="F1647" s="2">
        <v>1</v>
      </c>
      <c r="G1647" t="s">
        <v>216</v>
      </c>
      <c r="H1647" t="s">
        <v>13</v>
      </c>
    </row>
    <row r="1648" spans="1:8" x14ac:dyDescent="0.25">
      <c r="A1648" s="1">
        <v>45042</v>
      </c>
      <c r="B1648" t="s">
        <v>1280</v>
      </c>
      <c r="C1648" t="s">
        <v>9</v>
      </c>
      <c r="D1648" t="s">
        <v>10</v>
      </c>
      <c r="E1648" t="s">
        <v>11</v>
      </c>
      <c r="F1648" s="2">
        <v>1</v>
      </c>
      <c r="G1648" t="s">
        <v>20</v>
      </c>
      <c r="H1648" t="s">
        <v>13</v>
      </c>
    </row>
    <row r="1649" spans="1:8" x14ac:dyDescent="0.25">
      <c r="A1649" s="1">
        <v>45042</v>
      </c>
      <c r="B1649" t="s">
        <v>1280</v>
      </c>
      <c r="C1649" t="s">
        <v>35</v>
      </c>
      <c r="D1649" t="s">
        <v>10</v>
      </c>
      <c r="E1649" t="s">
        <v>11</v>
      </c>
      <c r="F1649" s="2">
        <v>1</v>
      </c>
      <c r="G1649" t="s">
        <v>20</v>
      </c>
      <c r="H1649" t="s">
        <v>13</v>
      </c>
    </row>
    <row r="1650" spans="1:8" x14ac:dyDescent="0.25">
      <c r="A1650" s="1">
        <v>45042</v>
      </c>
      <c r="B1650" t="s">
        <v>1281</v>
      </c>
      <c r="C1650" t="s">
        <v>9</v>
      </c>
      <c r="D1650" t="s">
        <v>10</v>
      </c>
      <c r="E1650" t="s">
        <v>11</v>
      </c>
      <c r="F1650" s="2">
        <v>1</v>
      </c>
      <c r="G1650" t="s">
        <v>37</v>
      </c>
      <c r="H1650" t="s">
        <v>13</v>
      </c>
    </row>
    <row r="1651" spans="1:8" x14ac:dyDescent="0.25">
      <c r="A1651" s="1">
        <v>45042</v>
      </c>
      <c r="B1651" t="s">
        <v>1281</v>
      </c>
      <c r="C1651" t="s">
        <v>42</v>
      </c>
      <c r="D1651" t="s">
        <v>10</v>
      </c>
      <c r="E1651" t="s">
        <v>11</v>
      </c>
      <c r="F1651" s="2">
        <v>1</v>
      </c>
      <c r="G1651" t="s">
        <v>37</v>
      </c>
      <c r="H1651" t="s">
        <v>13</v>
      </c>
    </row>
    <row r="1652" spans="1:8" x14ac:dyDescent="0.25">
      <c r="A1652" s="1">
        <v>45042</v>
      </c>
      <c r="B1652" t="s">
        <v>1282</v>
      </c>
      <c r="C1652" t="s">
        <v>9</v>
      </c>
      <c r="D1652" t="s">
        <v>10</v>
      </c>
      <c r="E1652" t="s">
        <v>11</v>
      </c>
      <c r="F1652" s="2">
        <v>1</v>
      </c>
      <c r="G1652" t="s">
        <v>20</v>
      </c>
      <c r="H1652" t="s">
        <v>13</v>
      </c>
    </row>
    <row r="1653" spans="1:8" x14ac:dyDescent="0.25">
      <c r="A1653" s="1">
        <v>45041</v>
      </c>
      <c r="B1653" t="s">
        <v>1283</v>
      </c>
      <c r="C1653" t="s">
        <v>19</v>
      </c>
      <c r="D1653" t="s">
        <v>10</v>
      </c>
      <c r="E1653" t="s">
        <v>11</v>
      </c>
      <c r="F1653" s="2">
        <v>1</v>
      </c>
      <c r="G1653" t="s">
        <v>100</v>
      </c>
      <c r="H1653" t="s">
        <v>13</v>
      </c>
    </row>
    <row r="1654" spans="1:8" x14ac:dyDescent="0.25">
      <c r="A1654" s="1">
        <v>45041</v>
      </c>
      <c r="B1654" t="s">
        <v>1284</v>
      </c>
      <c r="C1654" t="s">
        <v>9</v>
      </c>
      <c r="D1654" t="s">
        <v>10</v>
      </c>
      <c r="E1654" t="s">
        <v>11</v>
      </c>
      <c r="F1654" s="2">
        <v>1</v>
      </c>
      <c r="G1654" t="s">
        <v>571</v>
      </c>
      <c r="H1654" t="s">
        <v>13</v>
      </c>
    </row>
    <row r="1655" spans="1:8" x14ac:dyDescent="0.25">
      <c r="A1655" s="1">
        <v>45040</v>
      </c>
      <c r="B1655" t="s">
        <v>1285</v>
      </c>
      <c r="C1655" t="s">
        <v>79</v>
      </c>
      <c r="D1655" t="s">
        <v>10</v>
      </c>
      <c r="E1655" t="s">
        <v>11</v>
      </c>
      <c r="F1655" s="2">
        <v>1</v>
      </c>
      <c r="G1655" t="s">
        <v>135</v>
      </c>
      <c r="H1655" t="s">
        <v>13</v>
      </c>
    </row>
    <row r="1656" spans="1:8" x14ac:dyDescent="0.25">
      <c r="A1656" s="1">
        <v>45040</v>
      </c>
      <c r="B1656" t="s">
        <v>1285</v>
      </c>
      <c r="C1656" t="s">
        <v>80</v>
      </c>
      <c r="D1656" t="s">
        <v>10</v>
      </c>
      <c r="E1656" t="s">
        <v>11</v>
      </c>
      <c r="F1656" s="2">
        <v>1</v>
      </c>
      <c r="G1656" t="s">
        <v>135</v>
      </c>
      <c r="H1656" t="s">
        <v>13</v>
      </c>
    </row>
    <row r="1657" spans="1:8" x14ac:dyDescent="0.25">
      <c r="A1657" s="1">
        <v>45040</v>
      </c>
      <c r="B1657" t="s">
        <v>1286</v>
      </c>
      <c r="C1657" t="s">
        <v>731</v>
      </c>
      <c r="D1657" t="s">
        <v>10</v>
      </c>
      <c r="E1657" t="s">
        <v>11</v>
      </c>
      <c r="F1657" s="2">
        <v>1</v>
      </c>
      <c r="G1657" t="s">
        <v>83</v>
      </c>
      <c r="H1657" t="s">
        <v>13</v>
      </c>
    </row>
    <row r="1658" spans="1:8" x14ac:dyDescent="0.25">
      <c r="A1658" s="1">
        <v>45040</v>
      </c>
      <c r="B1658" t="s">
        <v>1287</v>
      </c>
      <c r="C1658" t="s">
        <v>1288</v>
      </c>
      <c r="D1658" t="s">
        <v>10</v>
      </c>
      <c r="E1658" t="s">
        <v>11</v>
      </c>
      <c r="F1658" s="2">
        <v>1</v>
      </c>
      <c r="G1658" t="s">
        <v>181</v>
      </c>
      <c r="H1658" t="s">
        <v>13</v>
      </c>
    </row>
    <row r="1659" spans="1:8" x14ac:dyDescent="0.25">
      <c r="A1659" s="1">
        <v>45040</v>
      </c>
      <c r="B1659" t="s">
        <v>1289</v>
      </c>
      <c r="C1659" t="s">
        <v>9</v>
      </c>
      <c r="D1659" t="s">
        <v>10</v>
      </c>
      <c r="E1659" t="s">
        <v>11</v>
      </c>
      <c r="F1659" s="2">
        <v>1</v>
      </c>
      <c r="G1659" t="s">
        <v>1290</v>
      </c>
      <c r="H1659" t="s">
        <v>13</v>
      </c>
    </row>
    <row r="1660" spans="1:8" x14ac:dyDescent="0.25">
      <c r="A1660" s="1">
        <v>45040</v>
      </c>
      <c r="B1660" t="s">
        <v>1289</v>
      </c>
      <c r="C1660" t="s">
        <v>42</v>
      </c>
      <c r="D1660" t="s">
        <v>10</v>
      </c>
      <c r="E1660" t="s">
        <v>11</v>
      </c>
      <c r="F1660" s="2">
        <v>1</v>
      </c>
      <c r="G1660" t="s">
        <v>1290</v>
      </c>
      <c r="H1660" t="s">
        <v>13</v>
      </c>
    </row>
    <row r="1661" spans="1:8" x14ac:dyDescent="0.25">
      <c r="A1661" s="1">
        <v>45040</v>
      </c>
      <c r="B1661" t="s">
        <v>1291</v>
      </c>
      <c r="C1661" t="s">
        <v>174</v>
      </c>
      <c r="D1661" t="s">
        <v>10</v>
      </c>
      <c r="E1661" t="s">
        <v>11</v>
      </c>
      <c r="F1661" s="2">
        <v>1</v>
      </c>
      <c r="G1661" t="s">
        <v>44</v>
      </c>
      <c r="H1661" t="s">
        <v>13</v>
      </c>
    </row>
    <row r="1662" spans="1:8" x14ac:dyDescent="0.25">
      <c r="A1662" s="1">
        <v>45039</v>
      </c>
      <c r="B1662" t="s">
        <v>1292</v>
      </c>
      <c r="C1662" t="s">
        <v>9</v>
      </c>
      <c r="D1662" t="s">
        <v>10</v>
      </c>
      <c r="E1662" t="s">
        <v>11</v>
      </c>
      <c r="F1662" s="2">
        <v>1</v>
      </c>
      <c r="G1662" t="s">
        <v>20</v>
      </c>
      <c r="H1662" t="s">
        <v>13</v>
      </c>
    </row>
    <row r="1663" spans="1:8" x14ac:dyDescent="0.25">
      <c r="A1663" s="1">
        <v>45039</v>
      </c>
      <c r="B1663" t="s">
        <v>1293</v>
      </c>
      <c r="C1663" t="s">
        <v>19</v>
      </c>
      <c r="D1663" t="s">
        <v>10</v>
      </c>
      <c r="E1663" t="s">
        <v>11</v>
      </c>
      <c r="F1663" s="2">
        <v>1</v>
      </c>
      <c r="G1663" t="s">
        <v>77</v>
      </c>
      <c r="H1663" t="s">
        <v>13</v>
      </c>
    </row>
    <row r="1664" spans="1:8" x14ac:dyDescent="0.25">
      <c r="A1664" s="1">
        <v>45039</v>
      </c>
      <c r="B1664" t="s">
        <v>1293</v>
      </c>
      <c r="C1664" t="s">
        <v>9</v>
      </c>
      <c r="D1664" t="s">
        <v>10</v>
      </c>
      <c r="E1664" t="s">
        <v>11</v>
      </c>
      <c r="F1664" s="2">
        <v>1</v>
      </c>
      <c r="G1664" t="s">
        <v>77</v>
      </c>
      <c r="H1664" t="s">
        <v>13</v>
      </c>
    </row>
    <row r="1665" spans="1:8" x14ac:dyDescent="0.25">
      <c r="A1665" s="1">
        <v>45039</v>
      </c>
      <c r="B1665" t="s">
        <v>1293</v>
      </c>
      <c r="C1665" t="s">
        <v>52</v>
      </c>
      <c r="D1665" t="s">
        <v>10</v>
      </c>
      <c r="E1665" t="s">
        <v>11</v>
      </c>
      <c r="F1665" s="2">
        <v>1</v>
      </c>
      <c r="G1665" t="s">
        <v>77</v>
      </c>
      <c r="H1665" t="s">
        <v>13</v>
      </c>
    </row>
    <row r="1666" spans="1:8" x14ac:dyDescent="0.25">
      <c r="A1666" s="1">
        <v>45039</v>
      </c>
      <c r="B1666" t="s">
        <v>1293</v>
      </c>
      <c r="C1666" t="s">
        <v>47</v>
      </c>
      <c r="D1666" t="s">
        <v>10</v>
      </c>
      <c r="E1666" t="s">
        <v>11</v>
      </c>
      <c r="F1666" s="2">
        <v>1</v>
      </c>
      <c r="G1666" t="s">
        <v>77</v>
      </c>
      <c r="H1666" t="s">
        <v>13</v>
      </c>
    </row>
    <row r="1667" spans="1:8" x14ac:dyDescent="0.25">
      <c r="A1667" s="1">
        <v>45039</v>
      </c>
      <c r="B1667" t="s">
        <v>1294</v>
      </c>
      <c r="C1667" t="s">
        <v>207</v>
      </c>
      <c r="D1667" t="s">
        <v>10</v>
      </c>
      <c r="E1667" t="s">
        <v>11</v>
      </c>
      <c r="F1667" s="2">
        <v>1</v>
      </c>
      <c r="G1667" t="s">
        <v>46</v>
      </c>
      <c r="H1667" t="s">
        <v>13</v>
      </c>
    </row>
    <row r="1668" spans="1:8" x14ac:dyDescent="0.25">
      <c r="A1668" s="1">
        <v>45038</v>
      </c>
      <c r="B1668" t="s">
        <v>1295</v>
      </c>
      <c r="C1668" t="s">
        <v>9</v>
      </c>
      <c r="D1668" t="s">
        <v>10</v>
      </c>
      <c r="E1668" t="s">
        <v>11</v>
      </c>
      <c r="F1668" s="2">
        <v>1</v>
      </c>
      <c r="G1668" t="s">
        <v>279</v>
      </c>
      <c r="H1668" t="s">
        <v>13</v>
      </c>
    </row>
    <row r="1669" spans="1:8" x14ac:dyDescent="0.25">
      <c r="A1669" s="1">
        <v>45038</v>
      </c>
      <c r="B1669" t="s">
        <v>1296</v>
      </c>
      <c r="C1669" t="s">
        <v>28</v>
      </c>
      <c r="D1669" t="s">
        <v>10</v>
      </c>
      <c r="E1669" t="s">
        <v>11</v>
      </c>
      <c r="F1669" s="2">
        <v>1</v>
      </c>
      <c r="G1669" t="s">
        <v>197</v>
      </c>
      <c r="H1669" t="s">
        <v>13</v>
      </c>
    </row>
    <row r="1670" spans="1:8" x14ac:dyDescent="0.25">
      <c r="A1670" s="1">
        <v>45038</v>
      </c>
      <c r="B1670" t="s">
        <v>1296</v>
      </c>
      <c r="C1670" t="s">
        <v>29</v>
      </c>
      <c r="D1670" t="s">
        <v>10</v>
      </c>
      <c r="E1670" t="s">
        <v>11</v>
      </c>
      <c r="F1670" s="2">
        <v>1</v>
      </c>
      <c r="G1670" t="s">
        <v>197</v>
      </c>
      <c r="H1670" t="s">
        <v>13</v>
      </c>
    </row>
    <row r="1671" spans="1:8" x14ac:dyDescent="0.25">
      <c r="A1671" s="1">
        <v>45038</v>
      </c>
      <c r="B1671" t="s">
        <v>1296</v>
      </c>
      <c r="C1671" t="s">
        <v>35</v>
      </c>
      <c r="D1671" t="s">
        <v>10</v>
      </c>
      <c r="E1671" t="s">
        <v>11</v>
      </c>
      <c r="F1671" s="2">
        <v>1</v>
      </c>
      <c r="G1671" t="s">
        <v>197</v>
      </c>
      <c r="H1671" t="s">
        <v>13</v>
      </c>
    </row>
    <row r="1672" spans="1:8" x14ac:dyDescent="0.25">
      <c r="A1672" s="1">
        <v>45037</v>
      </c>
      <c r="B1672" t="s">
        <v>1297</v>
      </c>
      <c r="C1672" t="s">
        <v>174</v>
      </c>
      <c r="D1672" t="s">
        <v>10</v>
      </c>
      <c r="E1672" t="s">
        <v>11</v>
      </c>
      <c r="F1672" s="2">
        <v>1</v>
      </c>
      <c r="G1672" t="s">
        <v>37</v>
      </c>
      <c r="H1672" t="s">
        <v>13</v>
      </c>
    </row>
    <row r="1673" spans="1:8" x14ac:dyDescent="0.25">
      <c r="A1673" s="1">
        <v>45037</v>
      </c>
      <c r="B1673" t="s">
        <v>1298</v>
      </c>
      <c r="C1673" t="s">
        <v>47</v>
      </c>
      <c r="D1673" t="s">
        <v>10</v>
      </c>
      <c r="E1673" t="s">
        <v>11</v>
      </c>
      <c r="F1673" s="2">
        <v>1</v>
      </c>
      <c r="G1673" t="s">
        <v>157</v>
      </c>
      <c r="H1673" t="s">
        <v>13</v>
      </c>
    </row>
    <row r="1674" spans="1:8" x14ac:dyDescent="0.25">
      <c r="A1674" s="1">
        <v>45037</v>
      </c>
      <c r="B1674" t="s">
        <v>1298</v>
      </c>
      <c r="C1674" t="s">
        <v>14</v>
      </c>
      <c r="D1674" t="s">
        <v>10</v>
      </c>
      <c r="E1674" t="s">
        <v>11</v>
      </c>
      <c r="F1674" s="2">
        <v>1</v>
      </c>
      <c r="G1674" t="s">
        <v>157</v>
      </c>
      <c r="H1674" t="s">
        <v>13</v>
      </c>
    </row>
    <row r="1675" spans="1:8" x14ac:dyDescent="0.25">
      <c r="A1675" s="1">
        <v>45037</v>
      </c>
      <c r="B1675" t="s">
        <v>1299</v>
      </c>
      <c r="C1675" t="s">
        <v>76</v>
      </c>
      <c r="D1675" t="s">
        <v>10</v>
      </c>
      <c r="E1675" t="s">
        <v>11</v>
      </c>
      <c r="F1675" s="2">
        <v>1</v>
      </c>
      <c r="G1675" t="s">
        <v>1300</v>
      </c>
      <c r="H1675" t="s">
        <v>13</v>
      </c>
    </row>
    <row r="1676" spans="1:8" x14ac:dyDescent="0.25">
      <c r="A1676" s="1">
        <v>45036</v>
      </c>
      <c r="B1676" t="s">
        <v>1301</v>
      </c>
      <c r="C1676" t="s">
        <v>79</v>
      </c>
      <c r="D1676" t="s">
        <v>10</v>
      </c>
      <c r="E1676" t="s">
        <v>11</v>
      </c>
      <c r="F1676" s="2">
        <v>1</v>
      </c>
      <c r="G1676" t="s">
        <v>157</v>
      </c>
      <c r="H1676" t="s">
        <v>13</v>
      </c>
    </row>
    <row r="1677" spans="1:8" x14ac:dyDescent="0.25">
      <c r="A1677" s="1">
        <v>45035</v>
      </c>
      <c r="B1677" t="s">
        <v>1302</v>
      </c>
      <c r="C1677" t="s">
        <v>9</v>
      </c>
      <c r="D1677" t="s">
        <v>10</v>
      </c>
      <c r="E1677" t="s">
        <v>11</v>
      </c>
      <c r="F1677" s="2">
        <v>1</v>
      </c>
      <c r="G1677" t="s">
        <v>111</v>
      </c>
      <c r="H1677" t="s">
        <v>13</v>
      </c>
    </row>
    <row r="1678" spans="1:8" x14ac:dyDescent="0.25">
      <c r="A1678" s="1">
        <v>45035</v>
      </c>
      <c r="B1678" t="s">
        <v>1303</v>
      </c>
      <c r="C1678" t="s">
        <v>410</v>
      </c>
      <c r="D1678" t="s">
        <v>10</v>
      </c>
      <c r="E1678" t="s">
        <v>11</v>
      </c>
      <c r="F1678" s="2">
        <v>1</v>
      </c>
      <c r="G1678" t="s">
        <v>181</v>
      </c>
      <c r="H1678" t="s">
        <v>13</v>
      </c>
    </row>
    <row r="1679" spans="1:8" x14ac:dyDescent="0.25">
      <c r="A1679" s="1">
        <v>45035</v>
      </c>
      <c r="B1679" t="s">
        <v>1304</v>
      </c>
      <c r="C1679" t="s">
        <v>79</v>
      </c>
      <c r="D1679" t="s">
        <v>10</v>
      </c>
      <c r="E1679" t="s">
        <v>11</v>
      </c>
      <c r="F1679" s="2">
        <v>1</v>
      </c>
      <c r="G1679" t="s">
        <v>181</v>
      </c>
      <c r="H1679" t="s">
        <v>13</v>
      </c>
    </row>
    <row r="1680" spans="1:8" x14ac:dyDescent="0.25">
      <c r="A1680" s="1">
        <v>45035</v>
      </c>
      <c r="B1680" t="s">
        <v>1304</v>
      </c>
      <c r="C1680" t="s">
        <v>80</v>
      </c>
      <c r="D1680" t="s">
        <v>10</v>
      </c>
      <c r="E1680" t="s">
        <v>11</v>
      </c>
      <c r="F1680" s="2">
        <v>1</v>
      </c>
      <c r="G1680" t="s">
        <v>181</v>
      </c>
      <c r="H1680" t="s">
        <v>13</v>
      </c>
    </row>
    <row r="1681" spans="1:8" x14ac:dyDescent="0.25">
      <c r="A1681" s="1">
        <v>45035</v>
      </c>
      <c r="B1681" t="s">
        <v>1305</v>
      </c>
      <c r="C1681" t="s">
        <v>484</v>
      </c>
      <c r="D1681" t="s">
        <v>10</v>
      </c>
      <c r="E1681" t="s">
        <v>11</v>
      </c>
      <c r="F1681" s="2">
        <v>1</v>
      </c>
      <c r="G1681" t="s">
        <v>135</v>
      </c>
      <c r="H1681" t="s">
        <v>13</v>
      </c>
    </row>
    <row r="1682" spans="1:8" x14ac:dyDescent="0.25">
      <c r="A1682" s="1">
        <v>45034</v>
      </c>
      <c r="B1682" t="s">
        <v>1306</v>
      </c>
      <c r="C1682" t="s">
        <v>79</v>
      </c>
      <c r="D1682" t="s">
        <v>10</v>
      </c>
      <c r="E1682" t="s">
        <v>11</v>
      </c>
      <c r="F1682" s="2">
        <v>1</v>
      </c>
      <c r="G1682" t="s">
        <v>77</v>
      </c>
      <c r="H1682" t="s">
        <v>13</v>
      </c>
    </row>
    <row r="1683" spans="1:8" x14ac:dyDescent="0.25">
      <c r="A1683" s="1">
        <v>45034</v>
      </c>
      <c r="B1683" t="s">
        <v>1306</v>
      </c>
      <c r="C1683" t="s">
        <v>80</v>
      </c>
      <c r="D1683" t="s">
        <v>10</v>
      </c>
      <c r="E1683" t="s">
        <v>11</v>
      </c>
      <c r="F1683" s="2">
        <v>1</v>
      </c>
      <c r="G1683" t="s">
        <v>77</v>
      </c>
      <c r="H1683" t="s">
        <v>13</v>
      </c>
    </row>
    <row r="1684" spans="1:8" x14ac:dyDescent="0.25">
      <c r="A1684" s="1">
        <v>45034</v>
      </c>
      <c r="B1684" t="s">
        <v>1307</v>
      </c>
      <c r="C1684" t="s">
        <v>9</v>
      </c>
      <c r="D1684" t="s">
        <v>10</v>
      </c>
      <c r="E1684" t="s">
        <v>11</v>
      </c>
      <c r="F1684" s="2">
        <v>1</v>
      </c>
      <c r="G1684" t="s">
        <v>24</v>
      </c>
      <c r="H1684" t="s">
        <v>13</v>
      </c>
    </row>
    <row r="1685" spans="1:8" x14ac:dyDescent="0.25">
      <c r="A1685" s="1">
        <v>45034</v>
      </c>
      <c r="B1685" t="s">
        <v>1307</v>
      </c>
      <c r="C1685" t="s">
        <v>29</v>
      </c>
      <c r="D1685" t="s">
        <v>10</v>
      </c>
      <c r="E1685" t="s">
        <v>11</v>
      </c>
      <c r="F1685" s="2">
        <v>1</v>
      </c>
      <c r="G1685" t="s">
        <v>24</v>
      </c>
      <c r="H1685" t="s">
        <v>13</v>
      </c>
    </row>
    <row r="1686" spans="1:8" x14ac:dyDescent="0.25">
      <c r="A1686" s="1">
        <v>45033</v>
      </c>
      <c r="B1686" t="s">
        <v>1308</v>
      </c>
      <c r="C1686" t="s">
        <v>79</v>
      </c>
      <c r="D1686" t="s">
        <v>10</v>
      </c>
      <c r="E1686" t="s">
        <v>11</v>
      </c>
      <c r="F1686" s="2">
        <v>1</v>
      </c>
      <c r="G1686" t="s">
        <v>93</v>
      </c>
      <c r="H1686" t="s">
        <v>13</v>
      </c>
    </row>
    <row r="1687" spans="1:8" x14ac:dyDescent="0.25">
      <c r="A1687" s="1">
        <v>45033</v>
      </c>
      <c r="B1687" t="s">
        <v>1308</v>
      </c>
      <c r="C1687" t="s">
        <v>80</v>
      </c>
      <c r="D1687" t="s">
        <v>10</v>
      </c>
      <c r="E1687" t="s">
        <v>11</v>
      </c>
      <c r="F1687" s="2">
        <v>1</v>
      </c>
      <c r="G1687" t="s">
        <v>93</v>
      </c>
      <c r="H1687" t="s">
        <v>13</v>
      </c>
    </row>
    <row r="1688" spans="1:8" x14ac:dyDescent="0.25">
      <c r="A1688" s="1">
        <v>45033</v>
      </c>
      <c r="B1688" t="s">
        <v>1309</v>
      </c>
      <c r="C1688" t="s">
        <v>79</v>
      </c>
      <c r="D1688" t="s">
        <v>10</v>
      </c>
      <c r="E1688" t="s">
        <v>11</v>
      </c>
      <c r="F1688" s="2">
        <v>1</v>
      </c>
      <c r="G1688" t="s">
        <v>46</v>
      </c>
      <c r="H1688" t="s">
        <v>13</v>
      </c>
    </row>
    <row r="1689" spans="1:8" x14ac:dyDescent="0.25">
      <c r="A1689" s="1">
        <v>45033</v>
      </c>
      <c r="B1689" t="s">
        <v>1309</v>
      </c>
      <c r="C1689" t="s">
        <v>80</v>
      </c>
      <c r="D1689" t="s">
        <v>10</v>
      </c>
      <c r="E1689" t="s">
        <v>11</v>
      </c>
      <c r="F1689" s="2">
        <v>1</v>
      </c>
      <c r="G1689" t="s">
        <v>46</v>
      </c>
      <c r="H1689" t="s">
        <v>13</v>
      </c>
    </row>
    <row r="1690" spans="1:8" x14ac:dyDescent="0.25">
      <c r="A1690" s="1">
        <v>45032</v>
      </c>
      <c r="B1690" t="s">
        <v>1310</v>
      </c>
      <c r="C1690" t="s">
        <v>1311</v>
      </c>
      <c r="D1690" t="s">
        <v>10</v>
      </c>
      <c r="E1690" t="s">
        <v>11</v>
      </c>
      <c r="F1690" s="2">
        <v>1</v>
      </c>
      <c r="G1690" t="s">
        <v>296</v>
      </c>
      <c r="H1690" t="s">
        <v>13</v>
      </c>
    </row>
    <row r="1691" spans="1:8" x14ac:dyDescent="0.25">
      <c r="A1691" s="1">
        <v>45031</v>
      </c>
      <c r="B1691" t="s">
        <v>1312</v>
      </c>
      <c r="C1691" t="s">
        <v>14</v>
      </c>
      <c r="D1691" t="s">
        <v>10</v>
      </c>
      <c r="E1691" t="s">
        <v>11</v>
      </c>
      <c r="F1691" s="2">
        <v>1</v>
      </c>
      <c r="G1691" t="s">
        <v>216</v>
      </c>
      <c r="H1691" t="s">
        <v>13</v>
      </c>
    </row>
    <row r="1692" spans="1:8" x14ac:dyDescent="0.25">
      <c r="A1692" s="1">
        <v>45031</v>
      </c>
      <c r="B1692" t="s">
        <v>1313</v>
      </c>
      <c r="C1692" t="s">
        <v>481</v>
      </c>
      <c r="D1692" t="s">
        <v>10</v>
      </c>
      <c r="E1692" t="s">
        <v>11</v>
      </c>
      <c r="F1692" s="2">
        <v>1</v>
      </c>
      <c r="G1692" t="s">
        <v>411</v>
      </c>
      <c r="H1692" t="s">
        <v>13</v>
      </c>
    </row>
    <row r="1693" spans="1:8" x14ac:dyDescent="0.25">
      <c r="A1693" s="1">
        <v>45031</v>
      </c>
      <c r="B1693" t="s">
        <v>1314</v>
      </c>
      <c r="C1693" t="s">
        <v>9</v>
      </c>
      <c r="D1693" t="s">
        <v>10</v>
      </c>
      <c r="E1693" t="s">
        <v>11</v>
      </c>
      <c r="F1693" s="2">
        <v>1</v>
      </c>
      <c r="G1693" t="s">
        <v>157</v>
      </c>
      <c r="H1693" t="s">
        <v>13</v>
      </c>
    </row>
    <row r="1694" spans="1:8" x14ac:dyDescent="0.25">
      <c r="A1694" s="1">
        <v>45031</v>
      </c>
      <c r="B1694" t="s">
        <v>1314</v>
      </c>
      <c r="C1694" t="s">
        <v>35</v>
      </c>
      <c r="D1694" t="s">
        <v>10</v>
      </c>
      <c r="E1694" t="s">
        <v>11</v>
      </c>
      <c r="F1694" s="2">
        <v>1</v>
      </c>
      <c r="G1694" t="s">
        <v>157</v>
      </c>
      <c r="H1694" t="s">
        <v>13</v>
      </c>
    </row>
    <row r="1695" spans="1:8" x14ac:dyDescent="0.25">
      <c r="A1695" s="1">
        <v>45030</v>
      </c>
      <c r="B1695" t="s">
        <v>1315</v>
      </c>
      <c r="C1695" t="s">
        <v>79</v>
      </c>
      <c r="D1695" t="s">
        <v>10</v>
      </c>
      <c r="E1695" t="s">
        <v>11</v>
      </c>
      <c r="F1695" s="2">
        <v>1</v>
      </c>
      <c r="G1695" t="s">
        <v>37</v>
      </c>
      <c r="H1695" t="s">
        <v>13</v>
      </c>
    </row>
    <row r="1696" spans="1:8" x14ac:dyDescent="0.25">
      <c r="A1696" s="1">
        <v>45030</v>
      </c>
      <c r="B1696" t="s">
        <v>1315</v>
      </c>
      <c r="C1696" t="s">
        <v>80</v>
      </c>
      <c r="D1696" t="s">
        <v>10</v>
      </c>
      <c r="E1696" t="s">
        <v>11</v>
      </c>
      <c r="F1696" s="2">
        <v>1</v>
      </c>
      <c r="G1696" t="s">
        <v>37</v>
      </c>
      <c r="H1696" t="s">
        <v>13</v>
      </c>
    </row>
    <row r="1697" spans="1:8" x14ac:dyDescent="0.25">
      <c r="A1697" s="1">
        <v>45030</v>
      </c>
      <c r="B1697" t="s">
        <v>1316</v>
      </c>
      <c r="C1697" t="s">
        <v>9</v>
      </c>
      <c r="D1697" t="s">
        <v>10</v>
      </c>
      <c r="E1697" t="s">
        <v>11</v>
      </c>
      <c r="F1697" s="2">
        <v>1</v>
      </c>
      <c r="G1697" t="s">
        <v>492</v>
      </c>
      <c r="H1697" t="s">
        <v>13</v>
      </c>
    </row>
    <row r="1698" spans="1:8" x14ac:dyDescent="0.25">
      <c r="A1698" s="1">
        <v>45029</v>
      </c>
      <c r="B1698" t="s">
        <v>1317</v>
      </c>
      <c r="C1698" t="s">
        <v>9</v>
      </c>
      <c r="D1698" t="s">
        <v>10</v>
      </c>
      <c r="E1698" t="s">
        <v>11</v>
      </c>
      <c r="F1698" s="2">
        <v>1</v>
      </c>
      <c r="G1698" t="s">
        <v>98</v>
      </c>
      <c r="H1698" t="s">
        <v>13</v>
      </c>
    </row>
    <row r="1699" spans="1:8" x14ac:dyDescent="0.25">
      <c r="A1699" s="1">
        <v>45027</v>
      </c>
      <c r="B1699" t="s">
        <v>1318</v>
      </c>
      <c r="C1699" t="s">
        <v>416</v>
      </c>
      <c r="D1699" t="s">
        <v>10</v>
      </c>
      <c r="E1699" t="s">
        <v>11</v>
      </c>
      <c r="F1699" s="2">
        <v>1</v>
      </c>
      <c r="G1699" t="s">
        <v>492</v>
      </c>
      <c r="H1699" t="s">
        <v>13</v>
      </c>
    </row>
    <row r="1700" spans="1:8" x14ac:dyDescent="0.25">
      <c r="A1700" s="1">
        <v>45027</v>
      </c>
      <c r="B1700" t="s">
        <v>1319</v>
      </c>
      <c r="C1700" t="s">
        <v>19</v>
      </c>
      <c r="D1700" t="s">
        <v>10</v>
      </c>
      <c r="E1700" t="s">
        <v>11</v>
      </c>
      <c r="F1700" s="2">
        <v>1</v>
      </c>
      <c r="G1700" t="s">
        <v>137</v>
      </c>
      <c r="H1700" t="s">
        <v>13</v>
      </c>
    </row>
    <row r="1701" spans="1:8" x14ac:dyDescent="0.25">
      <c r="A1701" s="1">
        <v>45027</v>
      </c>
      <c r="B1701" t="s">
        <v>1320</v>
      </c>
      <c r="C1701" t="s">
        <v>484</v>
      </c>
      <c r="D1701" t="s">
        <v>10</v>
      </c>
      <c r="E1701" t="s">
        <v>11</v>
      </c>
      <c r="F1701" s="2">
        <v>1</v>
      </c>
      <c r="G1701" t="s">
        <v>135</v>
      </c>
      <c r="H1701" t="s">
        <v>13</v>
      </c>
    </row>
    <row r="1702" spans="1:8" x14ac:dyDescent="0.25">
      <c r="A1702" s="1">
        <v>45026</v>
      </c>
      <c r="B1702" t="s">
        <v>1321</v>
      </c>
      <c r="C1702" t="s">
        <v>9</v>
      </c>
      <c r="D1702" t="s">
        <v>10</v>
      </c>
      <c r="E1702" t="s">
        <v>11</v>
      </c>
      <c r="F1702" s="2">
        <v>1</v>
      </c>
      <c r="G1702" t="s">
        <v>63</v>
      </c>
      <c r="H1702" t="s">
        <v>13</v>
      </c>
    </row>
    <row r="1703" spans="1:8" x14ac:dyDescent="0.25">
      <c r="A1703" s="1">
        <v>45025</v>
      </c>
      <c r="B1703" t="s">
        <v>1322</v>
      </c>
      <c r="C1703" t="s">
        <v>9</v>
      </c>
      <c r="D1703" t="s">
        <v>10</v>
      </c>
      <c r="E1703" t="s">
        <v>11</v>
      </c>
      <c r="F1703" s="2">
        <v>1</v>
      </c>
      <c r="G1703" t="s">
        <v>318</v>
      </c>
      <c r="H1703" t="s">
        <v>13</v>
      </c>
    </row>
    <row r="1704" spans="1:8" x14ac:dyDescent="0.25">
      <c r="A1704" s="1">
        <v>45025</v>
      </c>
      <c r="B1704" t="s">
        <v>1322</v>
      </c>
      <c r="C1704" t="s">
        <v>9</v>
      </c>
      <c r="D1704" t="s">
        <v>10</v>
      </c>
      <c r="E1704" t="s">
        <v>11</v>
      </c>
      <c r="F1704" s="2">
        <v>1</v>
      </c>
      <c r="G1704" t="s">
        <v>318</v>
      </c>
      <c r="H1704" t="s">
        <v>13</v>
      </c>
    </row>
    <row r="1705" spans="1:8" x14ac:dyDescent="0.25">
      <c r="A1705" s="1">
        <v>45025</v>
      </c>
      <c r="B1705" t="s">
        <v>1322</v>
      </c>
      <c r="C1705" t="s">
        <v>47</v>
      </c>
      <c r="D1705" t="s">
        <v>10</v>
      </c>
      <c r="E1705" t="s">
        <v>11</v>
      </c>
      <c r="F1705" s="2">
        <v>1</v>
      </c>
      <c r="G1705" t="s">
        <v>318</v>
      </c>
      <c r="H1705" t="s">
        <v>13</v>
      </c>
    </row>
    <row r="1706" spans="1:8" x14ac:dyDescent="0.25">
      <c r="A1706" s="1">
        <v>45025</v>
      </c>
      <c r="B1706" t="s">
        <v>1322</v>
      </c>
      <c r="C1706" t="s">
        <v>47</v>
      </c>
      <c r="D1706" t="s">
        <v>10</v>
      </c>
      <c r="E1706" t="s">
        <v>11</v>
      </c>
      <c r="F1706" s="2">
        <v>1</v>
      </c>
      <c r="G1706" t="s">
        <v>318</v>
      </c>
      <c r="H1706" t="s">
        <v>13</v>
      </c>
    </row>
    <row r="1707" spans="1:8" x14ac:dyDescent="0.25">
      <c r="A1707" s="1">
        <v>45025</v>
      </c>
      <c r="B1707" t="s">
        <v>1323</v>
      </c>
      <c r="C1707" t="s">
        <v>9</v>
      </c>
      <c r="D1707" t="s">
        <v>10</v>
      </c>
      <c r="E1707" t="s">
        <v>11</v>
      </c>
      <c r="F1707" s="2">
        <v>1</v>
      </c>
      <c r="G1707" t="s">
        <v>374</v>
      </c>
      <c r="H1707" t="s">
        <v>13</v>
      </c>
    </row>
    <row r="1708" spans="1:8" x14ac:dyDescent="0.25">
      <c r="A1708" s="1">
        <v>45025</v>
      </c>
      <c r="B1708" t="s">
        <v>1323</v>
      </c>
      <c r="C1708" t="s">
        <v>47</v>
      </c>
      <c r="D1708" t="s">
        <v>10</v>
      </c>
      <c r="E1708" t="s">
        <v>11</v>
      </c>
      <c r="F1708" s="2">
        <v>1</v>
      </c>
      <c r="G1708" t="s">
        <v>374</v>
      </c>
      <c r="H1708" t="s">
        <v>13</v>
      </c>
    </row>
    <row r="1709" spans="1:8" x14ac:dyDescent="0.25">
      <c r="A1709" s="1">
        <v>45025</v>
      </c>
      <c r="B1709" t="s">
        <v>1324</v>
      </c>
      <c r="C1709" t="s">
        <v>47</v>
      </c>
      <c r="D1709" t="s">
        <v>10</v>
      </c>
      <c r="E1709" t="s">
        <v>11</v>
      </c>
      <c r="F1709" s="2">
        <v>1</v>
      </c>
      <c r="G1709" t="s">
        <v>374</v>
      </c>
      <c r="H1709" t="s">
        <v>13</v>
      </c>
    </row>
    <row r="1710" spans="1:8" x14ac:dyDescent="0.25">
      <c r="A1710" s="1">
        <v>45024</v>
      </c>
      <c r="B1710" t="s">
        <v>1325</v>
      </c>
      <c r="C1710" t="s">
        <v>9</v>
      </c>
      <c r="D1710" t="s">
        <v>10</v>
      </c>
      <c r="E1710" t="s">
        <v>11</v>
      </c>
      <c r="F1710" s="2">
        <v>1</v>
      </c>
      <c r="G1710" t="s">
        <v>492</v>
      </c>
      <c r="H1710" t="s">
        <v>13</v>
      </c>
    </row>
    <row r="1711" spans="1:8" x14ac:dyDescent="0.25">
      <c r="A1711" s="1">
        <v>45024</v>
      </c>
      <c r="B1711" t="s">
        <v>1325</v>
      </c>
      <c r="C1711" t="s">
        <v>563</v>
      </c>
      <c r="D1711" t="s">
        <v>10</v>
      </c>
      <c r="E1711" t="s">
        <v>11</v>
      </c>
      <c r="F1711" s="2">
        <v>1</v>
      </c>
      <c r="G1711" t="s">
        <v>492</v>
      </c>
      <c r="H1711" t="s">
        <v>13</v>
      </c>
    </row>
    <row r="1712" spans="1:8" x14ac:dyDescent="0.25">
      <c r="A1712" s="1">
        <v>45024</v>
      </c>
      <c r="B1712" t="s">
        <v>1325</v>
      </c>
      <c r="C1712" t="s">
        <v>35</v>
      </c>
      <c r="D1712" t="s">
        <v>10</v>
      </c>
      <c r="E1712" t="s">
        <v>11</v>
      </c>
      <c r="F1712" s="2">
        <v>1</v>
      </c>
      <c r="G1712" t="s">
        <v>492</v>
      </c>
      <c r="H1712" t="s">
        <v>13</v>
      </c>
    </row>
    <row r="1713" spans="1:8" x14ac:dyDescent="0.25">
      <c r="A1713" s="1">
        <v>45024</v>
      </c>
      <c r="B1713" t="s">
        <v>1326</v>
      </c>
      <c r="C1713" t="s">
        <v>629</v>
      </c>
      <c r="D1713" t="s">
        <v>10</v>
      </c>
      <c r="E1713" t="s">
        <v>11</v>
      </c>
      <c r="F1713" s="2">
        <v>1</v>
      </c>
      <c r="G1713" t="s">
        <v>111</v>
      </c>
      <c r="H1713" t="s">
        <v>13</v>
      </c>
    </row>
    <row r="1714" spans="1:8" x14ac:dyDescent="0.25">
      <c r="A1714" s="1">
        <v>45024</v>
      </c>
      <c r="B1714" t="s">
        <v>1327</v>
      </c>
      <c r="C1714" t="s">
        <v>9</v>
      </c>
      <c r="D1714" t="s">
        <v>10</v>
      </c>
      <c r="E1714" t="s">
        <v>11</v>
      </c>
      <c r="F1714" s="2">
        <v>1</v>
      </c>
      <c r="G1714" t="s">
        <v>330</v>
      </c>
      <c r="H1714" t="s">
        <v>13</v>
      </c>
    </row>
    <row r="1715" spans="1:8" x14ac:dyDescent="0.25">
      <c r="A1715" s="1">
        <v>45024</v>
      </c>
      <c r="B1715" t="s">
        <v>1327</v>
      </c>
      <c r="C1715" t="s">
        <v>35</v>
      </c>
      <c r="D1715" t="s">
        <v>10</v>
      </c>
      <c r="E1715" t="s">
        <v>11</v>
      </c>
      <c r="F1715" s="2">
        <v>1</v>
      </c>
      <c r="G1715" t="s">
        <v>330</v>
      </c>
      <c r="H1715" t="s">
        <v>13</v>
      </c>
    </row>
    <row r="1716" spans="1:8" x14ac:dyDescent="0.25">
      <c r="A1716" s="1">
        <v>45023</v>
      </c>
      <c r="B1716" t="s">
        <v>1328</v>
      </c>
      <c r="C1716" t="s">
        <v>9</v>
      </c>
      <c r="D1716" t="s">
        <v>10</v>
      </c>
      <c r="E1716" t="s">
        <v>11</v>
      </c>
      <c r="F1716" s="2">
        <v>1</v>
      </c>
      <c r="G1716" t="s">
        <v>61</v>
      </c>
      <c r="H1716" t="s">
        <v>13</v>
      </c>
    </row>
    <row r="1717" spans="1:8" x14ac:dyDescent="0.25">
      <c r="A1717" s="1">
        <v>45023</v>
      </c>
      <c r="B1717" t="s">
        <v>1328</v>
      </c>
      <c r="C1717" t="s">
        <v>1163</v>
      </c>
      <c r="D1717" t="s">
        <v>10</v>
      </c>
      <c r="E1717" t="s">
        <v>11</v>
      </c>
      <c r="F1717" s="2">
        <v>1</v>
      </c>
      <c r="G1717" t="s">
        <v>61</v>
      </c>
      <c r="H1717" t="s">
        <v>13</v>
      </c>
    </row>
    <row r="1718" spans="1:8" x14ac:dyDescent="0.25">
      <c r="A1718" s="1">
        <v>45023</v>
      </c>
      <c r="B1718" t="s">
        <v>1328</v>
      </c>
      <c r="C1718" t="s">
        <v>50</v>
      </c>
      <c r="D1718" t="s">
        <v>10</v>
      </c>
      <c r="E1718" t="s">
        <v>11</v>
      </c>
      <c r="F1718" s="2">
        <v>1</v>
      </c>
      <c r="G1718" t="s">
        <v>61</v>
      </c>
      <c r="H1718" t="s">
        <v>13</v>
      </c>
    </row>
    <row r="1719" spans="1:8" x14ac:dyDescent="0.25">
      <c r="A1719" s="1">
        <v>45023</v>
      </c>
      <c r="B1719" t="s">
        <v>1328</v>
      </c>
      <c r="C1719" t="s">
        <v>47</v>
      </c>
      <c r="D1719" t="s">
        <v>10</v>
      </c>
      <c r="E1719" t="s">
        <v>11</v>
      </c>
      <c r="F1719" s="2">
        <v>1</v>
      </c>
      <c r="G1719" t="s">
        <v>61</v>
      </c>
      <c r="H1719" t="s">
        <v>13</v>
      </c>
    </row>
    <row r="1720" spans="1:8" x14ac:dyDescent="0.25">
      <c r="A1720" s="1">
        <v>45023</v>
      </c>
      <c r="B1720" t="s">
        <v>1328</v>
      </c>
      <c r="C1720" t="s">
        <v>199</v>
      </c>
      <c r="D1720" t="s">
        <v>10</v>
      </c>
      <c r="E1720" t="s">
        <v>11</v>
      </c>
      <c r="F1720" s="2">
        <v>1</v>
      </c>
      <c r="G1720" t="s">
        <v>61</v>
      </c>
      <c r="H1720" t="s">
        <v>13</v>
      </c>
    </row>
    <row r="1721" spans="1:8" x14ac:dyDescent="0.25">
      <c r="A1721" s="1">
        <v>45023</v>
      </c>
      <c r="B1721" t="s">
        <v>1328</v>
      </c>
      <c r="C1721" t="s">
        <v>1329</v>
      </c>
      <c r="D1721" t="s">
        <v>10</v>
      </c>
      <c r="E1721" t="s">
        <v>11</v>
      </c>
      <c r="F1721" s="2">
        <v>1</v>
      </c>
      <c r="G1721" t="s">
        <v>61</v>
      </c>
      <c r="H1721" t="s">
        <v>13</v>
      </c>
    </row>
    <row r="1722" spans="1:8" x14ac:dyDescent="0.25">
      <c r="A1722" s="1">
        <v>45023</v>
      </c>
      <c r="B1722" t="s">
        <v>1330</v>
      </c>
      <c r="C1722" t="s">
        <v>9</v>
      </c>
      <c r="D1722" t="s">
        <v>10</v>
      </c>
      <c r="E1722" t="s">
        <v>11</v>
      </c>
      <c r="F1722" s="2">
        <v>1</v>
      </c>
      <c r="G1722" t="s">
        <v>145</v>
      </c>
      <c r="H1722" t="s">
        <v>13</v>
      </c>
    </row>
    <row r="1723" spans="1:8" x14ac:dyDescent="0.25">
      <c r="A1723" s="1">
        <v>45023</v>
      </c>
      <c r="B1723" t="s">
        <v>1330</v>
      </c>
      <c r="C1723" t="s">
        <v>52</v>
      </c>
      <c r="D1723" t="s">
        <v>10</v>
      </c>
      <c r="E1723" t="s">
        <v>11</v>
      </c>
      <c r="F1723" s="2">
        <v>1</v>
      </c>
      <c r="G1723" t="s">
        <v>145</v>
      </c>
      <c r="H1723" t="s">
        <v>13</v>
      </c>
    </row>
    <row r="1724" spans="1:8" x14ac:dyDescent="0.25">
      <c r="A1724" s="1">
        <v>45023</v>
      </c>
      <c r="B1724" t="s">
        <v>1330</v>
      </c>
      <c r="C1724" t="s">
        <v>142</v>
      </c>
      <c r="D1724" t="s">
        <v>10</v>
      </c>
      <c r="E1724" t="s">
        <v>11</v>
      </c>
      <c r="F1724" s="2">
        <v>1</v>
      </c>
      <c r="G1724" t="s">
        <v>145</v>
      </c>
      <c r="H1724" t="s">
        <v>13</v>
      </c>
    </row>
    <row r="1725" spans="1:8" x14ac:dyDescent="0.25">
      <c r="A1725" s="1">
        <v>45023</v>
      </c>
      <c r="B1725" t="s">
        <v>1330</v>
      </c>
      <c r="C1725" t="s">
        <v>47</v>
      </c>
      <c r="D1725" t="s">
        <v>10</v>
      </c>
      <c r="E1725" t="s">
        <v>11</v>
      </c>
      <c r="F1725" s="2">
        <v>1</v>
      </c>
      <c r="G1725" t="s">
        <v>145</v>
      </c>
      <c r="H1725" t="s">
        <v>13</v>
      </c>
    </row>
    <row r="1726" spans="1:8" x14ac:dyDescent="0.25">
      <c r="A1726" s="1">
        <v>45023</v>
      </c>
      <c r="B1726" t="s">
        <v>1331</v>
      </c>
      <c r="C1726" t="s">
        <v>1332</v>
      </c>
      <c r="D1726" t="s">
        <v>10</v>
      </c>
      <c r="E1726" t="s">
        <v>11</v>
      </c>
      <c r="F1726" s="2">
        <v>1</v>
      </c>
      <c r="G1726" t="s">
        <v>165</v>
      </c>
      <c r="H1726" t="s">
        <v>13</v>
      </c>
    </row>
    <row r="1727" spans="1:8" x14ac:dyDescent="0.25">
      <c r="A1727" s="1">
        <v>45020</v>
      </c>
      <c r="B1727" t="s">
        <v>1333</v>
      </c>
      <c r="C1727" t="s">
        <v>29</v>
      </c>
      <c r="D1727" t="s">
        <v>26</v>
      </c>
      <c r="E1727" t="s">
        <v>11</v>
      </c>
      <c r="F1727" s="2">
        <v>1</v>
      </c>
      <c r="G1727" t="s">
        <v>46</v>
      </c>
      <c r="H1727" t="s">
        <v>13</v>
      </c>
    </row>
    <row r="1728" spans="1:8" x14ac:dyDescent="0.25">
      <c r="A1728" s="1">
        <v>45019</v>
      </c>
      <c r="B1728" t="s">
        <v>1334</v>
      </c>
      <c r="C1728" t="s">
        <v>19</v>
      </c>
      <c r="D1728" t="s">
        <v>10</v>
      </c>
      <c r="E1728" t="s">
        <v>11</v>
      </c>
      <c r="F1728" s="2">
        <v>1</v>
      </c>
      <c r="G1728" t="s">
        <v>125</v>
      </c>
      <c r="H1728" t="s">
        <v>13</v>
      </c>
    </row>
    <row r="1729" spans="1:8" x14ac:dyDescent="0.25">
      <c r="A1729" s="1">
        <v>45019</v>
      </c>
      <c r="B1729" t="s">
        <v>1335</v>
      </c>
      <c r="C1729" t="s">
        <v>9</v>
      </c>
      <c r="D1729" t="s">
        <v>10</v>
      </c>
      <c r="E1729" t="s">
        <v>11</v>
      </c>
      <c r="F1729" s="2">
        <v>1</v>
      </c>
      <c r="G1729" t="s">
        <v>37</v>
      </c>
      <c r="H1729" t="s">
        <v>13</v>
      </c>
    </row>
    <row r="1730" spans="1:8" x14ac:dyDescent="0.25">
      <c r="A1730" s="1">
        <v>45019</v>
      </c>
      <c r="B1730" t="s">
        <v>1335</v>
      </c>
      <c r="C1730" t="s">
        <v>29</v>
      </c>
      <c r="D1730" t="s">
        <v>10</v>
      </c>
      <c r="E1730" t="s">
        <v>11</v>
      </c>
      <c r="F1730" s="2">
        <v>1</v>
      </c>
      <c r="G1730" t="s">
        <v>37</v>
      </c>
      <c r="H1730" t="s">
        <v>13</v>
      </c>
    </row>
    <row r="1731" spans="1:8" x14ac:dyDescent="0.25">
      <c r="A1731" s="1">
        <v>45019</v>
      </c>
      <c r="B1731" t="s">
        <v>1335</v>
      </c>
      <c r="C1731" t="s">
        <v>42</v>
      </c>
      <c r="D1731" t="s">
        <v>10</v>
      </c>
      <c r="E1731" t="s">
        <v>11</v>
      </c>
      <c r="F1731" s="2">
        <v>1</v>
      </c>
      <c r="G1731" t="s">
        <v>37</v>
      </c>
      <c r="H1731" t="s">
        <v>13</v>
      </c>
    </row>
    <row r="1732" spans="1:8" x14ac:dyDescent="0.25">
      <c r="A1732" s="1">
        <v>45019</v>
      </c>
      <c r="B1732" t="s">
        <v>1336</v>
      </c>
      <c r="C1732" t="s">
        <v>9</v>
      </c>
      <c r="D1732" t="s">
        <v>10</v>
      </c>
      <c r="E1732" t="s">
        <v>11</v>
      </c>
      <c r="F1732" s="2">
        <v>1</v>
      </c>
      <c r="G1732" t="s">
        <v>37</v>
      </c>
      <c r="H1732" t="s">
        <v>13</v>
      </c>
    </row>
    <row r="1733" spans="1:8" x14ac:dyDescent="0.25">
      <c r="A1733" s="1">
        <v>45018</v>
      </c>
      <c r="B1733" t="s">
        <v>1337</v>
      </c>
      <c r="C1733" t="s">
        <v>86</v>
      </c>
      <c r="D1733" t="s">
        <v>10</v>
      </c>
      <c r="E1733" t="s">
        <v>11</v>
      </c>
      <c r="F1733" s="2">
        <v>1</v>
      </c>
      <c r="G1733" t="s">
        <v>31</v>
      </c>
      <c r="H1733" t="s">
        <v>13</v>
      </c>
    </row>
    <row r="1734" spans="1:8" x14ac:dyDescent="0.25">
      <c r="A1734" s="1">
        <v>45018</v>
      </c>
      <c r="B1734" t="s">
        <v>1337</v>
      </c>
      <c r="C1734" t="s">
        <v>96</v>
      </c>
      <c r="D1734" t="s">
        <v>10</v>
      </c>
      <c r="E1734" t="s">
        <v>11</v>
      </c>
      <c r="F1734" s="2">
        <v>1</v>
      </c>
      <c r="G1734" t="s">
        <v>31</v>
      </c>
      <c r="H1734" t="s">
        <v>13</v>
      </c>
    </row>
    <row r="1735" spans="1:8" x14ac:dyDescent="0.25">
      <c r="A1735" s="1">
        <v>45017</v>
      </c>
      <c r="B1735" t="s">
        <v>1338</v>
      </c>
      <c r="C1735" t="s">
        <v>47</v>
      </c>
      <c r="D1735" t="s">
        <v>10</v>
      </c>
      <c r="E1735" t="s">
        <v>11</v>
      </c>
      <c r="F1735" s="2">
        <v>1</v>
      </c>
      <c r="G1735" t="s">
        <v>24</v>
      </c>
      <c r="H1735" t="s">
        <v>13</v>
      </c>
    </row>
    <row r="1736" spans="1:8" x14ac:dyDescent="0.25">
      <c r="A1736" s="1">
        <v>45017</v>
      </c>
      <c r="B1736" t="s">
        <v>1338</v>
      </c>
      <c r="C1736" t="s">
        <v>14</v>
      </c>
      <c r="D1736" t="s">
        <v>10</v>
      </c>
      <c r="E1736" t="s">
        <v>11</v>
      </c>
      <c r="F1736" s="2">
        <v>1</v>
      </c>
      <c r="G1736" t="s">
        <v>24</v>
      </c>
      <c r="H1736" t="s">
        <v>13</v>
      </c>
    </row>
    <row r="1737" spans="1:8" x14ac:dyDescent="0.25">
      <c r="A1737" s="1">
        <v>45017</v>
      </c>
      <c r="B1737" t="s">
        <v>1339</v>
      </c>
      <c r="C1737" t="s">
        <v>19</v>
      </c>
      <c r="D1737" t="s">
        <v>10</v>
      </c>
      <c r="E1737" t="s">
        <v>11</v>
      </c>
      <c r="F1737" s="2">
        <v>1</v>
      </c>
      <c r="G1737" t="s">
        <v>1340</v>
      </c>
      <c r="H1737" t="s">
        <v>13</v>
      </c>
    </row>
    <row r="1738" spans="1:8" x14ac:dyDescent="0.25">
      <c r="A1738" s="1">
        <v>45017</v>
      </c>
      <c r="B1738" t="s">
        <v>1339</v>
      </c>
      <c r="C1738" t="s">
        <v>103</v>
      </c>
      <c r="D1738" t="s">
        <v>10</v>
      </c>
      <c r="E1738" t="s">
        <v>11</v>
      </c>
      <c r="F1738" s="2">
        <v>1</v>
      </c>
      <c r="G1738" t="s">
        <v>1340</v>
      </c>
      <c r="H1738" t="s">
        <v>13</v>
      </c>
    </row>
    <row r="1739" spans="1:8" x14ac:dyDescent="0.25">
      <c r="A1739" s="1">
        <v>45017</v>
      </c>
      <c r="B1739" t="s">
        <v>1341</v>
      </c>
      <c r="C1739" t="s">
        <v>9</v>
      </c>
      <c r="D1739" t="s">
        <v>10</v>
      </c>
      <c r="E1739" t="s">
        <v>11</v>
      </c>
      <c r="F1739" s="2">
        <v>1</v>
      </c>
      <c r="G1739" t="s">
        <v>37</v>
      </c>
      <c r="H1739" t="s">
        <v>13</v>
      </c>
    </row>
    <row r="1740" spans="1:8" x14ac:dyDescent="0.25">
      <c r="A1740" s="1">
        <v>45016</v>
      </c>
      <c r="B1740" t="s">
        <v>1342</v>
      </c>
      <c r="C1740" t="s">
        <v>79</v>
      </c>
      <c r="D1740" t="s">
        <v>10</v>
      </c>
      <c r="E1740" t="s">
        <v>11</v>
      </c>
      <c r="F1740" s="2">
        <v>1</v>
      </c>
      <c r="G1740" t="s">
        <v>135</v>
      </c>
      <c r="H1740" t="s">
        <v>13</v>
      </c>
    </row>
    <row r="1741" spans="1:8" x14ac:dyDescent="0.25">
      <c r="A1741" s="1">
        <v>45016</v>
      </c>
      <c r="B1741" t="s">
        <v>1342</v>
      </c>
      <c r="C1741" t="s">
        <v>80</v>
      </c>
      <c r="D1741" t="s">
        <v>10</v>
      </c>
      <c r="E1741" t="s">
        <v>11</v>
      </c>
      <c r="F1741" s="2">
        <v>1</v>
      </c>
      <c r="G1741" t="s">
        <v>135</v>
      </c>
      <c r="H1741" t="s">
        <v>13</v>
      </c>
    </row>
    <row r="1742" spans="1:8" x14ac:dyDescent="0.25">
      <c r="A1742" s="1">
        <v>45014</v>
      </c>
      <c r="B1742" t="s">
        <v>1343</v>
      </c>
      <c r="C1742" t="s">
        <v>86</v>
      </c>
      <c r="D1742" t="s">
        <v>10</v>
      </c>
      <c r="E1742" t="s">
        <v>11</v>
      </c>
      <c r="F1742" s="2">
        <v>1</v>
      </c>
      <c r="G1742" t="s">
        <v>12</v>
      </c>
      <c r="H1742" t="s">
        <v>13</v>
      </c>
    </row>
    <row r="1743" spans="1:8" x14ac:dyDescent="0.25">
      <c r="A1743" s="1">
        <v>45013</v>
      </c>
      <c r="B1743" t="s">
        <v>1344</v>
      </c>
      <c r="C1743" t="s">
        <v>76</v>
      </c>
      <c r="D1743" t="s">
        <v>10</v>
      </c>
      <c r="E1743" t="s">
        <v>11</v>
      </c>
      <c r="F1743" s="2">
        <v>1</v>
      </c>
      <c r="G1743" t="s">
        <v>154</v>
      </c>
      <c r="H1743" t="s">
        <v>13</v>
      </c>
    </row>
    <row r="1744" spans="1:8" x14ac:dyDescent="0.25">
      <c r="A1744" s="1">
        <v>45011</v>
      </c>
      <c r="B1744" t="s">
        <v>1345</v>
      </c>
      <c r="C1744" t="s">
        <v>271</v>
      </c>
      <c r="D1744" t="s">
        <v>10</v>
      </c>
      <c r="E1744" t="s">
        <v>11</v>
      </c>
      <c r="F1744" s="2">
        <v>1</v>
      </c>
      <c r="G1744" t="s">
        <v>135</v>
      </c>
      <c r="H1744" t="s">
        <v>13</v>
      </c>
    </row>
    <row r="1745" spans="1:8" x14ac:dyDescent="0.25">
      <c r="A1745" s="1">
        <v>45011</v>
      </c>
      <c r="B1745" t="s">
        <v>1345</v>
      </c>
      <c r="C1745" t="s">
        <v>14</v>
      </c>
      <c r="D1745" t="s">
        <v>10</v>
      </c>
      <c r="E1745" t="s">
        <v>11</v>
      </c>
      <c r="F1745" s="2">
        <v>1</v>
      </c>
      <c r="G1745" t="s">
        <v>135</v>
      </c>
      <c r="H1745" t="s">
        <v>13</v>
      </c>
    </row>
    <row r="1746" spans="1:8" x14ac:dyDescent="0.25">
      <c r="A1746" s="1">
        <v>45011</v>
      </c>
      <c r="B1746" t="s">
        <v>1346</v>
      </c>
      <c r="C1746" t="s">
        <v>19</v>
      </c>
      <c r="D1746" t="s">
        <v>10</v>
      </c>
      <c r="E1746" t="s">
        <v>11</v>
      </c>
      <c r="F1746" s="2">
        <v>1</v>
      </c>
      <c r="G1746" t="s">
        <v>20</v>
      </c>
      <c r="H1746" t="s">
        <v>13</v>
      </c>
    </row>
    <row r="1747" spans="1:8" x14ac:dyDescent="0.25">
      <c r="A1747" s="1">
        <v>45011</v>
      </c>
      <c r="B1747" t="s">
        <v>1346</v>
      </c>
      <c r="C1747" t="s">
        <v>9</v>
      </c>
      <c r="D1747" t="s">
        <v>10</v>
      </c>
      <c r="E1747" t="s">
        <v>11</v>
      </c>
      <c r="F1747" s="2">
        <v>1</v>
      </c>
      <c r="G1747" t="s">
        <v>20</v>
      </c>
      <c r="H1747" t="s">
        <v>13</v>
      </c>
    </row>
    <row r="1748" spans="1:8" x14ac:dyDescent="0.25">
      <c r="A1748" s="1">
        <v>45010</v>
      </c>
      <c r="B1748" t="s">
        <v>1347</v>
      </c>
      <c r="C1748" t="s">
        <v>19</v>
      </c>
      <c r="D1748" t="s">
        <v>10</v>
      </c>
      <c r="E1748" t="s">
        <v>11</v>
      </c>
      <c r="F1748" s="2">
        <v>1</v>
      </c>
      <c r="G1748" t="s">
        <v>194</v>
      </c>
      <c r="H1748" t="s">
        <v>13</v>
      </c>
    </row>
    <row r="1749" spans="1:8" x14ac:dyDescent="0.25">
      <c r="A1749" s="1">
        <v>45009</v>
      </c>
      <c r="B1749" t="s">
        <v>1348</v>
      </c>
      <c r="C1749" t="s">
        <v>19</v>
      </c>
      <c r="D1749" t="s">
        <v>10</v>
      </c>
      <c r="E1749" t="s">
        <v>11</v>
      </c>
      <c r="F1749" s="2">
        <v>1</v>
      </c>
      <c r="G1749" t="s">
        <v>20</v>
      </c>
      <c r="H1749" t="s">
        <v>13</v>
      </c>
    </row>
    <row r="1750" spans="1:8" x14ac:dyDescent="0.25">
      <c r="A1750" s="1">
        <v>45009</v>
      </c>
      <c r="B1750" t="s">
        <v>1349</v>
      </c>
      <c r="C1750" t="s">
        <v>9</v>
      </c>
      <c r="D1750" t="s">
        <v>10</v>
      </c>
      <c r="E1750" t="s">
        <v>11</v>
      </c>
      <c r="F1750" s="2">
        <v>1</v>
      </c>
      <c r="G1750" t="s">
        <v>318</v>
      </c>
      <c r="H1750" t="s">
        <v>13</v>
      </c>
    </row>
    <row r="1751" spans="1:8" x14ac:dyDescent="0.25">
      <c r="A1751" s="1">
        <v>45008</v>
      </c>
      <c r="B1751" t="s">
        <v>1350</v>
      </c>
      <c r="C1751" t="s">
        <v>79</v>
      </c>
      <c r="D1751" t="s">
        <v>10</v>
      </c>
      <c r="E1751" t="s">
        <v>11</v>
      </c>
      <c r="F1751" s="2">
        <v>1</v>
      </c>
      <c r="G1751" t="s">
        <v>306</v>
      </c>
      <c r="H1751" t="s">
        <v>13</v>
      </c>
    </row>
    <row r="1752" spans="1:8" x14ac:dyDescent="0.25">
      <c r="A1752" s="1">
        <v>45008</v>
      </c>
      <c r="B1752" t="s">
        <v>1350</v>
      </c>
      <c r="C1752" t="s">
        <v>80</v>
      </c>
      <c r="D1752" t="s">
        <v>10</v>
      </c>
      <c r="E1752" t="s">
        <v>11</v>
      </c>
      <c r="F1752" s="2">
        <v>1</v>
      </c>
      <c r="G1752" t="s">
        <v>306</v>
      </c>
      <c r="H1752" t="s">
        <v>13</v>
      </c>
    </row>
    <row r="1753" spans="1:8" x14ac:dyDescent="0.25">
      <c r="A1753" s="1">
        <v>45008</v>
      </c>
      <c r="B1753" t="s">
        <v>1351</v>
      </c>
      <c r="C1753" t="s">
        <v>79</v>
      </c>
      <c r="D1753" t="s">
        <v>10</v>
      </c>
      <c r="E1753" t="s">
        <v>11</v>
      </c>
      <c r="F1753" s="2">
        <v>1</v>
      </c>
      <c r="G1753" t="s">
        <v>135</v>
      </c>
      <c r="H1753" t="s">
        <v>13</v>
      </c>
    </row>
    <row r="1754" spans="1:8" x14ac:dyDescent="0.25">
      <c r="A1754" s="1">
        <v>45008</v>
      </c>
      <c r="B1754" t="s">
        <v>1351</v>
      </c>
      <c r="C1754" t="s">
        <v>80</v>
      </c>
      <c r="D1754" t="s">
        <v>10</v>
      </c>
      <c r="E1754" t="s">
        <v>11</v>
      </c>
      <c r="F1754" s="2">
        <v>1</v>
      </c>
      <c r="G1754" t="s">
        <v>135</v>
      </c>
      <c r="H1754" t="s">
        <v>13</v>
      </c>
    </row>
    <row r="1755" spans="1:8" x14ac:dyDescent="0.25">
      <c r="A1755" s="1">
        <v>45008</v>
      </c>
      <c r="B1755" t="s">
        <v>1352</v>
      </c>
      <c r="C1755" t="s">
        <v>1353</v>
      </c>
      <c r="D1755" t="s">
        <v>10</v>
      </c>
      <c r="E1755" t="s">
        <v>11</v>
      </c>
      <c r="F1755" s="2">
        <v>1</v>
      </c>
      <c r="G1755" t="s">
        <v>318</v>
      </c>
      <c r="H1755" t="s">
        <v>13</v>
      </c>
    </row>
    <row r="1756" spans="1:8" x14ac:dyDescent="0.25">
      <c r="A1756" s="1">
        <v>45008</v>
      </c>
      <c r="B1756" t="s">
        <v>1354</v>
      </c>
      <c r="C1756" t="s">
        <v>9</v>
      </c>
      <c r="D1756" t="s">
        <v>10</v>
      </c>
      <c r="E1756" t="s">
        <v>11</v>
      </c>
      <c r="F1756" s="2">
        <v>1</v>
      </c>
      <c r="G1756" t="s">
        <v>77</v>
      </c>
      <c r="H1756" t="s">
        <v>13</v>
      </c>
    </row>
    <row r="1757" spans="1:8" x14ac:dyDescent="0.25">
      <c r="A1757" s="1">
        <v>45008</v>
      </c>
      <c r="B1757" t="s">
        <v>1354</v>
      </c>
      <c r="C1757" t="s">
        <v>16</v>
      </c>
      <c r="D1757" t="s">
        <v>10</v>
      </c>
      <c r="E1757" t="s">
        <v>11</v>
      </c>
      <c r="F1757" s="2">
        <v>1</v>
      </c>
      <c r="G1757" t="s">
        <v>77</v>
      </c>
      <c r="H1757" t="s">
        <v>13</v>
      </c>
    </row>
    <row r="1758" spans="1:8" x14ac:dyDescent="0.25">
      <c r="A1758" s="1">
        <v>45008</v>
      </c>
      <c r="B1758" t="s">
        <v>1355</v>
      </c>
      <c r="C1758" t="s">
        <v>35</v>
      </c>
      <c r="D1758" t="s">
        <v>10</v>
      </c>
      <c r="E1758" t="s">
        <v>11</v>
      </c>
      <c r="F1758" s="2">
        <v>1</v>
      </c>
      <c r="G1758" t="s">
        <v>1356</v>
      </c>
      <c r="H1758" t="s">
        <v>13</v>
      </c>
    </row>
    <row r="1759" spans="1:8" x14ac:dyDescent="0.25">
      <c r="A1759" s="1">
        <v>45008</v>
      </c>
      <c r="B1759" t="s">
        <v>1357</v>
      </c>
      <c r="C1759" t="s">
        <v>47</v>
      </c>
      <c r="D1759" t="s">
        <v>10</v>
      </c>
      <c r="E1759" t="s">
        <v>11</v>
      </c>
      <c r="F1759" s="2">
        <v>1</v>
      </c>
      <c r="G1759" t="s">
        <v>145</v>
      </c>
      <c r="H1759" t="s">
        <v>13</v>
      </c>
    </row>
    <row r="1760" spans="1:8" x14ac:dyDescent="0.25">
      <c r="A1760" s="1">
        <v>45008</v>
      </c>
      <c r="B1760" t="s">
        <v>1357</v>
      </c>
      <c r="C1760" t="s">
        <v>47</v>
      </c>
      <c r="D1760" t="s">
        <v>10</v>
      </c>
      <c r="E1760" t="s">
        <v>11</v>
      </c>
      <c r="F1760" s="2">
        <v>1</v>
      </c>
      <c r="G1760" t="s">
        <v>145</v>
      </c>
      <c r="H1760" t="s">
        <v>13</v>
      </c>
    </row>
    <row r="1761" spans="1:8" x14ac:dyDescent="0.25">
      <c r="A1761" s="1">
        <v>45006</v>
      </c>
      <c r="B1761" t="s">
        <v>1358</v>
      </c>
      <c r="C1761" t="s">
        <v>9</v>
      </c>
      <c r="D1761" t="s">
        <v>10</v>
      </c>
      <c r="E1761" t="s">
        <v>11</v>
      </c>
      <c r="F1761" s="2">
        <v>1</v>
      </c>
      <c r="G1761" t="s">
        <v>37</v>
      </c>
      <c r="H1761" t="s">
        <v>13</v>
      </c>
    </row>
    <row r="1762" spans="1:8" x14ac:dyDescent="0.25">
      <c r="A1762" s="1">
        <v>45006</v>
      </c>
      <c r="B1762" t="s">
        <v>1358</v>
      </c>
      <c r="C1762" t="s">
        <v>9</v>
      </c>
      <c r="D1762" t="s">
        <v>10</v>
      </c>
      <c r="E1762" t="s">
        <v>11</v>
      </c>
      <c r="F1762" s="2">
        <v>1</v>
      </c>
      <c r="G1762" t="s">
        <v>37</v>
      </c>
      <c r="H1762" t="s">
        <v>13</v>
      </c>
    </row>
    <row r="1763" spans="1:8" x14ac:dyDescent="0.25">
      <c r="A1763" s="1">
        <v>45006</v>
      </c>
      <c r="B1763" t="s">
        <v>1358</v>
      </c>
      <c r="C1763" t="s">
        <v>9</v>
      </c>
      <c r="D1763" t="s">
        <v>10</v>
      </c>
      <c r="E1763" t="s">
        <v>11</v>
      </c>
      <c r="F1763" s="2">
        <v>1</v>
      </c>
      <c r="G1763" t="s">
        <v>37</v>
      </c>
      <c r="H1763" t="s">
        <v>13</v>
      </c>
    </row>
    <row r="1764" spans="1:8" x14ac:dyDescent="0.25">
      <c r="A1764" s="1">
        <v>45006</v>
      </c>
      <c r="B1764" t="s">
        <v>1358</v>
      </c>
      <c r="C1764" t="s">
        <v>9</v>
      </c>
      <c r="D1764" t="s">
        <v>10</v>
      </c>
      <c r="E1764" t="s">
        <v>11</v>
      </c>
      <c r="F1764" s="2">
        <v>1</v>
      </c>
      <c r="G1764" t="s">
        <v>37</v>
      </c>
      <c r="H1764" t="s">
        <v>13</v>
      </c>
    </row>
    <row r="1765" spans="1:8" x14ac:dyDescent="0.25">
      <c r="A1765" s="1">
        <v>45006</v>
      </c>
      <c r="B1765" t="s">
        <v>1358</v>
      </c>
      <c r="C1765" t="s">
        <v>379</v>
      </c>
      <c r="D1765" t="s">
        <v>10</v>
      </c>
      <c r="E1765" t="s">
        <v>11</v>
      </c>
      <c r="F1765" s="2">
        <v>1</v>
      </c>
      <c r="G1765" t="s">
        <v>37</v>
      </c>
      <c r="H1765" t="s">
        <v>13</v>
      </c>
    </row>
    <row r="1766" spans="1:8" x14ac:dyDescent="0.25">
      <c r="A1766" s="1">
        <v>45006</v>
      </c>
      <c r="B1766" t="s">
        <v>1358</v>
      </c>
      <c r="C1766" t="s">
        <v>379</v>
      </c>
      <c r="D1766" t="s">
        <v>10</v>
      </c>
      <c r="E1766" t="s">
        <v>11</v>
      </c>
      <c r="F1766" s="2">
        <v>1</v>
      </c>
      <c r="G1766" t="s">
        <v>37</v>
      </c>
      <c r="H1766" t="s">
        <v>13</v>
      </c>
    </row>
    <row r="1767" spans="1:8" x14ac:dyDescent="0.25">
      <c r="A1767" s="1">
        <v>45006</v>
      </c>
      <c r="B1767" t="s">
        <v>1358</v>
      </c>
      <c r="C1767" t="s">
        <v>379</v>
      </c>
      <c r="D1767" t="s">
        <v>10</v>
      </c>
      <c r="E1767" t="s">
        <v>11</v>
      </c>
      <c r="F1767" s="2">
        <v>1</v>
      </c>
      <c r="G1767" t="s">
        <v>37</v>
      </c>
      <c r="H1767" t="s">
        <v>13</v>
      </c>
    </row>
    <row r="1768" spans="1:8" x14ac:dyDescent="0.25">
      <c r="A1768" s="1">
        <v>45006</v>
      </c>
      <c r="B1768" t="s">
        <v>1358</v>
      </c>
      <c r="C1768" t="s">
        <v>379</v>
      </c>
      <c r="D1768" t="s">
        <v>10</v>
      </c>
      <c r="E1768" t="s">
        <v>11</v>
      </c>
      <c r="F1768" s="2">
        <v>1</v>
      </c>
      <c r="G1768" t="s">
        <v>37</v>
      </c>
      <c r="H1768" t="s">
        <v>13</v>
      </c>
    </row>
    <row r="1769" spans="1:8" x14ac:dyDescent="0.25">
      <c r="A1769" s="1">
        <v>45006</v>
      </c>
      <c r="B1769" t="s">
        <v>1359</v>
      </c>
      <c r="C1769" t="s">
        <v>32</v>
      </c>
      <c r="D1769" t="s">
        <v>10</v>
      </c>
      <c r="E1769" t="s">
        <v>11</v>
      </c>
      <c r="F1769" s="2">
        <v>1</v>
      </c>
      <c r="G1769" t="s">
        <v>27</v>
      </c>
      <c r="H1769" t="s">
        <v>13</v>
      </c>
    </row>
    <row r="1770" spans="1:8" x14ac:dyDescent="0.25">
      <c r="A1770" s="1">
        <v>45005</v>
      </c>
      <c r="B1770" t="s">
        <v>1360</v>
      </c>
      <c r="C1770" t="s">
        <v>79</v>
      </c>
      <c r="D1770" t="s">
        <v>10</v>
      </c>
      <c r="E1770" t="s">
        <v>11</v>
      </c>
      <c r="F1770" s="2">
        <v>1</v>
      </c>
      <c r="G1770" t="s">
        <v>145</v>
      </c>
      <c r="H1770" t="s">
        <v>13</v>
      </c>
    </row>
    <row r="1771" spans="1:8" x14ac:dyDescent="0.25">
      <c r="A1771" s="1">
        <v>45005</v>
      </c>
      <c r="B1771" t="s">
        <v>1360</v>
      </c>
      <c r="C1771" t="s">
        <v>80</v>
      </c>
      <c r="D1771" t="s">
        <v>10</v>
      </c>
      <c r="E1771" t="s">
        <v>11</v>
      </c>
      <c r="F1771" s="2">
        <v>1</v>
      </c>
      <c r="G1771" t="s">
        <v>145</v>
      </c>
      <c r="H1771" t="s">
        <v>13</v>
      </c>
    </row>
    <row r="1772" spans="1:8" x14ac:dyDescent="0.25">
      <c r="A1772" s="1">
        <v>45005</v>
      </c>
      <c r="B1772" t="s">
        <v>1361</v>
      </c>
      <c r="C1772" t="s">
        <v>9</v>
      </c>
      <c r="D1772" t="s">
        <v>10</v>
      </c>
      <c r="E1772" t="s">
        <v>11</v>
      </c>
      <c r="F1772" s="2">
        <v>1</v>
      </c>
      <c r="G1772" t="s">
        <v>1362</v>
      </c>
      <c r="H1772" t="s">
        <v>13</v>
      </c>
    </row>
    <row r="1773" spans="1:8" x14ac:dyDescent="0.25">
      <c r="A1773" s="1">
        <v>45004</v>
      </c>
      <c r="B1773" t="s">
        <v>1363</v>
      </c>
      <c r="C1773" t="s">
        <v>484</v>
      </c>
      <c r="D1773" t="s">
        <v>10</v>
      </c>
      <c r="E1773" t="s">
        <v>11</v>
      </c>
      <c r="F1773" s="2">
        <v>1</v>
      </c>
      <c r="G1773" t="s">
        <v>100</v>
      </c>
      <c r="H1773" t="s">
        <v>13</v>
      </c>
    </row>
    <row r="1774" spans="1:8" x14ac:dyDescent="0.25">
      <c r="A1774" s="1">
        <v>45004</v>
      </c>
      <c r="B1774" t="s">
        <v>1364</v>
      </c>
      <c r="C1774" t="s">
        <v>96</v>
      </c>
      <c r="D1774" t="s">
        <v>10</v>
      </c>
      <c r="E1774" t="s">
        <v>11</v>
      </c>
      <c r="F1774" s="2">
        <v>1</v>
      </c>
      <c r="G1774" t="s">
        <v>20</v>
      </c>
      <c r="H1774" t="s">
        <v>13</v>
      </c>
    </row>
    <row r="1775" spans="1:8" x14ac:dyDescent="0.25">
      <c r="A1775" s="1">
        <v>45004</v>
      </c>
      <c r="B1775" t="s">
        <v>1365</v>
      </c>
      <c r="C1775" t="s">
        <v>29</v>
      </c>
      <c r="D1775" t="s">
        <v>10</v>
      </c>
      <c r="E1775" t="s">
        <v>11</v>
      </c>
      <c r="F1775" s="2">
        <v>1</v>
      </c>
      <c r="G1775" t="s">
        <v>157</v>
      </c>
      <c r="H1775" t="s">
        <v>13</v>
      </c>
    </row>
    <row r="1776" spans="1:8" x14ac:dyDescent="0.25">
      <c r="A1776" s="1">
        <v>45004</v>
      </c>
      <c r="B1776" t="s">
        <v>1365</v>
      </c>
      <c r="C1776" t="s">
        <v>35</v>
      </c>
      <c r="D1776" t="s">
        <v>10</v>
      </c>
      <c r="E1776" t="s">
        <v>11</v>
      </c>
      <c r="F1776" s="2">
        <v>1</v>
      </c>
      <c r="G1776" t="s">
        <v>157</v>
      </c>
      <c r="H1776" t="s">
        <v>13</v>
      </c>
    </row>
    <row r="1777" spans="1:8" x14ac:dyDescent="0.25">
      <c r="A1777" s="1">
        <v>45001</v>
      </c>
      <c r="B1777" t="s">
        <v>1366</v>
      </c>
      <c r="C1777" t="s">
        <v>96</v>
      </c>
      <c r="D1777" t="s">
        <v>26</v>
      </c>
      <c r="E1777" t="s">
        <v>11</v>
      </c>
      <c r="F1777" s="2">
        <v>1</v>
      </c>
      <c r="G1777" t="s">
        <v>135</v>
      </c>
      <c r="H1777" t="s">
        <v>13</v>
      </c>
    </row>
    <row r="1778" spans="1:8" x14ac:dyDescent="0.25">
      <c r="A1778" s="1">
        <v>45001</v>
      </c>
      <c r="B1778" t="s">
        <v>1367</v>
      </c>
      <c r="C1778" t="s">
        <v>762</v>
      </c>
      <c r="D1778" t="s">
        <v>10</v>
      </c>
      <c r="E1778" t="s">
        <v>11</v>
      </c>
      <c r="F1778" s="2">
        <v>1</v>
      </c>
      <c r="G1778" t="s">
        <v>63</v>
      </c>
      <c r="H1778" t="s">
        <v>13</v>
      </c>
    </row>
    <row r="1779" spans="1:8" x14ac:dyDescent="0.25">
      <c r="A1779" s="1">
        <v>45001</v>
      </c>
      <c r="B1779" t="s">
        <v>1368</v>
      </c>
      <c r="C1779" t="s">
        <v>79</v>
      </c>
      <c r="D1779" t="s">
        <v>10</v>
      </c>
      <c r="E1779" t="s">
        <v>11</v>
      </c>
      <c r="F1779" s="2">
        <v>1</v>
      </c>
      <c r="G1779" t="s">
        <v>111</v>
      </c>
      <c r="H1779" t="s">
        <v>13</v>
      </c>
    </row>
    <row r="1780" spans="1:8" x14ac:dyDescent="0.25">
      <c r="A1780" s="1">
        <v>45001</v>
      </c>
      <c r="B1780" t="s">
        <v>1368</v>
      </c>
      <c r="C1780" t="s">
        <v>80</v>
      </c>
      <c r="D1780" t="s">
        <v>10</v>
      </c>
      <c r="E1780" t="s">
        <v>11</v>
      </c>
      <c r="F1780" s="2">
        <v>1</v>
      </c>
      <c r="G1780" t="s">
        <v>111</v>
      </c>
      <c r="H1780" t="s">
        <v>13</v>
      </c>
    </row>
    <row r="1781" spans="1:8" x14ac:dyDescent="0.25">
      <c r="A1781" s="1">
        <v>45001</v>
      </c>
      <c r="B1781" t="s">
        <v>1369</v>
      </c>
      <c r="C1781" t="s">
        <v>86</v>
      </c>
      <c r="D1781" t="s">
        <v>10</v>
      </c>
      <c r="E1781" t="s">
        <v>11</v>
      </c>
      <c r="F1781" s="2">
        <v>1</v>
      </c>
      <c r="G1781" t="s">
        <v>46</v>
      </c>
      <c r="H1781" t="s">
        <v>13</v>
      </c>
    </row>
    <row r="1782" spans="1:8" x14ac:dyDescent="0.25">
      <c r="A1782" s="1">
        <v>45000</v>
      </c>
      <c r="B1782" t="s">
        <v>1370</v>
      </c>
      <c r="C1782" t="s">
        <v>174</v>
      </c>
      <c r="D1782" t="s">
        <v>10</v>
      </c>
      <c r="E1782" t="s">
        <v>11</v>
      </c>
      <c r="F1782" s="2">
        <v>1</v>
      </c>
      <c r="G1782" t="s">
        <v>93</v>
      </c>
      <c r="H1782" t="s">
        <v>13</v>
      </c>
    </row>
    <row r="1783" spans="1:8" x14ac:dyDescent="0.25">
      <c r="A1783" s="1">
        <v>45000</v>
      </c>
      <c r="B1783" t="s">
        <v>1371</v>
      </c>
      <c r="C1783" t="s">
        <v>174</v>
      </c>
      <c r="D1783" t="s">
        <v>10</v>
      </c>
      <c r="E1783" t="s">
        <v>11</v>
      </c>
      <c r="F1783" s="2">
        <v>1</v>
      </c>
      <c r="G1783" t="s">
        <v>157</v>
      </c>
      <c r="H1783" t="s">
        <v>13</v>
      </c>
    </row>
    <row r="1784" spans="1:8" x14ac:dyDescent="0.25">
      <c r="A1784" s="1">
        <v>44999</v>
      </c>
      <c r="B1784" t="s">
        <v>1372</v>
      </c>
      <c r="C1784" t="s">
        <v>9</v>
      </c>
      <c r="D1784" t="s">
        <v>10</v>
      </c>
      <c r="E1784" t="s">
        <v>11</v>
      </c>
      <c r="F1784" s="2">
        <v>1</v>
      </c>
      <c r="G1784" t="s">
        <v>44</v>
      </c>
      <c r="H1784" t="s">
        <v>13</v>
      </c>
    </row>
    <row r="1785" spans="1:8" x14ac:dyDescent="0.25">
      <c r="A1785" s="1">
        <v>44999</v>
      </c>
      <c r="B1785" t="s">
        <v>1373</v>
      </c>
      <c r="C1785" t="s">
        <v>19</v>
      </c>
      <c r="D1785" t="s">
        <v>10</v>
      </c>
      <c r="E1785" t="s">
        <v>11</v>
      </c>
      <c r="F1785" s="2">
        <v>1</v>
      </c>
      <c r="G1785" t="s">
        <v>44</v>
      </c>
      <c r="H1785" t="s">
        <v>13</v>
      </c>
    </row>
    <row r="1786" spans="1:8" x14ac:dyDescent="0.25">
      <c r="A1786" s="1">
        <v>44999</v>
      </c>
      <c r="B1786" t="s">
        <v>1374</v>
      </c>
      <c r="C1786" t="s">
        <v>79</v>
      </c>
      <c r="D1786" t="s">
        <v>10</v>
      </c>
      <c r="E1786" t="s">
        <v>11</v>
      </c>
      <c r="F1786" s="2">
        <v>1</v>
      </c>
      <c r="G1786" t="s">
        <v>624</v>
      </c>
      <c r="H1786" t="s">
        <v>13</v>
      </c>
    </row>
    <row r="1787" spans="1:8" x14ac:dyDescent="0.25">
      <c r="A1787" s="1">
        <v>44999</v>
      </c>
      <c r="B1787" t="s">
        <v>1374</v>
      </c>
      <c r="C1787" t="s">
        <v>80</v>
      </c>
      <c r="D1787" t="s">
        <v>10</v>
      </c>
      <c r="E1787" t="s">
        <v>11</v>
      </c>
      <c r="F1787" s="2">
        <v>1</v>
      </c>
      <c r="G1787" t="s">
        <v>624</v>
      </c>
      <c r="H1787" t="s">
        <v>13</v>
      </c>
    </row>
    <row r="1788" spans="1:8" x14ac:dyDescent="0.25">
      <c r="A1788" s="1">
        <v>44998</v>
      </c>
      <c r="B1788" t="s">
        <v>1375</v>
      </c>
      <c r="C1788" t="s">
        <v>32</v>
      </c>
      <c r="D1788" t="s">
        <v>10</v>
      </c>
      <c r="E1788" t="s">
        <v>11</v>
      </c>
      <c r="F1788" s="2">
        <v>1</v>
      </c>
      <c r="G1788" t="s">
        <v>46</v>
      </c>
      <c r="H1788" t="s">
        <v>13</v>
      </c>
    </row>
    <row r="1789" spans="1:8" x14ac:dyDescent="0.25">
      <c r="A1789" s="1">
        <v>44998</v>
      </c>
      <c r="B1789" t="s">
        <v>1376</v>
      </c>
      <c r="C1789" t="s">
        <v>92</v>
      </c>
      <c r="D1789" t="s">
        <v>26</v>
      </c>
      <c r="E1789" t="s">
        <v>11</v>
      </c>
      <c r="F1789" s="2">
        <v>1</v>
      </c>
      <c r="G1789" t="s">
        <v>46</v>
      </c>
      <c r="H1789" t="s">
        <v>13</v>
      </c>
    </row>
    <row r="1790" spans="1:8" x14ac:dyDescent="0.25">
      <c r="A1790" s="1">
        <v>44997</v>
      </c>
      <c r="B1790" t="s">
        <v>1377</v>
      </c>
      <c r="C1790" t="s">
        <v>9</v>
      </c>
      <c r="D1790" t="s">
        <v>10</v>
      </c>
      <c r="E1790" t="s">
        <v>11</v>
      </c>
      <c r="F1790" s="2">
        <v>1</v>
      </c>
      <c r="G1790" t="s">
        <v>44</v>
      </c>
      <c r="H1790" t="s">
        <v>13</v>
      </c>
    </row>
    <row r="1791" spans="1:8" x14ac:dyDescent="0.25">
      <c r="A1791" s="1">
        <v>44996</v>
      </c>
      <c r="B1791" t="s">
        <v>1378</v>
      </c>
      <c r="C1791" t="s">
        <v>9</v>
      </c>
      <c r="D1791" t="s">
        <v>10</v>
      </c>
      <c r="E1791" t="s">
        <v>11</v>
      </c>
      <c r="F1791" s="2">
        <v>1</v>
      </c>
      <c r="G1791" t="s">
        <v>145</v>
      </c>
      <c r="H1791" t="s">
        <v>13</v>
      </c>
    </row>
    <row r="1792" spans="1:8" x14ac:dyDescent="0.25">
      <c r="A1792" s="1">
        <v>44996</v>
      </c>
      <c r="B1792" t="s">
        <v>1379</v>
      </c>
      <c r="C1792" t="s">
        <v>115</v>
      </c>
      <c r="D1792" t="s">
        <v>10</v>
      </c>
      <c r="E1792" t="s">
        <v>11</v>
      </c>
      <c r="F1792" s="2">
        <v>1</v>
      </c>
      <c r="G1792" t="s">
        <v>244</v>
      </c>
      <c r="H1792" t="s">
        <v>13</v>
      </c>
    </row>
    <row r="1793" spans="1:8" x14ac:dyDescent="0.25">
      <c r="A1793" s="1">
        <v>44995</v>
      </c>
      <c r="B1793" t="s">
        <v>1380</v>
      </c>
      <c r="C1793" t="s">
        <v>282</v>
      </c>
      <c r="D1793" t="s">
        <v>10</v>
      </c>
      <c r="E1793" t="s">
        <v>11</v>
      </c>
      <c r="F1793" s="2">
        <v>1</v>
      </c>
      <c r="G1793" t="s">
        <v>111</v>
      </c>
      <c r="H1793" t="s">
        <v>13</v>
      </c>
    </row>
    <row r="1794" spans="1:8" x14ac:dyDescent="0.25">
      <c r="A1794" s="1">
        <v>44995</v>
      </c>
      <c r="B1794" t="s">
        <v>1381</v>
      </c>
      <c r="C1794" t="s">
        <v>731</v>
      </c>
      <c r="D1794" t="s">
        <v>10</v>
      </c>
      <c r="E1794" t="s">
        <v>11</v>
      </c>
      <c r="F1794" s="2">
        <v>1</v>
      </c>
      <c r="G1794" t="s">
        <v>677</v>
      </c>
      <c r="H1794" t="s">
        <v>13</v>
      </c>
    </row>
    <row r="1795" spans="1:8" x14ac:dyDescent="0.25">
      <c r="A1795" s="1">
        <v>44994</v>
      </c>
      <c r="B1795" t="s">
        <v>1382</v>
      </c>
      <c r="C1795" t="s">
        <v>9</v>
      </c>
      <c r="D1795" t="s">
        <v>10</v>
      </c>
      <c r="E1795" t="s">
        <v>11</v>
      </c>
      <c r="F1795" s="2">
        <v>1</v>
      </c>
      <c r="G1795" t="s">
        <v>100</v>
      </c>
      <c r="H1795" t="s">
        <v>13</v>
      </c>
    </row>
    <row r="1796" spans="1:8" x14ac:dyDescent="0.25">
      <c r="A1796" s="1">
        <v>44994</v>
      </c>
      <c r="B1796" t="s">
        <v>1382</v>
      </c>
      <c r="C1796" t="s">
        <v>1383</v>
      </c>
      <c r="D1796" t="s">
        <v>10</v>
      </c>
      <c r="E1796" t="s">
        <v>11</v>
      </c>
      <c r="F1796" s="2">
        <v>1</v>
      </c>
      <c r="G1796" t="s">
        <v>100</v>
      </c>
      <c r="H1796" t="s">
        <v>13</v>
      </c>
    </row>
    <row r="1797" spans="1:8" x14ac:dyDescent="0.25">
      <c r="A1797" s="1">
        <v>44993</v>
      </c>
      <c r="B1797" t="s">
        <v>1384</v>
      </c>
      <c r="C1797" t="s">
        <v>9</v>
      </c>
      <c r="D1797" t="s">
        <v>10</v>
      </c>
      <c r="E1797" t="s">
        <v>11</v>
      </c>
      <c r="F1797" s="2">
        <v>1</v>
      </c>
      <c r="G1797" t="s">
        <v>20</v>
      </c>
      <c r="H1797" t="s">
        <v>13</v>
      </c>
    </row>
    <row r="1798" spans="1:8" x14ac:dyDescent="0.25">
      <c r="A1798" s="1">
        <v>44993</v>
      </c>
      <c r="B1798" t="s">
        <v>1384</v>
      </c>
      <c r="C1798" t="s">
        <v>50</v>
      </c>
      <c r="D1798" t="s">
        <v>10</v>
      </c>
      <c r="E1798" t="s">
        <v>11</v>
      </c>
      <c r="F1798" s="2">
        <v>1</v>
      </c>
      <c r="G1798" t="s">
        <v>20</v>
      </c>
      <c r="H1798" t="s">
        <v>13</v>
      </c>
    </row>
    <row r="1799" spans="1:8" x14ac:dyDescent="0.25">
      <c r="A1799" s="1">
        <v>44992</v>
      </c>
      <c r="B1799" t="s">
        <v>1385</v>
      </c>
      <c r="C1799" t="s">
        <v>174</v>
      </c>
      <c r="D1799" t="s">
        <v>10</v>
      </c>
      <c r="E1799" t="s">
        <v>11</v>
      </c>
      <c r="F1799" s="2">
        <v>1</v>
      </c>
      <c r="G1799" t="s">
        <v>374</v>
      </c>
      <c r="H1799" t="s">
        <v>13</v>
      </c>
    </row>
    <row r="1800" spans="1:8" x14ac:dyDescent="0.25">
      <c r="A1800" s="1">
        <v>44991</v>
      </c>
      <c r="B1800" t="s">
        <v>1386</v>
      </c>
      <c r="C1800" t="s">
        <v>86</v>
      </c>
      <c r="D1800" t="s">
        <v>26</v>
      </c>
      <c r="E1800" t="s">
        <v>11</v>
      </c>
      <c r="F1800" s="2">
        <v>1</v>
      </c>
      <c r="G1800" t="s">
        <v>31</v>
      </c>
      <c r="H1800" t="s">
        <v>13</v>
      </c>
    </row>
    <row r="1801" spans="1:8" x14ac:dyDescent="0.25">
      <c r="A1801" s="1">
        <v>44990</v>
      </c>
      <c r="B1801" t="s">
        <v>1388</v>
      </c>
      <c r="C1801" t="s">
        <v>9</v>
      </c>
      <c r="D1801" t="s">
        <v>10</v>
      </c>
      <c r="E1801" t="s">
        <v>11</v>
      </c>
      <c r="F1801" s="2">
        <v>1</v>
      </c>
      <c r="G1801" t="s">
        <v>181</v>
      </c>
      <c r="H1801" t="s">
        <v>13</v>
      </c>
    </row>
    <row r="1802" spans="1:8" x14ac:dyDescent="0.25">
      <c r="A1802" s="1">
        <v>44989</v>
      </c>
      <c r="B1802" t="s">
        <v>1389</v>
      </c>
      <c r="C1802" t="s">
        <v>9</v>
      </c>
      <c r="D1802" t="s">
        <v>10</v>
      </c>
      <c r="E1802" t="s">
        <v>11</v>
      </c>
      <c r="F1802" s="2">
        <v>1</v>
      </c>
      <c r="G1802" t="s">
        <v>31</v>
      </c>
      <c r="H1802" t="s">
        <v>13</v>
      </c>
    </row>
    <row r="1803" spans="1:8" x14ac:dyDescent="0.25">
      <c r="A1803" s="1">
        <v>44989</v>
      </c>
      <c r="B1803" t="s">
        <v>1389</v>
      </c>
      <c r="C1803" t="s">
        <v>47</v>
      </c>
      <c r="D1803" t="s">
        <v>10</v>
      </c>
      <c r="E1803" t="s">
        <v>11</v>
      </c>
      <c r="F1803" s="2">
        <v>1</v>
      </c>
      <c r="G1803" t="s">
        <v>31</v>
      </c>
      <c r="H1803" t="s">
        <v>13</v>
      </c>
    </row>
    <row r="1804" spans="1:8" x14ac:dyDescent="0.25">
      <c r="A1804" s="1">
        <v>44988</v>
      </c>
      <c r="B1804" t="s">
        <v>1390</v>
      </c>
      <c r="C1804" t="s">
        <v>28</v>
      </c>
      <c r="D1804" t="s">
        <v>10</v>
      </c>
      <c r="E1804" t="s">
        <v>11</v>
      </c>
      <c r="F1804" s="2">
        <v>1</v>
      </c>
      <c r="G1804" t="s">
        <v>197</v>
      </c>
      <c r="H1804" t="s">
        <v>13</v>
      </c>
    </row>
    <row r="1805" spans="1:8" x14ac:dyDescent="0.25">
      <c r="A1805" s="1">
        <v>44988</v>
      </c>
      <c r="B1805" t="s">
        <v>1390</v>
      </c>
      <c r="C1805" t="s">
        <v>35</v>
      </c>
      <c r="D1805" t="s">
        <v>10</v>
      </c>
      <c r="E1805" t="s">
        <v>11</v>
      </c>
      <c r="F1805" s="2">
        <v>1</v>
      </c>
      <c r="G1805" t="s">
        <v>197</v>
      </c>
      <c r="H1805" t="s">
        <v>13</v>
      </c>
    </row>
    <row r="1806" spans="1:8" x14ac:dyDescent="0.25">
      <c r="A1806" s="1">
        <v>44987</v>
      </c>
      <c r="B1806" t="s">
        <v>1391</v>
      </c>
      <c r="C1806" t="s">
        <v>60</v>
      </c>
      <c r="D1806" t="s">
        <v>10</v>
      </c>
      <c r="E1806" t="s">
        <v>11</v>
      </c>
      <c r="F1806" s="2">
        <v>1</v>
      </c>
      <c r="G1806" t="s">
        <v>1392</v>
      </c>
      <c r="H1806" t="s">
        <v>13</v>
      </c>
    </row>
    <row r="1807" spans="1:8" x14ac:dyDescent="0.25">
      <c r="A1807" s="1">
        <v>44987</v>
      </c>
      <c r="B1807" t="s">
        <v>1393</v>
      </c>
      <c r="C1807" t="s">
        <v>118</v>
      </c>
      <c r="D1807" t="s">
        <v>10</v>
      </c>
      <c r="E1807" t="s">
        <v>11</v>
      </c>
      <c r="F1807" s="2">
        <v>1</v>
      </c>
      <c r="G1807" t="s">
        <v>83</v>
      </c>
      <c r="H1807" t="s">
        <v>13</v>
      </c>
    </row>
    <row r="1808" spans="1:8" x14ac:dyDescent="0.25">
      <c r="A1808" s="1">
        <v>44987</v>
      </c>
      <c r="B1808" t="s">
        <v>1393</v>
      </c>
      <c r="C1808" t="s">
        <v>1153</v>
      </c>
      <c r="D1808" t="s">
        <v>10</v>
      </c>
      <c r="E1808" t="s">
        <v>11</v>
      </c>
      <c r="F1808" s="2">
        <v>1</v>
      </c>
      <c r="G1808" t="s">
        <v>83</v>
      </c>
      <c r="H1808" t="s">
        <v>13</v>
      </c>
    </row>
    <row r="1809" spans="1:8" x14ac:dyDescent="0.25">
      <c r="A1809" s="1">
        <v>44987</v>
      </c>
      <c r="B1809" t="s">
        <v>1393</v>
      </c>
      <c r="C1809" t="s">
        <v>1394</v>
      </c>
      <c r="D1809" t="s">
        <v>10</v>
      </c>
      <c r="E1809" t="s">
        <v>11</v>
      </c>
      <c r="F1809" s="2">
        <v>1</v>
      </c>
      <c r="G1809" t="s">
        <v>83</v>
      </c>
      <c r="H1809" t="s">
        <v>13</v>
      </c>
    </row>
    <row r="1810" spans="1:8" x14ac:dyDescent="0.25">
      <c r="A1810" s="1">
        <v>44987</v>
      </c>
      <c r="B1810" t="s">
        <v>1395</v>
      </c>
      <c r="C1810" t="s">
        <v>905</v>
      </c>
      <c r="D1810" t="s">
        <v>10</v>
      </c>
      <c r="E1810" t="s">
        <v>11</v>
      </c>
      <c r="F1810" s="2">
        <v>1</v>
      </c>
      <c r="G1810" t="s">
        <v>181</v>
      </c>
      <c r="H1810" t="s">
        <v>13</v>
      </c>
    </row>
    <row r="1811" spans="1:8" x14ac:dyDescent="0.25">
      <c r="A1811" s="1">
        <v>44987</v>
      </c>
      <c r="B1811" t="s">
        <v>1395</v>
      </c>
      <c r="C1811" t="s">
        <v>32</v>
      </c>
      <c r="D1811" t="s">
        <v>10</v>
      </c>
      <c r="E1811" t="s">
        <v>11</v>
      </c>
      <c r="F1811" s="2">
        <v>1</v>
      </c>
      <c r="G1811" t="s">
        <v>181</v>
      </c>
      <c r="H1811" t="s">
        <v>13</v>
      </c>
    </row>
    <row r="1812" spans="1:8" x14ac:dyDescent="0.25">
      <c r="A1812" s="1">
        <v>44986</v>
      </c>
      <c r="B1812" t="s">
        <v>1396</v>
      </c>
      <c r="C1812" t="s">
        <v>60</v>
      </c>
      <c r="D1812" t="s">
        <v>10</v>
      </c>
      <c r="E1812" t="s">
        <v>11</v>
      </c>
      <c r="F1812" s="2">
        <v>1</v>
      </c>
      <c r="G1812" t="s">
        <v>296</v>
      </c>
      <c r="H1812" t="s">
        <v>13</v>
      </c>
    </row>
    <row r="1813" spans="1:8" x14ac:dyDescent="0.25">
      <c r="A1813" s="1">
        <v>44986</v>
      </c>
      <c r="B1813" t="s">
        <v>1397</v>
      </c>
      <c r="C1813" t="s">
        <v>9</v>
      </c>
      <c r="D1813" t="s">
        <v>10</v>
      </c>
      <c r="E1813" t="s">
        <v>11</v>
      </c>
      <c r="F1813" s="2">
        <v>1</v>
      </c>
      <c r="G1813" t="s">
        <v>296</v>
      </c>
      <c r="H1813" t="s">
        <v>13</v>
      </c>
    </row>
    <row r="1814" spans="1:8" x14ac:dyDescent="0.25">
      <c r="A1814" s="1">
        <v>44986</v>
      </c>
      <c r="B1814" t="s">
        <v>1397</v>
      </c>
      <c r="C1814" t="s">
        <v>86</v>
      </c>
      <c r="D1814" t="s">
        <v>10</v>
      </c>
      <c r="E1814" t="s">
        <v>11</v>
      </c>
      <c r="F1814" s="2">
        <v>1</v>
      </c>
      <c r="G1814" t="s">
        <v>296</v>
      </c>
      <c r="H1814" t="s">
        <v>13</v>
      </c>
    </row>
    <row r="1815" spans="1:8" x14ac:dyDescent="0.25">
      <c r="A1815" s="1">
        <v>44986</v>
      </c>
      <c r="B1815" t="s">
        <v>1398</v>
      </c>
      <c r="C1815" t="s">
        <v>19</v>
      </c>
      <c r="D1815" t="s">
        <v>10</v>
      </c>
      <c r="E1815" t="s">
        <v>11</v>
      </c>
      <c r="F1815" s="2">
        <v>1</v>
      </c>
      <c r="G1815" t="s">
        <v>1399</v>
      </c>
      <c r="H1815" t="s">
        <v>13</v>
      </c>
    </row>
    <row r="1816" spans="1:8" x14ac:dyDescent="0.25">
      <c r="A1816" s="1">
        <v>44986</v>
      </c>
      <c r="B1816" t="s">
        <v>1400</v>
      </c>
      <c r="C1816" t="s">
        <v>28</v>
      </c>
      <c r="D1816" t="s">
        <v>10</v>
      </c>
      <c r="E1816" t="s">
        <v>11</v>
      </c>
      <c r="F1816" s="2">
        <v>1</v>
      </c>
      <c r="G1816" t="s">
        <v>20</v>
      </c>
      <c r="H1816" t="s">
        <v>13</v>
      </c>
    </row>
    <row r="1817" spans="1:8" x14ac:dyDescent="0.25">
      <c r="A1817" s="1">
        <v>44986</v>
      </c>
      <c r="B1817" t="s">
        <v>1400</v>
      </c>
      <c r="C1817" t="s">
        <v>35</v>
      </c>
      <c r="D1817" t="s">
        <v>10</v>
      </c>
      <c r="E1817" t="s">
        <v>11</v>
      </c>
      <c r="F1817" s="2">
        <v>1</v>
      </c>
      <c r="G1817" t="s">
        <v>20</v>
      </c>
      <c r="H1817" t="s">
        <v>13</v>
      </c>
    </row>
    <row r="1818" spans="1:8" x14ac:dyDescent="0.25">
      <c r="A1818" s="1">
        <v>44986</v>
      </c>
      <c r="B1818" t="s">
        <v>1401</v>
      </c>
      <c r="C1818" t="s">
        <v>92</v>
      </c>
      <c r="D1818" t="s">
        <v>10</v>
      </c>
      <c r="E1818" t="s">
        <v>11</v>
      </c>
      <c r="F1818" s="2">
        <v>1</v>
      </c>
      <c r="G1818" t="s">
        <v>342</v>
      </c>
      <c r="H1818" t="s">
        <v>13</v>
      </c>
    </row>
    <row r="1819" spans="1:8" x14ac:dyDescent="0.25">
      <c r="A1819" s="1">
        <v>44985</v>
      </c>
      <c r="B1819" t="s">
        <v>1402</v>
      </c>
      <c r="C1819" t="s">
        <v>9</v>
      </c>
      <c r="D1819" t="s">
        <v>10</v>
      </c>
      <c r="E1819" t="s">
        <v>11</v>
      </c>
      <c r="F1819" s="2">
        <v>1</v>
      </c>
      <c r="G1819" t="s">
        <v>20</v>
      </c>
      <c r="H1819" t="s">
        <v>13</v>
      </c>
    </row>
    <row r="1820" spans="1:8" x14ac:dyDescent="0.25">
      <c r="A1820" s="1">
        <v>44985</v>
      </c>
      <c r="B1820" t="s">
        <v>1402</v>
      </c>
      <c r="C1820" t="s">
        <v>249</v>
      </c>
      <c r="D1820" t="s">
        <v>10</v>
      </c>
      <c r="E1820" t="s">
        <v>11</v>
      </c>
      <c r="F1820" s="2">
        <v>1</v>
      </c>
      <c r="G1820" t="s">
        <v>20</v>
      </c>
      <c r="H1820" t="s">
        <v>13</v>
      </c>
    </row>
    <row r="1821" spans="1:8" x14ac:dyDescent="0.25">
      <c r="A1821" s="1">
        <v>44984</v>
      </c>
      <c r="B1821" t="s">
        <v>1403</v>
      </c>
      <c r="C1821" t="s">
        <v>58</v>
      </c>
      <c r="D1821" t="s">
        <v>10</v>
      </c>
      <c r="E1821" t="s">
        <v>11</v>
      </c>
      <c r="F1821" s="2">
        <v>1</v>
      </c>
      <c r="G1821" t="s">
        <v>191</v>
      </c>
      <c r="H1821" t="s">
        <v>13</v>
      </c>
    </row>
    <row r="1822" spans="1:8" x14ac:dyDescent="0.25">
      <c r="A1822" s="1">
        <v>44984</v>
      </c>
      <c r="B1822" t="s">
        <v>1404</v>
      </c>
      <c r="C1822" t="s">
        <v>9</v>
      </c>
      <c r="D1822" t="s">
        <v>10</v>
      </c>
      <c r="E1822" t="s">
        <v>11</v>
      </c>
      <c r="F1822" s="2">
        <v>1</v>
      </c>
      <c r="G1822" t="s">
        <v>1405</v>
      </c>
      <c r="H1822" t="s">
        <v>13</v>
      </c>
    </row>
    <row r="1823" spans="1:8" x14ac:dyDescent="0.25">
      <c r="A1823" s="1">
        <v>44984</v>
      </c>
      <c r="B1823" t="s">
        <v>1404</v>
      </c>
      <c r="C1823" t="s">
        <v>118</v>
      </c>
      <c r="D1823" t="s">
        <v>10</v>
      </c>
      <c r="E1823" t="s">
        <v>11</v>
      </c>
      <c r="F1823" s="2">
        <v>1</v>
      </c>
      <c r="G1823" t="s">
        <v>1405</v>
      </c>
      <c r="H1823" t="s">
        <v>13</v>
      </c>
    </row>
    <row r="1824" spans="1:8" x14ac:dyDescent="0.25">
      <c r="A1824" s="1">
        <v>44984</v>
      </c>
      <c r="B1824" t="s">
        <v>1404</v>
      </c>
      <c r="C1824" t="s">
        <v>142</v>
      </c>
      <c r="D1824" t="s">
        <v>10</v>
      </c>
      <c r="E1824" t="s">
        <v>11</v>
      </c>
      <c r="F1824" s="2">
        <v>1</v>
      </c>
      <c r="G1824" t="s">
        <v>1405</v>
      </c>
      <c r="H1824" t="s">
        <v>13</v>
      </c>
    </row>
    <row r="1825" spans="1:8" x14ac:dyDescent="0.25">
      <c r="A1825" s="1">
        <v>44982</v>
      </c>
      <c r="B1825" t="s">
        <v>1406</v>
      </c>
      <c r="C1825" t="s">
        <v>220</v>
      </c>
      <c r="D1825" t="s">
        <v>10</v>
      </c>
      <c r="E1825" t="s">
        <v>11</v>
      </c>
      <c r="F1825" s="2">
        <v>1</v>
      </c>
      <c r="G1825" t="s">
        <v>37</v>
      </c>
      <c r="H1825" t="s">
        <v>13</v>
      </c>
    </row>
    <row r="1826" spans="1:8" x14ac:dyDescent="0.25">
      <c r="A1826" s="1">
        <v>44981</v>
      </c>
      <c r="B1826" t="s">
        <v>1407</v>
      </c>
      <c r="C1826" t="s">
        <v>9</v>
      </c>
      <c r="D1826" t="s">
        <v>10</v>
      </c>
      <c r="E1826" t="s">
        <v>11</v>
      </c>
      <c r="F1826" s="2">
        <v>1</v>
      </c>
      <c r="G1826" t="s">
        <v>46</v>
      </c>
      <c r="H1826" t="s">
        <v>13</v>
      </c>
    </row>
    <row r="1827" spans="1:8" x14ac:dyDescent="0.25">
      <c r="A1827" s="1">
        <v>44981</v>
      </c>
      <c r="B1827" t="s">
        <v>1407</v>
      </c>
      <c r="C1827" t="s">
        <v>52</v>
      </c>
      <c r="D1827" t="s">
        <v>10</v>
      </c>
      <c r="E1827" t="s">
        <v>11</v>
      </c>
      <c r="F1827" s="2">
        <v>1</v>
      </c>
      <c r="G1827" t="s">
        <v>46</v>
      </c>
      <c r="H1827" t="s">
        <v>13</v>
      </c>
    </row>
    <row r="1828" spans="1:8" x14ac:dyDescent="0.25">
      <c r="A1828" s="1">
        <v>44981</v>
      </c>
      <c r="B1828" t="s">
        <v>1408</v>
      </c>
      <c r="C1828" t="s">
        <v>174</v>
      </c>
      <c r="D1828" t="s">
        <v>10</v>
      </c>
      <c r="E1828" t="s">
        <v>11</v>
      </c>
      <c r="F1828" s="2">
        <v>1</v>
      </c>
      <c r="G1828" t="s">
        <v>157</v>
      </c>
      <c r="H1828" t="s">
        <v>13</v>
      </c>
    </row>
    <row r="1829" spans="1:8" x14ac:dyDescent="0.25">
      <c r="A1829" s="1">
        <v>44981</v>
      </c>
      <c r="B1829" t="s">
        <v>1409</v>
      </c>
      <c r="C1829" t="s">
        <v>1410</v>
      </c>
      <c r="D1829" t="s">
        <v>10</v>
      </c>
      <c r="E1829" t="s">
        <v>11</v>
      </c>
      <c r="F1829" s="2">
        <v>1</v>
      </c>
      <c r="G1829" t="s">
        <v>22</v>
      </c>
      <c r="H1829" t="s">
        <v>13</v>
      </c>
    </row>
    <row r="1830" spans="1:8" x14ac:dyDescent="0.25">
      <c r="A1830" s="1">
        <v>44981</v>
      </c>
      <c r="B1830" t="s">
        <v>1411</v>
      </c>
      <c r="C1830" t="s">
        <v>1410</v>
      </c>
      <c r="D1830" t="s">
        <v>10</v>
      </c>
      <c r="E1830" t="s">
        <v>11</v>
      </c>
      <c r="F1830" s="2">
        <v>1</v>
      </c>
      <c r="G1830" t="s">
        <v>22</v>
      </c>
      <c r="H1830" t="s">
        <v>13</v>
      </c>
    </row>
    <row r="1831" spans="1:8" x14ac:dyDescent="0.25">
      <c r="A1831" s="1">
        <v>44980</v>
      </c>
      <c r="B1831" t="s">
        <v>1412</v>
      </c>
      <c r="C1831" t="s">
        <v>79</v>
      </c>
      <c r="D1831" t="s">
        <v>10</v>
      </c>
      <c r="E1831" t="s">
        <v>11</v>
      </c>
      <c r="F1831" s="2">
        <v>1</v>
      </c>
      <c r="G1831" t="s">
        <v>20</v>
      </c>
      <c r="H1831" t="s">
        <v>13</v>
      </c>
    </row>
    <row r="1832" spans="1:8" x14ac:dyDescent="0.25">
      <c r="A1832" s="1">
        <v>44980</v>
      </c>
      <c r="B1832" t="s">
        <v>1412</v>
      </c>
      <c r="C1832" t="s">
        <v>80</v>
      </c>
      <c r="D1832" t="s">
        <v>10</v>
      </c>
      <c r="E1832" t="s">
        <v>11</v>
      </c>
      <c r="F1832" s="2">
        <v>1</v>
      </c>
      <c r="G1832" t="s">
        <v>20</v>
      </c>
      <c r="H1832" t="s">
        <v>13</v>
      </c>
    </row>
    <row r="1833" spans="1:8" x14ac:dyDescent="0.25">
      <c r="A1833" s="1">
        <v>44980</v>
      </c>
      <c r="B1833" t="s">
        <v>1413</v>
      </c>
      <c r="C1833" t="s">
        <v>9</v>
      </c>
      <c r="D1833" t="s">
        <v>10</v>
      </c>
      <c r="E1833" t="s">
        <v>11</v>
      </c>
      <c r="F1833" s="2">
        <v>1</v>
      </c>
      <c r="G1833" t="s">
        <v>1414</v>
      </c>
      <c r="H1833" t="s">
        <v>13</v>
      </c>
    </row>
    <row r="1834" spans="1:8" x14ac:dyDescent="0.25">
      <c r="A1834" s="1">
        <v>44978</v>
      </c>
      <c r="B1834" t="s">
        <v>1415</v>
      </c>
      <c r="C1834" t="s">
        <v>29</v>
      </c>
      <c r="D1834" t="s">
        <v>10</v>
      </c>
      <c r="E1834" t="s">
        <v>11</v>
      </c>
      <c r="F1834" s="2">
        <v>1</v>
      </c>
      <c r="G1834" t="s">
        <v>77</v>
      </c>
      <c r="H1834" t="s">
        <v>13</v>
      </c>
    </row>
    <row r="1835" spans="1:8" x14ac:dyDescent="0.25">
      <c r="A1835" s="1">
        <v>44978</v>
      </c>
      <c r="B1835" t="s">
        <v>1416</v>
      </c>
      <c r="C1835" t="s">
        <v>86</v>
      </c>
      <c r="D1835" t="s">
        <v>10</v>
      </c>
      <c r="E1835" t="s">
        <v>11</v>
      </c>
      <c r="F1835" s="2">
        <v>1</v>
      </c>
      <c r="G1835" t="s">
        <v>137</v>
      </c>
      <c r="H1835" t="s">
        <v>13</v>
      </c>
    </row>
    <row r="1836" spans="1:8" x14ac:dyDescent="0.25">
      <c r="A1836" s="1">
        <v>44978</v>
      </c>
      <c r="B1836" t="s">
        <v>1416</v>
      </c>
      <c r="C1836" t="s">
        <v>96</v>
      </c>
      <c r="D1836" t="s">
        <v>10</v>
      </c>
      <c r="E1836" t="s">
        <v>11</v>
      </c>
      <c r="F1836" s="2">
        <v>1</v>
      </c>
      <c r="G1836" t="s">
        <v>137</v>
      </c>
      <c r="H1836" t="s">
        <v>13</v>
      </c>
    </row>
    <row r="1837" spans="1:8" x14ac:dyDescent="0.25">
      <c r="A1837" s="1">
        <v>44977</v>
      </c>
      <c r="B1837" t="s">
        <v>1417</v>
      </c>
      <c r="C1837" t="s">
        <v>9</v>
      </c>
      <c r="D1837" t="s">
        <v>10</v>
      </c>
      <c r="E1837" t="s">
        <v>11</v>
      </c>
      <c r="F1837" s="2">
        <v>1</v>
      </c>
      <c r="G1837" t="s">
        <v>44</v>
      </c>
      <c r="H1837" t="s">
        <v>13</v>
      </c>
    </row>
    <row r="1838" spans="1:8" x14ac:dyDescent="0.25">
      <c r="A1838" s="1">
        <v>44977</v>
      </c>
      <c r="B1838" t="s">
        <v>1417</v>
      </c>
      <c r="C1838" t="s">
        <v>47</v>
      </c>
      <c r="D1838" t="s">
        <v>10</v>
      </c>
      <c r="E1838" t="s">
        <v>11</v>
      </c>
      <c r="F1838" s="2">
        <v>1</v>
      </c>
      <c r="G1838" t="s">
        <v>44</v>
      </c>
      <c r="H1838" t="s">
        <v>13</v>
      </c>
    </row>
    <row r="1839" spans="1:8" x14ac:dyDescent="0.25">
      <c r="A1839" s="1">
        <v>44977</v>
      </c>
      <c r="B1839" t="s">
        <v>1418</v>
      </c>
      <c r="C1839" t="s">
        <v>19</v>
      </c>
      <c r="D1839" t="s">
        <v>10</v>
      </c>
      <c r="E1839" t="s">
        <v>11</v>
      </c>
      <c r="F1839" s="2">
        <v>1</v>
      </c>
      <c r="G1839" t="s">
        <v>765</v>
      </c>
      <c r="H1839" t="s">
        <v>13</v>
      </c>
    </row>
    <row r="1840" spans="1:8" x14ac:dyDescent="0.25">
      <c r="A1840" s="1">
        <v>44976</v>
      </c>
      <c r="B1840" t="s">
        <v>1419</v>
      </c>
      <c r="C1840" t="s">
        <v>16</v>
      </c>
      <c r="D1840" t="s">
        <v>10</v>
      </c>
      <c r="E1840" t="s">
        <v>11</v>
      </c>
      <c r="F1840" s="2">
        <v>1</v>
      </c>
      <c r="G1840" t="s">
        <v>131</v>
      </c>
      <c r="H1840" t="s">
        <v>13</v>
      </c>
    </row>
    <row r="1841" spans="1:8" x14ac:dyDescent="0.25">
      <c r="A1841" s="1">
        <v>44976</v>
      </c>
      <c r="B1841" t="s">
        <v>1420</v>
      </c>
      <c r="C1841" t="s">
        <v>47</v>
      </c>
      <c r="D1841" t="s">
        <v>10</v>
      </c>
      <c r="E1841" t="s">
        <v>11</v>
      </c>
      <c r="F1841" s="2">
        <v>1</v>
      </c>
      <c r="G1841" t="s">
        <v>300</v>
      </c>
      <c r="H1841" t="s">
        <v>13</v>
      </c>
    </row>
    <row r="1842" spans="1:8" x14ac:dyDescent="0.25">
      <c r="A1842" s="1">
        <v>44976</v>
      </c>
      <c r="B1842" t="s">
        <v>1420</v>
      </c>
      <c r="C1842" t="s">
        <v>47</v>
      </c>
      <c r="D1842" t="s">
        <v>10</v>
      </c>
      <c r="E1842" t="s">
        <v>11</v>
      </c>
      <c r="F1842" s="2">
        <v>1</v>
      </c>
      <c r="G1842" t="s">
        <v>300</v>
      </c>
      <c r="H1842" t="s">
        <v>13</v>
      </c>
    </row>
    <row r="1843" spans="1:8" x14ac:dyDescent="0.25">
      <c r="A1843" s="1">
        <v>44976</v>
      </c>
      <c r="B1843" t="s">
        <v>1420</v>
      </c>
      <c r="C1843" t="s">
        <v>47</v>
      </c>
      <c r="D1843" t="s">
        <v>10</v>
      </c>
      <c r="E1843" t="s">
        <v>11</v>
      </c>
      <c r="F1843" s="2">
        <v>1</v>
      </c>
      <c r="G1843" t="s">
        <v>300</v>
      </c>
      <c r="H1843" t="s">
        <v>13</v>
      </c>
    </row>
    <row r="1844" spans="1:8" x14ac:dyDescent="0.25">
      <c r="A1844" s="1">
        <v>44976</v>
      </c>
      <c r="B1844" t="s">
        <v>1421</v>
      </c>
      <c r="C1844" t="s">
        <v>9</v>
      </c>
      <c r="D1844" t="s">
        <v>10</v>
      </c>
      <c r="E1844" t="s">
        <v>11</v>
      </c>
      <c r="F1844" s="2">
        <v>1</v>
      </c>
      <c r="G1844" t="s">
        <v>296</v>
      </c>
      <c r="H1844" t="s">
        <v>13</v>
      </c>
    </row>
    <row r="1845" spans="1:8" x14ac:dyDescent="0.25">
      <c r="A1845" s="1">
        <v>44976</v>
      </c>
      <c r="B1845" t="s">
        <v>1421</v>
      </c>
      <c r="C1845" t="s">
        <v>32</v>
      </c>
      <c r="D1845" t="s">
        <v>10</v>
      </c>
      <c r="E1845" t="s">
        <v>11</v>
      </c>
      <c r="F1845" s="2">
        <v>1</v>
      </c>
      <c r="G1845" t="s">
        <v>296</v>
      </c>
      <c r="H1845" t="s">
        <v>13</v>
      </c>
    </row>
    <row r="1846" spans="1:8" x14ac:dyDescent="0.25">
      <c r="A1846" s="1">
        <v>44975</v>
      </c>
      <c r="B1846" t="s">
        <v>1422</v>
      </c>
      <c r="C1846" t="s">
        <v>79</v>
      </c>
      <c r="D1846" t="s">
        <v>10</v>
      </c>
      <c r="E1846" t="s">
        <v>11</v>
      </c>
      <c r="F1846" s="2">
        <v>1</v>
      </c>
      <c r="G1846" t="s">
        <v>181</v>
      </c>
      <c r="H1846" t="s">
        <v>13</v>
      </c>
    </row>
    <row r="1847" spans="1:8" x14ac:dyDescent="0.25">
      <c r="A1847" s="1">
        <v>44975</v>
      </c>
      <c r="B1847" t="s">
        <v>1422</v>
      </c>
      <c r="C1847" t="s">
        <v>80</v>
      </c>
      <c r="D1847" t="s">
        <v>10</v>
      </c>
      <c r="E1847" t="s">
        <v>11</v>
      </c>
      <c r="F1847" s="2">
        <v>1</v>
      </c>
      <c r="G1847" t="s">
        <v>181</v>
      </c>
      <c r="H1847" t="s">
        <v>13</v>
      </c>
    </row>
    <row r="1848" spans="1:8" x14ac:dyDescent="0.25">
      <c r="A1848" s="1">
        <v>44975</v>
      </c>
      <c r="B1848" t="s">
        <v>1423</v>
      </c>
      <c r="C1848" t="s">
        <v>92</v>
      </c>
      <c r="D1848" t="s">
        <v>10</v>
      </c>
      <c r="E1848" t="s">
        <v>11</v>
      </c>
      <c r="F1848" s="2">
        <v>1</v>
      </c>
      <c r="G1848" t="s">
        <v>910</v>
      </c>
      <c r="H1848" t="s">
        <v>13</v>
      </c>
    </row>
    <row r="1849" spans="1:8" x14ac:dyDescent="0.25">
      <c r="A1849" s="1">
        <v>44974</v>
      </c>
      <c r="B1849" t="s">
        <v>1424</v>
      </c>
      <c r="C1849" t="s">
        <v>47</v>
      </c>
      <c r="D1849" t="s">
        <v>10</v>
      </c>
      <c r="E1849" t="s">
        <v>11</v>
      </c>
      <c r="F1849" s="2">
        <v>1</v>
      </c>
      <c r="G1849" t="s">
        <v>20</v>
      </c>
      <c r="H1849" t="s">
        <v>13</v>
      </c>
    </row>
    <row r="1850" spans="1:8" x14ac:dyDescent="0.25">
      <c r="A1850" s="1">
        <v>44974</v>
      </c>
      <c r="B1850" t="s">
        <v>1424</v>
      </c>
      <c r="C1850" t="s">
        <v>301</v>
      </c>
      <c r="D1850" t="s">
        <v>10</v>
      </c>
      <c r="E1850" t="s">
        <v>11</v>
      </c>
      <c r="F1850" s="2">
        <v>1</v>
      </c>
      <c r="G1850" t="s">
        <v>20</v>
      </c>
      <c r="H1850" t="s">
        <v>13</v>
      </c>
    </row>
    <row r="1851" spans="1:8" x14ac:dyDescent="0.25">
      <c r="A1851" s="1">
        <v>44974</v>
      </c>
      <c r="B1851" t="s">
        <v>1424</v>
      </c>
      <c r="C1851" t="s">
        <v>14</v>
      </c>
      <c r="D1851" t="s">
        <v>10</v>
      </c>
      <c r="E1851" t="s">
        <v>11</v>
      </c>
      <c r="F1851" s="2">
        <v>1</v>
      </c>
      <c r="G1851" t="s">
        <v>20</v>
      </c>
      <c r="H1851" t="s">
        <v>13</v>
      </c>
    </row>
    <row r="1852" spans="1:8" x14ac:dyDescent="0.25">
      <c r="A1852" s="1">
        <v>44973</v>
      </c>
      <c r="B1852" t="s">
        <v>1425</v>
      </c>
      <c r="C1852" t="s">
        <v>174</v>
      </c>
      <c r="D1852" t="s">
        <v>10</v>
      </c>
      <c r="E1852" t="s">
        <v>11</v>
      </c>
      <c r="F1852" s="2">
        <v>1</v>
      </c>
      <c r="G1852" t="s">
        <v>411</v>
      </c>
      <c r="H1852" t="s">
        <v>13</v>
      </c>
    </row>
    <row r="1853" spans="1:8" x14ac:dyDescent="0.25">
      <c r="A1853" s="1">
        <v>44973</v>
      </c>
      <c r="B1853" t="s">
        <v>1426</v>
      </c>
      <c r="C1853" t="s">
        <v>16</v>
      </c>
      <c r="D1853" t="s">
        <v>10</v>
      </c>
      <c r="E1853" t="s">
        <v>11</v>
      </c>
      <c r="F1853" s="2">
        <v>1</v>
      </c>
      <c r="G1853" t="s">
        <v>20</v>
      </c>
      <c r="H1853" t="s">
        <v>13</v>
      </c>
    </row>
    <row r="1854" spans="1:8" x14ac:dyDescent="0.25">
      <c r="A1854" s="1">
        <v>44973</v>
      </c>
      <c r="B1854" t="s">
        <v>1426</v>
      </c>
      <c r="C1854" t="s">
        <v>416</v>
      </c>
      <c r="D1854" t="s">
        <v>10</v>
      </c>
      <c r="E1854" t="s">
        <v>11</v>
      </c>
      <c r="F1854" s="2">
        <v>1</v>
      </c>
      <c r="G1854" t="s">
        <v>20</v>
      </c>
      <c r="H1854" t="s">
        <v>13</v>
      </c>
    </row>
    <row r="1855" spans="1:8" x14ac:dyDescent="0.25">
      <c r="A1855" s="1">
        <v>44972</v>
      </c>
      <c r="B1855" t="s">
        <v>1427</v>
      </c>
      <c r="C1855" t="s">
        <v>1043</v>
      </c>
      <c r="D1855" t="s">
        <v>10</v>
      </c>
      <c r="E1855" t="s">
        <v>11</v>
      </c>
      <c r="F1855" s="2">
        <v>1</v>
      </c>
      <c r="G1855" t="s">
        <v>596</v>
      </c>
      <c r="H1855" t="s">
        <v>13</v>
      </c>
    </row>
    <row r="1856" spans="1:8" x14ac:dyDescent="0.25">
      <c r="A1856" s="1">
        <v>44971</v>
      </c>
      <c r="B1856" t="s">
        <v>1428</v>
      </c>
      <c r="C1856" t="s">
        <v>16</v>
      </c>
      <c r="D1856" t="s">
        <v>10</v>
      </c>
      <c r="E1856" t="s">
        <v>11</v>
      </c>
      <c r="F1856" s="2">
        <v>1</v>
      </c>
      <c r="G1856" t="s">
        <v>154</v>
      </c>
      <c r="H1856" t="s">
        <v>13</v>
      </c>
    </row>
    <row r="1857" spans="1:8" x14ac:dyDescent="0.25">
      <c r="A1857" s="1">
        <v>44971</v>
      </c>
      <c r="B1857" t="s">
        <v>1428</v>
      </c>
      <c r="C1857" t="s">
        <v>416</v>
      </c>
      <c r="D1857" t="s">
        <v>10</v>
      </c>
      <c r="E1857" t="s">
        <v>11</v>
      </c>
      <c r="F1857" s="2">
        <v>1</v>
      </c>
      <c r="G1857" t="s">
        <v>154</v>
      </c>
      <c r="H1857" t="s">
        <v>13</v>
      </c>
    </row>
    <row r="1858" spans="1:8" x14ac:dyDescent="0.25">
      <c r="A1858" s="1">
        <v>44971</v>
      </c>
      <c r="B1858" t="s">
        <v>1428</v>
      </c>
      <c r="C1858" t="s">
        <v>220</v>
      </c>
      <c r="D1858" t="s">
        <v>10</v>
      </c>
      <c r="E1858" t="s">
        <v>11</v>
      </c>
      <c r="F1858" s="2">
        <v>1</v>
      </c>
      <c r="G1858" t="s">
        <v>154</v>
      </c>
      <c r="H1858" t="s">
        <v>13</v>
      </c>
    </row>
    <row r="1859" spans="1:8" x14ac:dyDescent="0.25">
      <c r="A1859" s="1">
        <v>44971</v>
      </c>
      <c r="B1859" t="s">
        <v>1429</v>
      </c>
      <c r="C1859" t="s">
        <v>47</v>
      </c>
      <c r="D1859" t="s">
        <v>10</v>
      </c>
      <c r="E1859" t="s">
        <v>11</v>
      </c>
      <c r="F1859" s="2">
        <v>1</v>
      </c>
      <c r="G1859" t="s">
        <v>492</v>
      </c>
      <c r="H1859" t="s">
        <v>13</v>
      </c>
    </row>
    <row r="1860" spans="1:8" x14ac:dyDescent="0.25">
      <c r="A1860" s="1">
        <v>44970</v>
      </c>
      <c r="B1860" t="s">
        <v>1430</v>
      </c>
      <c r="C1860" t="s">
        <v>9</v>
      </c>
      <c r="D1860" t="s">
        <v>10</v>
      </c>
      <c r="E1860" t="s">
        <v>11</v>
      </c>
      <c r="F1860" s="2">
        <v>1</v>
      </c>
      <c r="G1860" t="s">
        <v>24</v>
      </c>
      <c r="H1860" t="s">
        <v>13</v>
      </c>
    </row>
    <row r="1861" spans="1:8" x14ac:dyDescent="0.25">
      <c r="A1861" s="1">
        <v>44970</v>
      </c>
      <c r="B1861" t="s">
        <v>1431</v>
      </c>
      <c r="C1861" t="s">
        <v>1432</v>
      </c>
      <c r="D1861" t="s">
        <v>10</v>
      </c>
      <c r="E1861" t="s">
        <v>11</v>
      </c>
      <c r="F1861" s="2">
        <v>1</v>
      </c>
      <c r="G1861" t="s">
        <v>67</v>
      </c>
      <c r="H1861" t="s">
        <v>13</v>
      </c>
    </row>
    <row r="1862" spans="1:8" x14ac:dyDescent="0.25">
      <c r="A1862" s="1">
        <v>44970</v>
      </c>
      <c r="B1862" t="s">
        <v>1431</v>
      </c>
      <c r="C1862" t="s">
        <v>379</v>
      </c>
      <c r="D1862" t="s">
        <v>10</v>
      </c>
      <c r="E1862" t="s">
        <v>11</v>
      </c>
      <c r="F1862" s="2">
        <v>1</v>
      </c>
      <c r="G1862" t="s">
        <v>67</v>
      </c>
      <c r="H1862" t="s">
        <v>13</v>
      </c>
    </row>
    <row r="1863" spans="1:8" x14ac:dyDescent="0.25">
      <c r="A1863" s="1">
        <v>44970</v>
      </c>
      <c r="B1863" t="s">
        <v>1431</v>
      </c>
      <c r="C1863" t="s">
        <v>199</v>
      </c>
      <c r="D1863" t="s">
        <v>10</v>
      </c>
      <c r="E1863" t="s">
        <v>11</v>
      </c>
      <c r="F1863" s="2">
        <v>1</v>
      </c>
      <c r="G1863" t="s">
        <v>67</v>
      </c>
      <c r="H1863" t="s">
        <v>13</v>
      </c>
    </row>
    <row r="1864" spans="1:8" x14ac:dyDescent="0.25">
      <c r="A1864" s="1">
        <v>44970</v>
      </c>
      <c r="B1864" t="s">
        <v>1431</v>
      </c>
      <c r="C1864" t="s">
        <v>1329</v>
      </c>
      <c r="D1864" t="s">
        <v>10</v>
      </c>
      <c r="E1864" t="s">
        <v>11</v>
      </c>
      <c r="F1864" s="2">
        <v>1</v>
      </c>
      <c r="G1864" t="s">
        <v>67</v>
      </c>
      <c r="H1864" t="s">
        <v>13</v>
      </c>
    </row>
    <row r="1865" spans="1:8" x14ac:dyDescent="0.25">
      <c r="A1865" s="1">
        <v>44970</v>
      </c>
      <c r="B1865" t="s">
        <v>1431</v>
      </c>
      <c r="C1865" t="s">
        <v>453</v>
      </c>
      <c r="D1865" t="s">
        <v>10</v>
      </c>
      <c r="E1865" t="s">
        <v>11</v>
      </c>
      <c r="F1865" s="2">
        <v>1</v>
      </c>
      <c r="G1865" t="s">
        <v>67</v>
      </c>
      <c r="H1865" t="s">
        <v>13</v>
      </c>
    </row>
    <row r="1866" spans="1:8" x14ac:dyDescent="0.25">
      <c r="A1866" s="1">
        <v>44970</v>
      </c>
      <c r="B1866" t="s">
        <v>1433</v>
      </c>
      <c r="C1866" t="s">
        <v>9</v>
      </c>
      <c r="D1866" t="s">
        <v>10</v>
      </c>
      <c r="E1866" t="s">
        <v>11</v>
      </c>
      <c r="F1866" s="2">
        <v>1</v>
      </c>
      <c r="G1866" t="s">
        <v>20</v>
      </c>
      <c r="H1866" t="s">
        <v>13</v>
      </c>
    </row>
    <row r="1867" spans="1:8" x14ac:dyDescent="0.25">
      <c r="A1867" s="1">
        <v>44969</v>
      </c>
      <c r="B1867" t="s">
        <v>1434</v>
      </c>
      <c r="C1867" t="s">
        <v>47</v>
      </c>
      <c r="D1867" t="s">
        <v>10</v>
      </c>
      <c r="E1867" t="s">
        <v>11</v>
      </c>
      <c r="F1867" s="2">
        <v>1</v>
      </c>
      <c r="G1867" t="s">
        <v>216</v>
      </c>
      <c r="H1867" t="s">
        <v>13</v>
      </c>
    </row>
    <row r="1868" spans="1:8" x14ac:dyDescent="0.25">
      <c r="A1868" s="1">
        <v>44969</v>
      </c>
      <c r="B1868" t="s">
        <v>1435</v>
      </c>
      <c r="C1868" t="s">
        <v>47</v>
      </c>
      <c r="D1868" t="s">
        <v>10</v>
      </c>
      <c r="E1868" t="s">
        <v>11</v>
      </c>
      <c r="F1868" s="2">
        <v>1</v>
      </c>
      <c r="G1868" t="s">
        <v>216</v>
      </c>
      <c r="H1868" t="s">
        <v>13</v>
      </c>
    </row>
    <row r="1869" spans="1:8" x14ac:dyDescent="0.25">
      <c r="A1869" s="1">
        <v>44969</v>
      </c>
      <c r="B1869" t="s">
        <v>1436</v>
      </c>
      <c r="C1869" t="s">
        <v>79</v>
      </c>
      <c r="D1869" t="s">
        <v>26</v>
      </c>
      <c r="E1869" t="s">
        <v>11</v>
      </c>
      <c r="F1869" s="2">
        <v>1</v>
      </c>
      <c r="G1869" t="s">
        <v>20</v>
      </c>
      <c r="H1869" t="s">
        <v>13</v>
      </c>
    </row>
    <row r="1870" spans="1:8" x14ac:dyDescent="0.25">
      <c r="A1870" s="1">
        <v>44969</v>
      </c>
      <c r="B1870" t="s">
        <v>1436</v>
      </c>
      <c r="C1870" t="s">
        <v>80</v>
      </c>
      <c r="D1870" t="s">
        <v>26</v>
      </c>
      <c r="E1870" t="s">
        <v>11</v>
      </c>
      <c r="F1870" s="2">
        <v>1</v>
      </c>
      <c r="G1870" t="s">
        <v>20</v>
      </c>
      <c r="H1870" t="s">
        <v>13</v>
      </c>
    </row>
    <row r="1871" spans="1:8" x14ac:dyDescent="0.25">
      <c r="A1871" s="1">
        <v>44969</v>
      </c>
      <c r="B1871" t="s">
        <v>1437</v>
      </c>
      <c r="C1871" t="s">
        <v>29</v>
      </c>
      <c r="D1871" t="s">
        <v>10</v>
      </c>
      <c r="E1871" t="s">
        <v>11</v>
      </c>
      <c r="F1871" s="2">
        <v>1</v>
      </c>
      <c r="G1871" t="s">
        <v>197</v>
      </c>
      <c r="H1871" t="s">
        <v>13</v>
      </c>
    </row>
    <row r="1872" spans="1:8" x14ac:dyDescent="0.25">
      <c r="A1872" s="1">
        <v>44969</v>
      </c>
      <c r="B1872" t="s">
        <v>1437</v>
      </c>
      <c r="C1872" t="s">
        <v>35</v>
      </c>
      <c r="D1872" t="s">
        <v>10</v>
      </c>
      <c r="E1872" t="s">
        <v>11</v>
      </c>
      <c r="F1872" s="2">
        <v>1</v>
      </c>
      <c r="G1872" t="s">
        <v>197</v>
      </c>
      <c r="H1872" t="s">
        <v>13</v>
      </c>
    </row>
    <row r="1873" spans="1:8" x14ac:dyDescent="0.25">
      <c r="A1873" s="1">
        <v>44969</v>
      </c>
      <c r="B1873" t="s">
        <v>1437</v>
      </c>
      <c r="C1873" t="s">
        <v>65</v>
      </c>
      <c r="D1873" t="s">
        <v>10</v>
      </c>
      <c r="E1873" t="s">
        <v>11</v>
      </c>
      <c r="F1873" s="2">
        <v>1</v>
      </c>
      <c r="G1873" t="s">
        <v>197</v>
      </c>
      <c r="H1873" t="s">
        <v>13</v>
      </c>
    </row>
    <row r="1874" spans="1:8" x14ac:dyDescent="0.25">
      <c r="A1874" s="1">
        <v>44969</v>
      </c>
      <c r="B1874" t="s">
        <v>1438</v>
      </c>
      <c r="C1874" t="s">
        <v>282</v>
      </c>
      <c r="D1874" t="s">
        <v>26</v>
      </c>
      <c r="E1874" t="s">
        <v>11</v>
      </c>
      <c r="F1874" s="2">
        <v>1</v>
      </c>
      <c r="G1874" t="s">
        <v>125</v>
      </c>
      <c r="H1874" t="s">
        <v>13</v>
      </c>
    </row>
    <row r="1875" spans="1:8" x14ac:dyDescent="0.25">
      <c r="A1875" s="1">
        <v>44968</v>
      </c>
      <c r="B1875" t="s">
        <v>1439</v>
      </c>
      <c r="C1875" t="s">
        <v>9</v>
      </c>
      <c r="D1875" t="s">
        <v>10</v>
      </c>
      <c r="E1875" t="s">
        <v>11</v>
      </c>
      <c r="F1875" s="2">
        <v>1</v>
      </c>
      <c r="G1875" t="s">
        <v>100</v>
      </c>
      <c r="H1875" t="s">
        <v>13</v>
      </c>
    </row>
    <row r="1876" spans="1:8" x14ac:dyDescent="0.25">
      <c r="A1876" s="1">
        <v>44968</v>
      </c>
      <c r="B1876" t="s">
        <v>1439</v>
      </c>
      <c r="C1876" t="s">
        <v>14</v>
      </c>
      <c r="D1876" t="s">
        <v>10</v>
      </c>
      <c r="E1876" t="s">
        <v>11</v>
      </c>
      <c r="F1876" s="2">
        <v>1</v>
      </c>
      <c r="G1876" t="s">
        <v>100</v>
      </c>
      <c r="H1876" t="s">
        <v>13</v>
      </c>
    </row>
    <row r="1877" spans="1:8" x14ac:dyDescent="0.25">
      <c r="A1877" s="1">
        <v>44968</v>
      </c>
      <c r="B1877" t="s">
        <v>1440</v>
      </c>
      <c r="C1877" t="s">
        <v>9</v>
      </c>
      <c r="D1877" t="s">
        <v>10</v>
      </c>
      <c r="E1877" t="s">
        <v>11</v>
      </c>
      <c r="F1877" s="2">
        <v>1</v>
      </c>
      <c r="G1877" t="s">
        <v>37</v>
      </c>
      <c r="H1877" t="s">
        <v>13</v>
      </c>
    </row>
    <row r="1878" spans="1:8" x14ac:dyDescent="0.25">
      <c r="A1878" s="1">
        <v>44968</v>
      </c>
      <c r="B1878" t="s">
        <v>1440</v>
      </c>
      <c r="C1878" t="s">
        <v>42</v>
      </c>
      <c r="D1878" t="s">
        <v>10</v>
      </c>
      <c r="E1878" t="s">
        <v>11</v>
      </c>
      <c r="F1878" s="2">
        <v>1</v>
      </c>
      <c r="G1878" t="s">
        <v>37</v>
      </c>
      <c r="H1878" t="s">
        <v>13</v>
      </c>
    </row>
    <row r="1879" spans="1:8" x14ac:dyDescent="0.25">
      <c r="A1879" s="1">
        <v>44967</v>
      </c>
      <c r="B1879" t="s">
        <v>1441</v>
      </c>
      <c r="C1879" t="s">
        <v>79</v>
      </c>
      <c r="D1879" t="s">
        <v>10</v>
      </c>
      <c r="E1879" t="s">
        <v>11</v>
      </c>
      <c r="F1879" s="2">
        <v>1</v>
      </c>
      <c r="G1879" t="s">
        <v>181</v>
      </c>
      <c r="H1879" t="s">
        <v>13</v>
      </c>
    </row>
    <row r="1880" spans="1:8" x14ac:dyDescent="0.25">
      <c r="A1880" s="1">
        <v>44967</v>
      </c>
      <c r="B1880" t="s">
        <v>1441</v>
      </c>
      <c r="C1880" t="s">
        <v>80</v>
      </c>
      <c r="D1880" t="s">
        <v>10</v>
      </c>
      <c r="E1880" t="s">
        <v>11</v>
      </c>
      <c r="F1880" s="2">
        <v>1</v>
      </c>
      <c r="G1880" t="s">
        <v>181</v>
      </c>
      <c r="H1880" t="s">
        <v>13</v>
      </c>
    </row>
    <row r="1881" spans="1:8" x14ac:dyDescent="0.25">
      <c r="A1881" s="1">
        <v>44967</v>
      </c>
      <c r="B1881" t="s">
        <v>1442</v>
      </c>
      <c r="C1881" t="s">
        <v>92</v>
      </c>
      <c r="D1881" t="s">
        <v>10</v>
      </c>
      <c r="E1881" t="s">
        <v>11</v>
      </c>
      <c r="F1881" s="2">
        <v>1</v>
      </c>
      <c r="G1881" t="s">
        <v>492</v>
      </c>
      <c r="H1881" t="s">
        <v>13</v>
      </c>
    </row>
    <row r="1882" spans="1:8" x14ac:dyDescent="0.25">
      <c r="A1882" s="1">
        <v>44967</v>
      </c>
      <c r="B1882" t="s">
        <v>1442</v>
      </c>
      <c r="C1882" t="s">
        <v>1443</v>
      </c>
      <c r="D1882" t="s">
        <v>10</v>
      </c>
      <c r="E1882" t="s">
        <v>11</v>
      </c>
      <c r="F1882" s="2">
        <v>1</v>
      </c>
      <c r="G1882" t="s">
        <v>492</v>
      </c>
      <c r="H1882" t="s">
        <v>13</v>
      </c>
    </row>
    <row r="1883" spans="1:8" x14ac:dyDescent="0.25">
      <c r="A1883" s="1">
        <v>44966</v>
      </c>
      <c r="B1883" t="s">
        <v>1444</v>
      </c>
      <c r="C1883" t="s">
        <v>120</v>
      </c>
      <c r="D1883" t="s">
        <v>10</v>
      </c>
      <c r="E1883" t="s">
        <v>11</v>
      </c>
      <c r="F1883" s="2">
        <v>1</v>
      </c>
      <c r="G1883" t="s">
        <v>181</v>
      </c>
      <c r="H1883" t="s">
        <v>13</v>
      </c>
    </row>
    <row r="1884" spans="1:8" x14ac:dyDescent="0.25">
      <c r="A1884" s="1">
        <v>44966</v>
      </c>
      <c r="B1884" t="s">
        <v>1444</v>
      </c>
      <c r="C1884" t="s">
        <v>340</v>
      </c>
      <c r="D1884" t="s">
        <v>10</v>
      </c>
      <c r="E1884" t="s">
        <v>11</v>
      </c>
      <c r="F1884" s="2">
        <v>1</v>
      </c>
      <c r="G1884" t="s">
        <v>181</v>
      </c>
      <c r="H1884" t="s">
        <v>13</v>
      </c>
    </row>
    <row r="1885" spans="1:8" x14ac:dyDescent="0.25">
      <c r="A1885" s="1">
        <v>44966</v>
      </c>
      <c r="B1885" t="s">
        <v>1444</v>
      </c>
      <c r="C1885" t="s">
        <v>453</v>
      </c>
      <c r="D1885" t="s">
        <v>10</v>
      </c>
      <c r="E1885" t="s">
        <v>11</v>
      </c>
      <c r="F1885" s="2">
        <v>1</v>
      </c>
      <c r="G1885" t="s">
        <v>181</v>
      </c>
      <c r="H1885" t="s">
        <v>13</v>
      </c>
    </row>
    <row r="1886" spans="1:8" x14ac:dyDescent="0.25">
      <c r="A1886" s="1">
        <v>44966</v>
      </c>
      <c r="B1886" t="s">
        <v>1445</v>
      </c>
      <c r="C1886" t="s">
        <v>333</v>
      </c>
      <c r="D1886" t="s">
        <v>10</v>
      </c>
      <c r="E1886" t="s">
        <v>11</v>
      </c>
      <c r="F1886" s="2">
        <v>1</v>
      </c>
      <c r="G1886" t="s">
        <v>31</v>
      </c>
      <c r="H1886" t="s">
        <v>13</v>
      </c>
    </row>
    <row r="1887" spans="1:8" x14ac:dyDescent="0.25">
      <c r="A1887" s="1">
        <v>44965</v>
      </c>
      <c r="B1887" t="s">
        <v>1446</v>
      </c>
      <c r="C1887" t="s">
        <v>47</v>
      </c>
      <c r="D1887" t="s">
        <v>10</v>
      </c>
      <c r="E1887" t="s">
        <v>11</v>
      </c>
      <c r="F1887" s="2">
        <v>1</v>
      </c>
      <c r="G1887" t="s">
        <v>216</v>
      </c>
      <c r="H1887" t="s">
        <v>13</v>
      </c>
    </row>
    <row r="1888" spans="1:8" x14ac:dyDescent="0.25">
      <c r="A1888" s="1">
        <v>44965</v>
      </c>
      <c r="B1888" t="s">
        <v>1447</v>
      </c>
      <c r="C1888" t="s">
        <v>9</v>
      </c>
      <c r="D1888" t="s">
        <v>10</v>
      </c>
      <c r="E1888" t="s">
        <v>11</v>
      </c>
      <c r="F1888" s="2">
        <v>1</v>
      </c>
      <c r="G1888" t="s">
        <v>765</v>
      </c>
      <c r="H1888" t="s">
        <v>13</v>
      </c>
    </row>
    <row r="1889" spans="1:8" x14ac:dyDescent="0.25">
      <c r="A1889" s="1">
        <v>44965</v>
      </c>
      <c r="B1889" t="s">
        <v>1447</v>
      </c>
      <c r="C1889" t="s">
        <v>29</v>
      </c>
      <c r="D1889" t="s">
        <v>10</v>
      </c>
      <c r="E1889" t="s">
        <v>11</v>
      </c>
      <c r="F1889" s="2">
        <v>1</v>
      </c>
      <c r="G1889" t="s">
        <v>765</v>
      </c>
      <c r="H1889" t="s">
        <v>13</v>
      </c>
    </row>
    <row r="1890" spans="1:8" x14ac:dyDescent="0.25">
      <c r="A1890" s="1">
        <v>44965</v>
      </c>
      <c r="B1890" t="s">
        <v>1447</v>
      </c>
      <c r="C1890" t="s">
        <v>35</v>
      </c>
      <c r="D1890" t="s">
        <v>10</v>
      </c>
      <c r="E1890" t="s">
        <v>11</v>
      </c>
      <c r="F1890" s="2">
        <v>1</v>
      </c>
      <c r="G1890" t="s">
        <v>765</v>
      </c>
      <c r="H1890" t="s">
        <v>13</v>
      </c>
    </row>
    <row r="1891" spans="1:8" x14ac:dyDescent="0.25">
      <c r="A1891" s="1">
        <v>44964</v>
      </c>
      <c r="B1891" t="s">
        <v>1448</v>
      </c>
      <c r="C1891" t="s">
        <v>9</v>
      </c>
      <c r="D1891" t="s">
        <v>10</v>
      </c>
      <c r="E1891" t="s">
        <v>11</v>
      </c>
      <c r="F1891" s="2">
        <v>1</v>
      </c>
      <c r="G1891" t="s">
        <v>100</v>
      </c>
      <c r="H1891" t="s">
        <v>13</v>
      </c>
    </row>
    <row r="1892" spans="1:8" x14ac:dyDescent="0.25">
      <c r="A1892" s="1">
        <v>44964</v>
      </c>
      <c r="B1892" t="s">
        <v>1448</v>
      </c>
      <c r="C1892" t="s">
        <v>47</v>
      </c>
      <c r="D1892" t="s">
        <v>10</v>
      </c>
      <c r="E1892" t="s">
        <v>11</v>
      </c>
      <c r="F1892" s="2">
        <v>1</v>
      </c>
      <c r="G1892" t="s">
        <v>100</v>
      </c>
      <c r="H1892" t="s">
        <v>13</v>
      </c>
    </row>
    <row r="1893" spans="1:8" x14ac:dyDescent="0.25">
      <c r="A1893" s="1">
        <v>44964</v>
      </c>
      <c r="B1893" t="s">
        <v>1449</v>
      </c>
      <c r="C1893" t="s">
        <v>249</v>
      </c>
      <c r="D1893" t="s">
        <v>10</v>
      </c>
      <c r="E1893" t="s">
        <v>11</v>
      </c>
      <c r="F1893" s="2">
        <v>1</v>
      </c>
      <c r="G1893" t="s">
        <v>216</v>
      </c>
      <c r="H1893" t="s">
        <v>13</v>
      </c>
    </row>
    <row r="1894" spans="1:8" x14ac:dyDescent="0.25">
      <c r="A1894" s="1">
        <v>44964</v>
      </c>
      <c r="B1894" t="s">
        <v>1450</v>
      </c>
      <c r="C1894" t="s">
        <v>174</v>
      </c>
      <c r="D1894" t="s">
        <v>10</v>
      </c>
      <c r="E1894" t="s">
        <v>11</v>
      </c>
      <c r="F1894" s="2">
        <v>1</v>
      </c>
      <c r="G1894" t="s">
        <v>93</v>
      </c>
      <c r="H1894" t="s">
        <v>13</v>
      </c>
    </row>
    <row r="1895" spans="1:8" x14ac:dyDescent="0.25">
      <c r="A1895" s="1">
        <v>44964</v>
      </c>
      <c r="B1895" t="s">
        <v>1451</v>
      </c>
      <c r="C1895" t="s">
        <v>32</v>
      </c>
      <c r="D1895" t="s">
        <v>10</v>
      </c>
      <c r="E1895" t="s">
        <v>11</v>
      </c>
      <c r="F1895" s="2">
        <v>1</v>
      </c>
      <c r="G1895" t="s">
        <v>100</v>
      </c>
      <c r="H1895" t="s">
        <v>13</v>
      </c>
    </row>
    <row r="1896" spans="1:8" x14ac:dyDescent="0.25">
      <c r="A1896" s="1">
        <v>44964</v>
      </c>
      <c r="B1896" t="s">
        <v>1452</v>
      </c>
      <c r="C1896" t="s">
        <v>52</v>
      </c>
      <c r="D1896" t="s">
        <v>10</v>
      </c>
      <c r="E1896" t="s">
        <v>11</v>
      </c>
      <c r="F1896" s="2">
        <v>1</v>
      </c>
      <c r="G1896" t="s">
        <v>40</v>
      </c>
      <c r="H1896" t="s">
        <v>13</v>
      </c>
    </row>
    <row r="1897" spans="1:8" x14ac:dyDescent="0.25">
      <c r="A1897" s="1">
        <v>44964</v>
      </c>
      <c r="B1897" t="s">
        <v>1452</v>
      </c>
      <c r="C1897" t="s">
        <v>35</v>
      </c>
      <c r="D1897" t="s">
        <v>10</v>
      </c>
      <c r="E1897" t="s">
        <v>11</v>
      </c>
      <c r="F1897" s="2">
        <v>1</v>
      </c>
      <c r="G1897" t="s">
        <v>40</v>
      </c>
      <c r="H1897" t="s">
        <v>13</v>
      </c>
    </row>
    <row r="1898" spans="1:8" x14ac:dyDescent="0.25">
      <c r="A1898" s="1">
        <v>44964</v>
      </c>
      <c r="B1898" t="s">
        <v>1452</v>
      </c>
      <c r="C1898" t="s">
        <v>96</v>
      </c>
      <c r="D1898" t="s">
        <v>10</v>
      </c>
      <c r="E1898" t="s">
        <v>11</v>
      </c>
      <c r="F1898" s="2">
        <v>1</v>
      </c>
      <c r="G1898" t="s">
        <v>40</v>
      </c>
      <c r="H1898" t="s">
        <v>13</v>
      </c>
    </row>
    <row r="1899" spans="1:8" x14ac:dyDescent="0.25">
      <c r="A1899" s="1">
        <v>44964</v>
      </c>
      <c r="B1899" t="s">
        <v>1453</v>
      </c>
      <c r="C1899" t="s">
        <v>9</v>
      </c>
      <c r="D1899" t="s">
        <v>26</v>
      </c>
      <c r="E1899" t="s">
        <v>11</v>
      </c>
      <c r="F1899" s="2">
        <v>1</v>
      </c>
      <c r="G1899" t="s">
        <v>46</v>
      </c>
      <c r="H1899" t="s">
        <v>13</v>
      </c>
    </row>
    <row r="1900" spans="1:8" x14ac:dyDescent="0.25">
      <c r="A1900" s="1">
        <v>44964</v>
      </c>
      <c r="B1900" t="s">
        <v>1453</v>
      </c>
      <c r="C1900" t="s">
        <v>35</v>
      </c>
      <c r="D1900" t="s">
        <v>26</v>
      </c>
      <c r="E1900" t="s">
        <v>11</v>
      </c>
      <c r="F1900" s="2">
        <v>1</v>
      </c>
      <c r="G1900" t="s">
        <v>46</v>
      </c>
      <c r="H1900" t="s">
        <v>13</v>
      </c>
    </row>
    <row r="1901" spans="1:8" x14ac:dyDescent="0.25">
      <c r="A1901" s="1">
        <v>44963</v>
      </c>
      <c r="B1901" t="s">
        <v>1454</v>
      </c>
      <c r="C1901" t="s">
        <v>142</v>
      </c>
      <c r="D1901" t="s">
        <v>10</v>
      </c>
      <c r="E1901" t="s">
        <v>11</v>
      </c>
      <c r="F1901" s="2">
        <v>1</v>
      </c>
      <c r="G1901" t="s">
        <v>788</v>
      </c>
      <c r="H1901" t="s">
        <v>13</v>
      </c>
    </row>
    <row r="1902" spans="1:8" x14ac:dyDescent="0.25">
      <c r="A1902" s="1">
        <v>44963</v>
      </c>
      <c r="B1902" t="s">
        <v>1454</v>
      </c>
      <c r="C1902" t="s">
        <v>29</v>
      </c>
      <c r="D1902" t="s">
        <v>10</v>
      </c>
      <c r="E1902" t="s">
        <v>11</v>
      </c>
      <c r="F1902" s="2">
        <v>1</v>
      </c>
      <c r="G1902" t="s">
        <v>788</v>
      </c>
      <c r="H1902" t="s">
        <v>13</v>
      </c>
    </row>
    <row r="1903" spans="1:8" x14ac:dyDescent="0.25">
      <c r="A1903" s="1">
        <v>44963</v>
      </c>
      <c r="B1903" t="s">
        <v>1454</v>
      </c>
      <c r="C1903" t="s">
        <v>47</v>
      </c>
      <c r="D1903" t="s">
        <v>10</v>
      </c>
      <c r="E1903" t="s">
        <v>11</v>
      </c>
      <c r="F1903" s="2">
        <v>1</v>
      </c>
      <c r="G1903" t="s">
        <v>788</v>
      </c>
      <c r="H1903" t="s">
        <v>13</v>
      </c>
    </row>
    <row r="1904" spans="1:8" x14ac:dyDescent="0.25">
      <c r="A1904" s="1">
        <v>44963</v>
      </c>
      <c r="B1904" t="s">
        <v>1454</v>
      </c>
      <c r="C1904" t="s">
        <v>151</v>
      </c>
      <c r="D1904" t="s">
        <v>10</v>
      </c>
      <c r="E1904" t="s">
        <v>11</v>
      </c>
      <c r="F1904" s="2">
        <v>1</v>
      </c>
      <c r="G1904" t="s">
        <v>788</v>
      </c>
      <c r="H1904" t="s">
        <v>13</v>
      </c>
    </row>
    <row r="1905" spans="1:8" x14ac:dyDescent="0.25">
      <c r="A1905" s="1">
        <v>44963</v>
      </c>
      <c r="B1905" t="s">
        <v>1455</v>
      </c>
      <c r="C1905" t="s">
        <v>76</v>
      </c>
      <c r="D1905" t="s">
        <v>10</v>
      </c>
      <c r="E1905" t="s">
        <v>11</v>
      </c>
      <c r="F1905" s="2">
        <v>1</v>
      </c>
      <c r="G1905" t="s">
        <v>1456</v>
      </c>
      <c r="H1905" t="s">
        <v>13</v>
      </c>
    </row>
    <row r="1906" spans="1:8" x14ac:dyDescent="0.25">
      <c r="A1906" s="1">
        <v>44961</v>
      </c>
      <c r="B1906" t="s">
        <v>1457</v>
      </c>
      <c r="C1906" t="s">
        <v>271</v>
      </c>
      <c r="D1906" t="s">
        <v>26</v>
      </c>
      <c r="E1906" t="s">
        <v>11</v>
      </c>
      <c r="F1906" s="2">
        <v>1</v>
      </c>
      <c r="G1906" t="s">
        <v>699</v>
      </c>
      <c r="H1906" t="s">
        <v>13</v>
      </c>
    </row>
    <row r="1907" spans="1:8" x14ac:dyDescent="0.25">
      <c r="A1907" s="1">
        <v>44961</v>
      </c>
      <c r="B1907" t="s">
        <v>1458</v>
      </c>
      <c r="C1907" t="s">
        <v>86</v>
      </c>
      <c r="D1907" t="s">
        <v>10</v>
      </c>
      <c r="E1907" t="s">
        <v>11</v>
      </c>
      <c r="F1907" s="2">
        <v>1</v>
      </c>
      <c r="G1907" t="s">
        <v>20</v>
      </c>
      <c r="H1907" t="s">
        <v>13</v>
      </c>
    </row>
    <row r="1908" spans="1:8" x14ac:dyDescent="0.25">
      <c r="A1908" s="1">
        <v>44960</v>
      </c>
      <c r="B1908" t="s">
        <v>1459</v>
      </c>
      <c r="C1908" t="s">
        <v>9</v>
      </c>
      <c r="D1908" t="s">
        <v>10</v>
      </c>
      <c r="E1908" t="s">
        <v>11</v>
      </c>
      <c r="F1908" s="2">
        <v>1</v>
      </c>
      <c r="G1908" t="s">
        <v>61</v>
      </c>
      <c r="H1908" t="s">
        <v>13</v>
      </c>
    </row>
    <row r="1909" spans="1:8" x14ac:dyDescent="0.25">
      <c r="A1909" s="1">
        <v>44960</v>
      </c>
      <c r="B1909" t="s">
        <v>1459</v>
      </c>
      <c r="C1909" t="s">
        <v>9</v>
      </c>
      <c r="D1909" t="s">
        <v>10</v>
      </c>
      <c r="E1909" t="s">
        <v>11</v>
      </c>
      <c r="F1909" s="2">
        <v>1</v>
      </c>
      <c r="G1909" t="s">
        <v>61</v>
      </c>
      <c r="H1909" t="s">
        <v>13</v>
      </c>
    </row>
    <row r="1910" spans="1:8" x14ac:dyDescent="0.25">
      <c r="A1910" s="1">
        <v>44960</v>
      </c>
      <c r="B1910" t="s">
        <v>1460</v>
      </c>
      <c r="C1910" t="s">
        <v>16</v>
      </c>
      <c r="D1910" t="s">
        <v>10</v>
      </c>
      <c r="E1910" t="s">
        <v>11</v>
      </c>
      <c r="F1910" s="2">
        <v>1</v>
      </c>
      <c r="G1910" t="s">
        <v>191</v>
      </c>
      <c r="H1910" t="s">
        <v>13</v>
      </c>
    </row>
    <row r="1911" spans="1:8" x14ac:dyDescent="0.25">
      <c r="A1911" s="1">
        <v>44959</v>
      </c>
      <c r="B1911" t="s">
        <v>1461</v>
      </c>
      <c r="C1911" t="s">
        <v>118</v>
      </c>
      <c r="D1911" t="s">
        <v>10</v>
      </c>
      <c r="E1911" t="s">
        <v>11</v>
      </c>
      <c r="F1911" s="2">
        <v>1</v>
      </c>
      <c r="G1911" t="s">
        <v>20</v>
      </c>
      <c r="H1911" t="s">
        <v>13</v>
      </c>
    </row>
    <row r="1912" spans="1:8" x14ac:dyDescent="0.25">
      <c r="A1912" s="1">
        <v>44959</v>
      </c>
      <c r="B1912" t="s">
        <v>1461</v>
      </c>
      <c r="C1912" t="s">
        <v>413</v>
      </c>
      <c r="D1912" t="s">
        <v>10</v>
      </c>
      <c r="E1912" t="s">
        <v>11</v>
      </c>
      <c r="F1912" s="2">
        <v>1</v>
      </c>
      <c r="G1912" t="s">
        <v>20</v>
      </c>
      <c r="H1912" t="s">
        <v>13</v>
      </c>
    </row>
    <row r="1913" spans="1:8" x14ac:dyDescent="0.25">
      <c r="A1913" s="1">
        <v>44959</v>
      </c>
      <c r="B1913" t="s">
        <v>1461</v>
      </c>
      <c r="C1913" t="s">
        <v>151</v>
      </c>
      <c r="D1913" t="s">
        <v>10</v>
      </c>
      <c r="E1913" t="s">
        <v>11</v>
      </c>
      <c r="F1913" s="2">
        <v>1</v>
      </c>
      <c r="G1913" t="s">
        <v>20</v>
      </c>
      <c r="H1913" t="s">
        <v>13</v>
      </c>
    </row>
    <row r="1914" spans="1:8" x14ac:dyDescent="0.25">
      <c r="A1914" s="1">
        <v>44959</v>
      </c>
      <c r="B1914" t="s">
        <v>1462</v>
      </c>
      <c r="C1914" t="s">
        <v>74</v>
      </c>
      <c r="D1914" t="s">
        <v>10</v>
      </c>
      <c r="E1914" t="s">
        <v>11</v>
      </c>
      <c r="F1914" s="2">
        <v>1</v>
      </c>
      <c r="G1914" t="s">
        <v>37</v>
      </c>
      <c r="H1914" t="s">
        <v>13</v>
      </c>
    </row>
    <row r="1915" spans="1:8" x14ac:dyDescent="0.25">
      <c r="A1915" s="1">
        <v>44959</v>
      </c>
      <c r="B1915" t="s">
        <v>1462</v>
      </c>
      <c r="C1915" t="s">
        <v>58</v>
      </c>
      <c r="D1915" t="s">
        <v>10</v>
      </c>
      <c r="E1915" t="s">
        <v>11</v>
      </c>
      <c r="F1915" s="2">
        <v>1</v>
      </c>
      <c r="G1915" t="s">
        <v>37</v>
      </c>
      <c r="H1915" t="s">
        <v>13</v>
      </c>
    </row>
    <row r="1916" spans="1:8" x14ac:dyDescent="0.25">
      <c r="A1916" s="1">
        <v>44959</v>
      </c>
      <c r="B1916" t="s">
        <v>1463</v>
      </c>
      <c r="C1916" t="s">
        <v>86</v>
      </c>
      <c r="D1916" t="s">
        <v>10</v>
      </c>
      <c r="E1916" t="s">
        <v>11</v>
      </c>
      <c r="F1916" s="2">
        <v>1</v>
      </c>
      <c r="G1916" t="s">
        <v>137</v>
      </c>
      <c r="H1916" t="s">
        <v>13</v>
      </c>
    </row>
    <row r="1917" spans="1:8" x14ac:dyDescent="0.25">
      <c r="A1917" s="1">
        <v>44958</v>
      </c>
      <c r="B1917" t="s">
        <v>1464</v>
      </c>
      <c r="C1917" t="s">
        <v>79</v>
      </c>
      <c r="D1917" t="s">
        <v>10</v>
      </c>
      <c r="E1917" t="s">
        <v>11</v>
      </c>
      <c r="F1917" s="2">
        <v>1</v>
      </c>
      <c r="G1917" t="s">
        <v>37</v>
      </c>
      <c r="H1917" t="s">
        <v>13</v>
      </c>
    </row>
    <row r="1918" spans="1:8" x14ac:dyDescent="0.25">
      <c r="A1918" s="1">
        <v>44958</v>
      </c>
      <c r="B1918" t="s">
        <v>1465</v>
      </c>
      <c r="C1918" t="s">
        <v>47</v>
      </c>
      <c r="D1918" t="s">
        <v>10</v>
      </c>
      <c r="E1918" t="s">
        <v>11</v>
      </c>
      <c r="F1918" s="2">
        <v>1</v>
      </c>
      <c r="G1918" t="s">
        <v>244</v>
      </c>
      <c r="H1918" t="s">
        <v>13</v>
      </c>
    </row>
    <row r="1919" spans="1:8" x14ac:dyDescent="0.25">
      <c r="A1919" s="1">
        <v>44957</v>
      </c>
      <c r="B1919" t="s">
        <v>1466</v>
      </c>
      <c r="C1919" t="s">
        <v>16</v>
      </c>
      <c r="D1919" t="s">
        <v>10</v>
      </c>
      <c r="E1919" t="s">
        <v>11</v>
      </c>
      <c r="F1919" s="2">
        <v>1</v>
      </c>
      <c r="G1919" t="s">
        <v>93</v>
      </c>
      <c r="H1919" t="s">
        <v>13</v>
      </c>
    </row>
    <row r="1920" spans="1:8" x14ac:dyDescent="0.25">
      <c r="A1920" s="1">
        <v>44957</v>
      </c>
      <c r="B1920" t="s">
        <v>1467</v>
      </c>
      <c r="C1920" t="s">
        <v>410</v>
      </c>
      <c r="D1920" t="s">
        <v>10</v>
      </c>
      <c r="E1920" t="s">
        <v>11</v>
      </c>
      <c r="F1920" s="2">
        <v>1</v>
      </c>
      <c r="G1920" t="s">
        <v>44</v>
      </c>
      <c r="H1920" t="s">
        <v>13</v>
      </c>
    </row>
    <row r="1921" spans="1:8" x14ac:dyDescent="0.25">
      <c r="A1921" s="1">
        <v>44956</v>
      </c>
      <c r="B1921" t="s">
        <v>1468</v>
      </c>
      <c r="C1921" t="s">
        <v>58</v>
      </c>
      <c r="D1921" t="s">
        <v>10</v>
      </c>
      <c r="E1921" t="s">
        <v>11</v>
      </c>
      <c r="F1921" s="2">
        <v>1</v>
      </c>
      <c r="G1921" t="s">
        <v>100</v>
      </c>
      <c r="H1921" t="s">
        <v>13</v>
      </c>
    </row>
    <row r="1922" spans="1:8" x14ac:dyDescent="0.25">
      <c r="A1922" s="1">
        <v>44956</v>
      </c>
      <c r="B1922" t="s">
        <v>1469</v>
      </c>
      <c r="C1922" t="s">
        <v>9</v>
      </c>
      <c r="D1922" t="s">
        <v>10</v>
      </c>
      <c r="E1922" t="s">
        <v>11</v>
      </c>
      <c r="F1922" s="2">
        <v>1</v>
      </c>
      <c r="G1922" t="s">
        <v>325</v>
      </c>
      <c r="H1922" t="s">
        <v>13</v>
      </c>
    </row>
    <row r="1923" spans="1:8" x14ac:dyDescent="0.25">
      <c r="A1923" s="1">
        <v>44956</v>
      </c>
      <c r="B1923" t="s">
        <v>1469</v>
      </c>
      <c r="C1923" t="s">
        <v>28</v>
      </c>
      <c r="D1923" t="s">
        <v>10</v>
      </c>
      <c r="E1923" t="s">
        <v>11</v>
      </c>
      <c r="F1923" s="2">
        <v>1</v>
      </c>
      <c r="G1923" t="s">
        <v>325</v>
      </c>
      <c r="H1923" t="s">
        <v>13</v>
      </c>
    </row>
    <row r="1924" spans="1:8" x14ac:dyDescent="0.25">
      <c r="A1924" s="1">
        <v>44956</v>
      </c>
      <c r="B1924" t="s">
        <v>1470</v>
      </c>
      <c r="C1924" t="s">
        <v>34</v>
      </c>
      <c r="D1924" t="s">
        <v>10</v>
      </c>
      <c r="E1924" t="s">
        <v>11</v>
      </c>
      <c r="F1924" s="2">
        <v>1</v>
      </c>
      <c r="G1924" t="s">
        <v>492</v>
      </c>
      <c r="H1924" t="s">
        <v>13</v>
      </c>
    </row>
    <row r="1925" spans="1:8" x14ac:dyDescent="0.25">
      <c r="A1925" s="1">
        <v>44956</v>
      </c>
      <c r="B1925" t="s">
        <v>1470</v>
      </c>
      <c r="C1925" t="s">
        <v>35</v>
      </c>
      <c r="D1925" t="s">
        <v>10</v>
      </c>
      <c r="E1925" t="s">
        <v>11</v>
      </c>
      <c r="F1925" s="2">
        <v>1</v>
      </c>
      <c r="G1925" t="s">
        <v>492</v>
      </c>
      <c r="H1925" t="s">
        <v>13</v>
      </c>
    </row>
    <row r="1926" spans="1:8" x14ac:dyDescent="0.25">
      <c r="A1926" s="1">
        <v>44955</v>
      </c>
      <c r="B1926" t="s">
        <v>1471</v>
      </c>
      <c r="C1926" t="s">
        <v>9</v>
      </c>
      <c r="D1926" t="s">
        <v>10</v>
      </c>
      <c r="E1926" t="s">
        <v>11</v>
      </c>
      <c r="F1926" s="2">
        <v>1</v>
      </c>
      <c r="G1926" t="s">
        <v>20</v>
      </c>
      <c r="H1926" t="s">
        <v>13</v>
      </c>
    </row>
    <row r="1927" spans="1:8" x14ac:dyDescent="0.25">
      <c r="A1927" s="1">
        <v>44955</v>
      </c>
      <c r="B1927" t="s">
        <v>1471</v>
      </c>
      <c r="C1927" t="s">
        <v>118</v>
      </c>
      <c r="D1927" t="s">
        <v>10</v>
      </c>
      <c r="E1927" t="s">
        <v>11</v>
      </c>
      <c r="F1927" s="2">
        <v>1</v>
      </c>
      <c r="G1927" t="s">
        <v>20</v>
      </c>
      <c r="H1927" t="s">
        <v>13</v>
      </c>
    </row>
    <row r="1928" spans="1:8" x14ac:dyDescent="0.25">
      <c r="A1928" s="1">
        <v>44955</v>
      </c>
      <c r="B1928" t="s">
        <v>1471</v>
      </c>
      <c r="C1928" t="s">
        <v>120</v>
      </c>
      <c r="D1928" t="s">
        <v>10</v>
      </c>
      <c r="E1928" t="s">
        <v>11</v>
      </c>
      <c r="F1928" s="2">
        <v>1</v>
      </c>
      <c r="G1928" t="s">
        <v>20</v>
      </c>
      <c r="H1928" t="s">
        <v>13</v>
      </c>
    </row>
    <row r="1929" spans="1:8" x14ac:dyDescent="0.25">
      <c r="A1929" s="1">
        <v>44954</v>
      </c>
      <c r="B1929" t="s">
        <v>1472</v>
      </c>
      <c r="C1929" t="s">
        <v>9</v>
      </c>
      <c r="D1929" t="s">
        <v>10</v>
      </c>
      <c r="E1929" t="s">
        <v>11</v>
      </c>
      <c r="F1929" s="2">
        <v>1</v>
      </c>
      <c r="G1929" t="s">
        <v>44</v>
      </c>
      <c r="H1929" t="s">
        <v>13</v>
      </c>
    </row>
    <row r="1930" spans="1:8" x14ac:dyDescent="0.25">
      <c r="A1930" s="1">
        <v>44954</v>
      </c>
      <c r="B1930" t="s">
        <v>1473</v>
      </c>
      <c r="C1930" t="s">
        <v>14</v>
      </c>
      <c r="D1930" t="s">
        <v>10</v>
      </c>
      <c r="E1930" t="s">
        <v>11</v>
      </c>
      <c r="F1930" s="2">
        <v>1</v>
      </c>
      <c r="G1930" t="s">
        <v>72</v>
      </c>
      <c r="H1930" t="s">
        <v>13</v>
      </c>
    </row>
    <row r="1931" spans="1:8" x14ac:dyDescent="0.25">
      <c r="A1931" s="1">
        <v>44954</v>
      </c>
      <c r="B1931" t="s">
        <v>1474</v>
      </c>
      <c r="C1931" t="s">
        <v>416</v>
      </c>
      <c r="D1931" t="s">
        <v>10</v>
      </c>
      <c r="E1931" t="s">
        <v>11</v>
      </c>
      <c r="F1931" s="2">
        <v>1</v>
      </c>
      <c r="G1931" t="s">
        <v>181</v>
      </c>
      <c r="H1931" t="s">
        <v>13</v>
      </c>
    </row>
    <row r="1932" spans="1:8" x14ac:dyDescent="0.25">
      <c r="A1932" s="1">
        <v>44953</v>
      </c>
      <c r="B1932" t="s">
        <v>1475</v>
      </c>
      <c r="C1932" t="s">
        <v>34</v>
      </c>
      <c r="D1932" t="s">
        <v>10</v>
      </c>
      <c r="E1932" t="s">
        <v>11</v>
      </c>
      <c r="F1932" s="2">
        <v>1</v>
      </c>
      <c r="G1932" t="s">
        <v>40</v>
      </c>
      <c r="H1932" t="s">
        <v>13</v>
      </c>
    </row>
    <row r="1933" spans="1:8" x14ac:dyDescent="0.25">
      <c r="A1933" s="1">
        <v>44953</v>
      </c>
      <c r="B1933" t="s">
        <v>1475</v>
      </c>
      <c r="C1933" t="s">
        <v>439</v>
      </c>
      <c r="D1933" t="s">
        <v>10</v>
      </c>
      <c r="E1933" t="s">
        <v>11</v>
      </c>
      <c r="F1933" s="2">
        <v>1</v>
      </c>
      <c r="G1933" t="s">
        <v>40</v>
      </c>
      <c r="H1933" t="s">
        <v>13</v>
      </c>
    </row>
    <row r="1934" spans="1:8" x14ac:dyDescent="0.25">
      <c r="A1934" s="1">
        <v>44953</v>
      </c>
      <c r="B1934" t="s">
        <v>1476</v>
      </c>
      <c r="C1934" t="s">
        <v>379</v>
      </c>
      <c r="D1934" t="s">
        <v>10</v>
      </c>
      <c r="E1934" t="s">
        <v>11</v>
      </c>
      <c r="F1934" s="2">
        <v>1</v>
      </c>
      <c r="G1934" t="s">
        <v>1477</v>
      </c>
      <c r="H1934" t="s">
        <v>13</v>
      </c>
    </row>
    <row r="1935" spans="1:8" x14ac:dyDescent="0.25">
      <c r="A1935" s="1">
        <v>44953</v>
      </c>
      <c r="B1935" t="s">
        <v>1476</v>
      </c>
      <c r="C1935" t="s">
        <v>379</v>
      </c>
      <c r="D1935" t="s">
        <v>10</v>
      </c>
      <c r="E1935" t="s">
        <v>11</v>
      </c>
      <c r="F1935" s="2">
        <v>1</v>
      </c>
      <c r="G1935" t="s">
        <v>1477</v>
      </c>
      <c r="H1935" t="s">
        <v>13</v>
      </c>
    </row>
    <row r="1936" spans="1:8" x14ac:dyDescent="0.25">
      <c r="A1936" s="1">
        <v>44952</v>
      </c>
      <c r="B1936" t="s">
        <v>1478</v>
      </c>
      <c r="C1936" t="s">
        <v>14</v>
      </c>
      <c r="D1936" t="s">
        <v>10</v>
      </c>
      <c r="E1936" t="s">
        <v>11</v>
      </c>
      <c r="F1936" s="2">
        <v>1</v>
      </c>
      <c r="G1936" t="s">
        <v>12</v>
      </c>
      <c r="H1936" t="s">
        <v>13</v>
      </c>
    </row>
    <row r="1937" spans="1:8" x14ac:dyDescent="0.25">
      <c r="A1937" s="1">
        <v>44952</v>
      </c>
      <c r="B1937" t="s">
        <v>1479</v>
      </c>
      <c r="C1937" t="s">
        <v>731</v>
      </c>
      <c r="D1937" t="s">
        <v>10</v>
      </c>
      <c r="E1937" t="s">
        <v>11</v>
      </c>
      <c r="F1937" s="2">
        <v>1</v>
      </c>
      <c r="G1937" t="s">
        <v>859</v>
      </c>
      <c r="H1937" t="s">
        <v>13</v>
      </c>
    </row>
    <row r="1938" spans="1:8" x14ac:dyDescent="0.25">
      <c r="A1938" s="1">
        <v>44952</v>
      </c>
      <c r="B1938" t="s">
        <v>1480</v>
      </c>
      <c r="C1938" t="s">
        <v>47</v>
      </c>
      <c r="D1938" t="s">
        <v>10</v>
      </c>
      <c r="E1938" t="s">
        <v>11</v>
      </c>
      <c r="F1938" s="2">
        <v>1</v>
      </c>
      <c r="G1938" t="s">
        <v>49</v>
      </c>
      <c r="H1938" t="s">
        <v>13</v>
      </c>
    </row>
    <row r="1939" spans="1:8" x14ac:dyDescent="0.25">
      <c r="A1939" s="1">
        <v>44952</v>
      </c>
      <c r="B1939" t="s">
        <v>1481</v>
      </c>
      <c r="C1939" t="s">
        <v>35</v>
      </c>
      <c r="D1939" t="s">
        <v>10</v>
      </c>
      <c r="E1939" t="s">
        <v>11</v>
      </c>
      <c r="F1939" s="2">
        <v>1</v>
      </c>
      <c r="G1939" t="s">
        <v>83</v>
      </c>
      <c r="H1939" t="s">
        <v>13</v>
      </c>
    </row>
    <row r="1940" spans="1:8" x14ac:dyDescent="0.25">
      <c r="A1940" s="1">
        <v>44951</v>
      </c>
      <c r="B1940" t="s">
        <v>1482</v>
      </c>
      <c r="C1940" t="s">
        <v>9</v>
      </c>
      <c r="D1940" t="s">
        <v>10</v>
      </c>
      <c r="E1940" t="s">
        <v>11</v>
      </c>
      <c r="F1940" s="2">
        <v>1</v>
      </c>
      <c r="G1940" t="s">
        <v>878</v>
      </c>
      <c r="H1940" t="s">
        <v>13</v>
      </c>
    </row>
    <row r="1941" spans="1:8" x14ac:dyDescent="0.25">
      <c r="A1941" s="1">
        <v>44951</v>
      </c>
      <c r="B1941" t="s">
        <v>1482</v>
      </c>
      <c r="C1941" t="s">
        <v>47</v>
      </c>
      <c r="D1941" t="s">
        <v>10</v>
      </c>
      <c r="E1941" t="s">
        <v>11</v>
      </c>
      <c r="F1941" s="2">
        <v>1</v>
      </c>
      <c r="G1941" t="s">
        <v>878</v>
      </c>
      <c r="H1941" t="s">
        <v>13</v>
      </c>
    </row>
    <row r="1942" spans="1:8" x14ac:dyDescent="0.25">
      <c r="A1942" s="1">
        <v>44951</v>
      </c>
      <c r="B1942" t="s">
        <v>1482</v>
      </c>
      <c r="C1942" t="s">
        <v>836</v>
      </c>
      <c r="D1942" t="s">
        <v>10</v>
      </c>
      <c r="E1942" t="s">
        <v>11</v>
      </c>
      <c r="F1942" s="2">
        <v>1</v>
      </c>
      <c r="G1942" t="s">
        <v>878</v>
      </c>
      <c r="H1942" t="s">
        <v>13</v>
      </c>
    </row>
    <row r="1943" spans="1:8" x14ac:dyDescent="0.25">
      <c r="A1943" s="1">
        <v>44951</v>
      </c>
      <c r="B1943" t="s">
        <v>1483</v>
      </c>
      <c r="C1943" t="s">
        <v>86</v>
      </c>
      <c r="D1943" t="s">
        <v>10</v>
      </c>
      <c r="E1943" t="s">
        <v>11</v>
      </c>
      <c r="F1943" s="2">
        <v>1</v>
      </c>
      <c r="G1943" t="s">
        <v>137</v>
      </c>
      <c r="H1943" t="s">
        <v>13</v>
      </c>
    </row>
    <row r="1944" spans="1:8" x14ac:dyDescent="0.25">
      <c r="A1944" s="1">
        <v>44951</v>
      </c>
      <c r="B1944" t="s">
        <v>1483</v>
      </c>
      <c r="C1944" t="s">
        <v>96</v>
      </c>
      <c r="D1944" t="s">
        <v>10</v>
      </c>
      <c r="E1944" t="s">
        <v>11</v>
      </c>
      <c r="F1944" s="2">
        <v>1</v>
      </c>
      <c r="G1944" t="s">
        <v>137</v>
      </c>
      <c r="H1944" t="s">
        <v>13</v>
      </c>
    </row>
    <row r="1945" spans="1:8" x14ac:dyDescent="0.25">
      <c r="A1945" s="1">
        <v>44951</v>
      </c>
      <c r="B1945" t="s">
        <v>1484</v>
      </c>
      <c r="C1945" t="s">
        <v>9</v>
      </c>
      <c r="D1945" t="s">
        <v>10</v>
      </c>
      <c r="E1945" t="s">
        <v>11</v>
      </c>
      <c r="F1945" s="2">
        <v>1</v>
      </c>
      <c r="G1945" t="s">
        <v>40</v>
      </c>
      <c r="H1945" t="s">
        <v>13</v>
      </c>
    </row>
    <row r="1946" spans="1:8" x14ac:dyDescent="0.25">
      <c r="A1946" s="1">
        <v>44951</v>
      </c>
      <c r="B1946" t="s">
        <v>1484</v>
      </c>
      <c r="C1946" t="s">
        <v>52</v>
      </c>
      <c r="D1946" t="s">
        <v>10</v>
      </c>
      <c r="E1946" t="s">
        <v>11</v>
      </c>
      <c r="F1946" s="2">
        <v>1</v>
      </c>
      <c r="G1946" t="s">
        <v>40</v>
      </c>
      <c r="H1946" t="s">
        <v>13</v>
      </c>
    </row>
    <row r="1947" spans="1:8" x14ac:dyDescent="0.25">
      <c r="A1947" s="1">
        <v>44951</v>
      </c>
      <c r="B1947" t="s">
        <v>1485</v>
      </c>
      <c r="C1947" t="s">
        <v>9</v>
      </c>
      <c r="D1947" t="s">
        <v>10</v>
      </c>
      <c r="E1947" t="s">
        <v>11</v>
      </c>
      <c r="F1947" s="2">
        <v>1</v>
      </c>
      <c r="G1947" t="s">
        <v>40</v>
      </c>
      <c r="H1947" t="s">
        <v>13</v>
      </c>
    </row>
    <row r="1948" spans="1:8" x14ac:dyDescent="0.25">
      <c r="A1948" s="1">
        <v>44951</v>
      </c>
      <c r="B1948" t="s">
        <v>1485</v>
      </c>
      <c r="C1948" t="s">
        <v>35</v>
      </c>
      <c r="D1948" t="s">
        <v>10</v>
      </c>
      <c r="E1948" t="s">
        <v>11</v>
      </c>
      <c r="F1948" s="2">
        <v>1</v>
      </c>
      <c r="G1948" t="s">
        <v>40</v>
      </c>
      <c r="H1948" t="s">
        <v>13</v>
      </c>
    </row>
    <row r="1949" spans="1:8" x14ac:dyDescent="0.25">
      <c r="A1949" s="1">
        <v>44951</v>
      </c>
      <c r="B1949" t="s">
        <v>1486</v>
      </c>
      <c r="C1949" t="s">
        <v>9</v>
      </c>
      <c r="D1949" t="s">
        <v>10</v>
      </c>
      <c r="E1949" t="s">
        <v>11</v>
      </c>
      <c r="F1949" s="2">
        <v>1</v>
      </c>
      <c r="G1949" t="s">
        <v>197</v>
      </c>
      <c r="H1949" t="s">
        <v>13</v>
      </c>
    </row>
    <row r="1950" spans="1:8" x14ac:dyDescent="0.25">
      <c r="A1950" s="1">
        <v>44951</v>
      </c>
      <c r="B1950" t="s">
        <v>1486</v>
      </c>
      <c r="C1950" t="s">
        <v>174</v>
      </c>
      <c r="D1950" t="s">
        <v>10</v>
      </c>
      <c r="E1950" t="s">
        <v>11</v>
      </c>
      <c r="F1950" s="2">
        <v>1</v>
      </c>
      <c r="G1950" t="s">
        <v>197</v>
      </c>
      <c r="H1950" t="s">
        <v>13</v>
      </c>
    </row>
    <row r="1951" spans="1:8" x14ac:dyDescent="0.25">
      <c r="A1951" s="1">
        <v>44951</v>
      </c>
      <c r="B1951" t="s">
        <v>1486</v>
      </c>
      <c r="C1951" t="s">
        <v>35</v>
      </c>
      <c r="D1951" t="s">
        <v>10</v>
      </c>
      <c r="E1951" t="s">
        <v>11</v>
      </c>
      <c r="F1951" s="2">
        <v>1</v>
      </c>
      <c r="G1951" t="s">
        <v>197</v>
      </c>
      <c r="H1951" t="s">
        <v>13</v>
      </c>
    </row>
    <row r="1952" spans="1:8" x14ac:dyDescent="0.25">
      <c r="A1952" s="1">
        <v>44950</v>
      </c>
      <c r="B1952" t="s">
        <v>1487</v>
      </c>
      <c r="C1952" t="s">
        <v>115</v>
      </c>
      <c r="D1952" t="s">
        <v>10</v>
      </c>
      <c r="E1952" t="s">
        <v>11</v>
      </c>
      <c r="F1952" s="2">
        <v>1</v>
      </c>
      <c r="G1952" t="s">
        <v>347</v>
      </c>
      <c r="H1952" t="s">
        <v>13</v>
      </c>
    </row>
    <row r="1953" spans="1:8" x14ac:dyDescent="0.25">
      <c r="A1953" s="1">
        <v>44950</v>
      </c>
      <c r="B1953" t="s">
        <v>1488</v>
      </c>
      <c r="C1953" t="s">
        <v>174</v>
      </c>
      <c r="D1953" t="s">
        <v>10</v>
      </c>
      <c r="E1953" t="s">
        <v>11</v>
      </c>
      <c r="F1953" s="2">
        <v>1</v>
      </c>
      <c r="G1953" t="s">
        <v>411</v>
      </c>
      <c r="H1953" t="s">
        <v>13</v>
      </c>
    </row>
    <row r="1954" spans="1:8" x14ac:dyDescent="0.25">
      <c r="A1954" s="1">
        <v>44949</v>
      </c>
      <c r="B1954" t="s">
        <v>1489</v>
      </c>
      <c r="C1954" t="s">
        <v>28</v>
      </c>
      <c r="D1954" t="s">
        <v>10</v>
      </c>
      <c r="E1954" t="s">
        <v>11</v>
      </c>
      <c r="F1954" s="2">
        <v>1</v>
      </c>
      <c r="G1954" t="s">
        <v>177</v>
      </c>
      <c r="H1954" t="s">
        <v>13</v>
      </c>
    </row>
    <row r="1955" spans="1:8" x14ac:dyDescent="0.25">
      <c r="A1955" s="1">
        <v>44949</v>
      </c>
      <c r="B1955" t="s">
        <v>1489</v>
      </c>
      <c r="C1955" t="s">
        <v>29</v>
      </c>
      <c r="D1955" t="s">
        <v>10</v>
      </c>
      <c r="E1955" t="s">
        <v>11</v>
      </c>
      <c r="F1955" s="2">
        <v>1</v>
      </c>
      <c r="G1955" t="s">
        <v>177</v>
      </c>
      <c r="H1955" t="s">
        <v>13</v>
      </c>
    </row>
    <row r="1956" spans="1:8" x14ac:dyDescent="0.25">
      <c r="A1956" s="1">
        <v>44949</v>
      </c>
      <c r="B1956" t="s">
        <v>1490</v>
      </c>
      <c r="C1956" t="s">
        <v>9</v>
      </c>
      <c r="D1956" t="s">
        <v>10</v>
      </c>
      <c r="E1956" t="s">
        <v>11</v>
      </c>
      <c r="F1956" s="2">
        <v>1</v>
      </c>
      <c r="G1956" t="s">
        <v>20</v>
      </c>
      <c r="H1956" t="s">
        <v>13</v>
      </c>
    </row>
    <row r="1957" spans="1:8" x14ac:dyDescent="0.25">
      <c r="A1957" s="1">
        <v>44949</v>
      </c>
      <c r="B1957" t="s">
        <v>1490</v>
      </c>
      <c r="C1957" t="s">
        <v>199</v>
      </c>
      <c r="D1957" t="s">
        <v>10</v>
      </c>
      <c r="E1957" t="s">
        <v>11</v>
      </c>
      <c r="F1957" s="2">
        <v>1</v>
      </c>
      <c r="G1957" t="s">
        <v>20</v>
      </c>
      <c r="H1957" t="s">
        <v>13</v>
      </c>
    </row>
    <row r="1958" spans="1:8" x14ac:dyDescent="0.25">
      <c r="A1958" s="1">
        <v>44949</v>
      </c>
      <c r="B1958" t="s">
        <v>1491</v>
      </c>
      <c r="C1958" t="s">
        <v>86</v>
      </c>
      <c r="D1958" t="s">
        <v>10</v>
      </c>
      <c r="E1958" t="s">
        <v>11</v>
      </c>
      <c r="F1958" s="2">
        <v>1</v>
      </c>
      <c r="G1958" t="s">
        <v>67</v>
      </c>
      <c r="H1958" t="s">
        <v>13</v>
      </c>
    </row>
    <row r="1959" spans="1:8" x14ac:dyDescent="0.25">
      <c r="A1959" s="1">
        <v>44949</v>
      </c>
      <c r="B1959" t="s">
        <v>1491</v>
      </c>
      <c r="C1959" t="s">
        <v>47</v>
      </c>
      <c r="D1959" t="s">
        <v>10</v>
      </c>
      <c r="E1959" t="s">
        <v>11</v>
      </c>
      <c r="F1959" s="2">
        <v>1</v>
      </c>
      <c r="G1959" t="s">
        <v>67</v>
      </c>
      <c r="H1959" t="s">
        <v>13</v>
      </c>
    </row>
    <row r="1960" spans="1:8" x14ac:dyDescent="0.25">
      <c r="A1960" s="1">
        <v>44949</v>
      </c>
      <c r="B1960" t="s">
        <v>1492</v>
      </c>
      <c r="C1960" t="s">
        <v>9</v>
      </c>
      <c r="D1960" t="s">
        <v>10</v>
      </c>
      <c r="E1960" t="s">
        <v>11</v>
      </c>
      <c r="F1960" s="2">
        <v>1</v>
      </c>
      <c r="G1960" t="s">
        <v>20</v>
      </c>
      <c r="H1960" t="s">
        <v>13</v>
      </c>
    </row>
    <row r="1961" spans="1:8" x14ac:dyDescent="0.25">
      <c r="A1961" s="1">
        <v>44948</v>
      </c>
      <c r="B1961" t="s">
        <v>1493</v>
      </c>
      <c r="C1961" t="s">
        <v>28</v>
      </c>
      <c r="D1961" t="s">
        <v>10</v>
      </c>
      <c r="E1961" t="s">
        <v>11</v>
      </c>
      <c r="F1961" s="2">
        <v>1</v>
      </c>
      <c r="G1961" t="s">
        <v>20</v>
      </c>
      <c r="H1961" t="s">
        <v>13</v>
      </c>
    </row>
    <row r="1962" spans="1:8" x14ac:dyDescent="0.25">
      <c r="A1962" s="1">
        <v>44948</v>
      </c>
      <c r="B1962" t="s">
        <v>1493</v>
      </c>
      <c r="C1962" t="s">
        <v>47</v>
      </c>
      <c r="D1962" t="s">
        <v>10</v>
      </c>
      <c r="E1962" t="s">
        <v>11</v>
      </c>
      <c r="F1962" s="2">
        <v>1</v>
      </c>
      <c r="G1962" t="s">
        <v>20</v>
      </c>
      <c r="H1962" t="s">
        <v>13</v>
      </c>
    </row>
    <row r="1963" spans="1:8" x14ac:dyDescent="0.25">
      <c r="A1963" s="1">
        <v>44946</v>
      </c>
      <c r="B1963" t="s">
        <v>1494</v>
      </c>
      <c r="C1963" t="s">
        <v>9</v>
      </c>
      <c r="D1963" t="s">
        <v>10</v>
      </c>
      <c r="E1963" t="s">
        <v>11</v>
      </c>
      <c r="F1963" s="2">
        <v>1</v>
      </c>
      <c r="G1963" t="s">
        <v>154</v>
      </c>
      <c r="H1963" t="s">
        <v>13</v>
      </c>
    </row>
    <row r="1964" spans="1:8" x14ac:dyDescent="0.25">
      <c r="A1964" s="1">
        <v>44946</v>
      </c>
      <c r="B1964" t="s">
        <v>1494</v>
      </c>
      <c r="C1964" t="s">
        <v>28</v>
      </c>
      <c r="D1964" t="s">
        <v>10</v>
      </c>
      <c r="E1964" t="s">
        <v>11</v>
      </c>
      <c r="F1964" s="2">
        <v>1</v>
      </c>
      <c r="G1964" t="s">
        <v>154</v>
      </c>
      <c r="H1964" t="s">
        <v>13</v>
      </c>
    </row>
    <row r="1965" spans="1:8" x14ac:dyDescent="0.25">
      <c r="A1965" s="1">
        <v>44946</v>
      </c>
      <c r="B1965" t="s">
        <v>1495</v>
      </c>
      <c r="C1965" t="s">
        <v>9</v>
      </c>
      <c r="D1965" t="s">
        <v>10</v>
      </c>
      <c r="E1965" t="s">
        <v>11</v>
      </c>
      <c r="F1965" s="2">
        <v>1</v>
      </c>
      <c r="G1965" t="s">
        <v>70</v>
      </c>
      <c r="H1965" t="s">
        <v>13</v>
      </c>
    </row>
    <row r="1966" spans="1:8" x14ac:dyDescent="0.25">
      <c r="A1966" s="1">
        <v>44946</v>
      </c>
      <c r="B1966" t="s">
        <v>1495</v>
      </c>
      <c r="C1966" t="s">
        <v>28</v>
      </c>
      <c r="D1966" t="s">
        <v>10</v>
      </c>
      <c r="E1966" t="s">
        <v>11</v>
      </c>
      <c r="F1966" s="2">
        <v>1</v>
      </c>
      <c r="G1966" t="s">
        <v>70</v>
      </c>
      <c r="H1966" t="s">
        <v>13</v>
      </c>
    </row>
    <row r="1967" spans="1:8" x14ac:dyDescent="0.25">
      <c r="A1967" s="1">
        <v>44946</v>
      </c>
      <c r="B1967" t="s">
        <v>1495</v>
      </c>
      <c r="C1967" t="s">
        <v>29</v>
      </c>
      <c r="D1967" t="s">
        <v>10</v>
      </c>
      <c r="E1967" t="s">
        <v>11</v>
      </c>
      <c r="F1967" s="2">
        <v>1</v>
      </c>
      <c r="G1967" t="s">
        <v>70</v>
      </c>
      <c r="H1967" t="s">
        <v>13</v>
      </c>
    </row>
    <row r="1968" spans="1:8" x14ac:dyDescent="0.25">
      <c r="A1968" s="1">
        <v>44946</v>
      </c>
      <c r="B1968" t="s">
        <v>1495</v>
      </c>
      <c r="C1968" t="s">
        <v>35</v>
      </c>
      <c r="D1968" t="s">
        <v>10</v>
      </c>
      <c r="E1968" t="s">
        <v>11</v>
      </c>
      <c r="F1968" s="2">
        <v>1</v>
      </c>
      <c r="G1968" t="s">
        <v>70</v>
      </c>
      <c r="H1968" t="s">
        <v>13</v>
      </c>
    </row>
    <row r="1969" spans="1:8" x14ac:dyDescent="0.25">
      <c r="A1969" s="1">
        <v>44945</v>
      </c>
      <c r="B1969" t="s">
        <v>1496</v>
      </c>
      <c r="C1969" t="s">
        <v>16</v>
      </c>
      <c r="D1969" t="s">
        <v>10</v>
      </c>
      <c r="E1969" t="s">
        <v>11</v>
      </c>
      <c r="F1969" s="2">
        <v>1</v>
      </c>
      <c r="G1969" t="s">
        <v>20</v>
      </c>
      <c r="H1969" t="s">
        <v>13</v>
      </c>
    </row>
    <row r="1970" spans="1:8" x14ac:dyDescent="0.25">
      <c r="A1970" s="1">
        <v>44945</v>
      </c>
      <c r="B1970" t="s">
        <v>1496</v>
      </c>
      <c r="C1970" t="s">
        <v>16</v>
      </c>
      <c r="D1970" t="s">
        <v>10</v>
      </c>
      <c r="E1970" t="s">
        <v>11</v>
      </c>
      <c r="F1970" s="2">
        <v>1</v>
      </c>
      <c r="G1970" t="s">
        <v>20</v>
      </c>
      <c r="H1970" t="s">
        <v>13</v>
      </c>
    </row>
    <row r="1971" spans="1:8" x14ac:dyDescent="0.25">
      <c r="A1971" s="1">
        <v>44943</v>
      </c>
      <c r="B1971" t="s">
        <v>1497</v>
      </c>
      <c r="C1971" t="s">
        <v>19</v>
      </c>
      <c r="D1971" t="s">
        <v>10</v>
      </c>
      <c r="E1971" t="s">
        <v>11</v>
      </c>
      <c r="F1971" s="2">
        <v>1</v>
      </c>
      <c r="G1971" t="s">
        <v>699</v>
      </c>
      <c r="H1971" t="s">
        <v>13</v>
      </c>
    </row>
    <row r="1972" spans="1:8" x14ac:dyDescent="0.25">
      <c r="A1972" s="1">
        <v>44943</v>
      </c>
      <c r="B1972" t="s">
        <v>1498</v>
      </c>
      <c r="C1972" t="s">
        <v>1499</v>
      </c>
      <c r="D1972" t="s">
        <v>10</v>
      </c>
      <c r="E1972" t="s">
        <v>11</v>
      </c>
      <c r="F1972" s="2">
        <v>1</v>
      </c>
      <c r="G1972" t="s">
        <v>318</v>
      </c>
      <c r="H1972" t="s">
        <v>13</v>
      </c>
    </row>
    <row r="1973" spans="1:8" x14ac:dyDescent="0.25">
      <c r="A1973" s="1">
        <v>44943</v>
      </c>
      <c r="B1973" t="s">
        <v>1498</v>
      </c>
      <c r="C1973" t="s">
        <v>271</v>
      </c>
      <c r="D1973" t="s">
        <v>10</v>
      </c>
      <c r="E1973" t="s">
        <v>11</v>
      </c>
      <c r="F1973" s="2">
        <v>1</v>
      </c>
      <c r="G1973" t="s">
        <v>318</v>
      </c>
      <c r="H1973" t="s">
        <v>13</v>
      </c>
    </row>
    <row r="1974" spans="1:8" x14ac:dyDescent="0.25">
      <c r="A1974" s="1">
        <v>44942</v>
      </c>
      <c r="B1974" t="s">
        <v>1500</v>
      </c>
      <c r="C1974" t="s">
        <v>52</v>
      </c>
      <c r="D1974" t="s">
        <v>10</v>
      </c>
      <c r="E1974" t="s">
        <v>11</v>
      </c>
      <c r="F1974" s="2">
        <v>1</v>
      </c>
      <c r="G1974" t="s">
        <v>53</v>
      </c>
      <c r="H1974" t="s">
        <v>13</v>
      </c>
    </row>
    <row r="1975" spans="1:8" x14ac:dyDescent="0.25">
      <c r="A1975" s="1">
        <v>44942</v>
      </c>
      <c r="B1975" t="s">
        <v>1500</v>
      </c>
      <c r="C1975" t="s">
        <v>35</v>
      </c>
      <c r="D1975" t="s">
        <v>10</v>
      </c>
      <c r="E1975" t="s">
        <v>11</v>
      </c>
      <c r="F1975" s="2">
        <v>1</v>
      </c>
      <c r="G1975" t="s">
        <v>53</v>
      </c>
      <c r="H1975" t="s">
        <v>13</v>
      </c>
    </row>
    <row r="1976" spans="1:8" x14ac:dyDescent="0.25">
      <c r="A1976" s="1">
        <v>44941</v>
      </c>
      <c r="B1976" t="s">
        <v>1501</v>
      </c>
      <c r="C1976" t="s">
        <v>118</v>
      </c>
      <c r="D1976" t="s">
        <v>10</v>
      </c>
      <c r="E1976" t="s">
        <v>11</v>
      </c>
      <c r="F1976" s="2">
        <v>1</v>
      </c>
      <c r="G1976" t="s">
        <v>135</v>
      </c>
      <c r="H1976" t="s">
        <v>13</v>
      </c>
    </row>
    <row r="1977" spans="1:8" x14ac:dyDescent="0.25">
      <c r="A1977" s="1">
        <v>44941</v>
      </c>
      <c r="B1977" t="s">
        <v>1501</v>
      </c>
      <c r="C1977" t="s">
        <v>142</v>
      </c>
      <c r="D1977" t="s">
        <v>10</v>
      </c>
      <c r="E1977" t="s">
        <v>11</v>
      </c>
      <c r="F1977" s="2">
        <v>1</v>
      </c>
      <c r="G1977" t="s">
        <v>135</v>
      </c>
      <c r="H1977" t="s">
        <v>13</v>
      </c>
    </row>
    <row r="1978" spans="1:8" x14ac:dyDescent="0.25">
      <c r="A1978" s="1">
        <v>44941</v>
      </c>
      <c r="B1978" t="s">
        <v>1501</v>
      </c>
      <c r="C1978" t="s">
        <v>47</v>
      </c>
      <c r="D1978" t="s">
        <v>10</v>
      </c>
      <c r="E1978" t="s">
        <v>11</v>
      </c>
      <c r="F1978" s="2">
        <v>1</v>
      </c>
      <c r="G1978" t="s">
        <v>135</v>
      </c>
      <c r="H1978" t="s">
        <v>13</v>
      </c>
    </row>
    <row r="1979" spans="1:8" x14ac:dyDescent="0.25">
      <c r="A1979" s="1">
        <v>44941</v>
      </c>
      <c r="B1979" t="s">
        <v>1501</v>
      </c>
      <c r="C1979" t="s">
        <v>150</v>
      </c>
      <c r="D1979" t="s">
        <v>10</v>
      </c>
      <c r="E1979" t="s">
        <v>11</v>
      </c>
      <c r="F1979" s="2">
        <v>1</v>
      </c>
      <c r="G1979" t="s">
        <v>135</v>
      </c>
      <c r="H1979" t="s">
        <v>13</v>
      </c>
    </row>
    <row r="1980" spans="1:8" x14ac:dyDescent="0.25">
      <c r="A1980" s="1">
        <v>44941</v>
      </c>
      <c r="B1980" t="s">
        <v>1501</v>
      </c>
      <c r="C1980" t="s">
        <v>1502</v>
      </c>
      <c r="D1980" t="s">
        <v>10</v>
      </c>
      <c r="E1980" t="s">
        <v>11</v>
      </c>
      <c r="F1980" s="2">
        <v>1</v>
      </c>
      <c r="G1980" t="s">
        <v>135</v>
      </c>
      <c r="H1980" t="s">
        <v>13</v>
      </c>
    </row>
    <row r="1981" spans="1:8" x14ac:dyDescent="0.25">
      <c r="A1981" s="1">
        <v>44941</v>
      </c>
      <c r="B1981" t="s">
        <v>1501</v>
      </c>
      <c r="C1981" t="s">
        <v>151</v>
      </c>
      <c r="D1981" t="s">
        <v>10</v>
      </c>
      <c r="E1981" t="s">
        <v>11</v>
      </c>
      <c r="F1981" s="2">
        <v>1</v>
      </c>
      <c r="G1981" t="s">
        <v>135</v>
      </c>
      <c r="H1981" t="s">
        <v>13</v>
      </c>
    </row>
    <row r="1982" spans="1:8" x14ac:dyDescent="0.25">
      <c r="A1982" s="1">
        <v>44940</v>
      </c>
      <c r="B1982" t="s">
        <v>1503</v>
      </c>
      <c r="C1982" t="s">
        <v>47</v>
      </c>
      <c r="D1982" t="s">
        <v>10</v>
      </c>
      <c r="E1982" t="s">
        <v>11</v>
      </c>
      <c r="F1982" s="2">
        <v>1</v>
      </c>
      <c r="G1982" t="s">
        <v>1392</v>
      </c>
      <c r="H1982" t="s">
        <v>13</v>
      </c>
    </row>
    <row r="1983" spans="1:8" x14ac:dyDescent="0.25">
      <c r="A1983" s="1">
        <v>44940</v>
      </c>
      <c r="B1983" t="s">
        <v>1503</v>
      </c>
      <c r="C1983" t="s">
        <v>65</v>
      </c>
      <c r="D1983" t="s">
        <v>10</v>
      </c>
      <c r="E1983" t="s">
        <v>11</v>
      </c>
      <c r="F1983" s="2">
        <v>1</v>
      </c>
      <c r="G1983" t="s">
        <v>1392</v>
      </c>
      <c r="H1983" t="s">
        <v>13</v>
      </c>
    </row>
    <row r="1984" spans="1:8" x14ac:dyDescent="0.25">
      <c r="A1984" s="1">
        <v>44940</v>
      </c>
      <c r="B1984" t="s">
        <v>1504</v>
      </c>
      <c r="C1984" t="s">
        <v>9</v>
      </c>
      <c r="D1984" t="s">
        <v>10</v>
      </c>
      <c r="E1984" t="s">
        <v>11</v>
      </c>
      <c r="F1984" s="2">
        <v>1</v>
      </c>
      <c r="G1984" t="s">
        <v>20</v>
      </c>
      <c r="H1984" t="s">
        <v>13</v>
      </c>
    </row>
    <row r="1985" spans="1:8" x14ac:dyDescent="0.25">
      <c r="A1985" s="1">
        <v>44939</v>
      </c>
      <c r="B1985" t="s">
        <v>1505</v>
      </c>
      <c r="C1985" t="s">
        <v>47</v>
      </c>
      <c r="D1985" t="s">
        <v>10</v>
      </c>
      <c r="E1985" t="s">
        <v>11</v>
      </c>
      <c r="F1985" s="2">
        <v>1</v>
      </c>
      <c r="G1985" t="s">
        <v>46</v>
      </c>
      <c r="H1985" t="s">
        <v>13</v>
      </c>
    </row>
    <row r="1986" spans="1:8" x14ac:dyDescent="0.25">
      <c r="A1986" s="1">
        <v>44938</v>
      </c>
      <c r="B1986" t="s">
        <v>1506</v>
      </c>
      <c r="C1986" t="s">
        <v>19</v>
      </c>
      <c r="D1986" t="s">
        <v>10</v>
      </c>
      <c r="E1986" t="s">
        <v>11</v>
      </c>
      <c r="F1986" s="2">
        <v>1</v>
      </c>
      <c r="G1986" t="s">
        <v>46</v>
      </c>
      <c r="H1986" t="s">
        <v>13</v>
      </c>
    </row>
    <row r="1987" spans="1:8" x14ac:dyDescent="0.25">
      <c r="A1987" s="1">
        <v>44937</v>
      </c>
      <c r="B1987" t="s">
        <v>1507</v>
      </c>
      <c r="C1987" t="s">
        <v>9</v>
      </c>
      <c r="D1987" t="s">
        <v>10</v>
      </c>
      <c r="E1987" t="s">
        <v>11</v>
      </c>
      <c r="F1987" s="2">
        <v>1</v>
      </c>
      <c r="G1987" t="s">
        <v>1414</v>
      </c>
      <c r="H1987" t="s">
        <v>13</v>
      </c>
    </row>
    <row r="1988" spans="1:8" x14ac:dyDescent="0.25">
      <c r="A1988" s="1">
        <v>44937</v>
      </c>
      <c r="B1988" t="s">
        <v>1507</v>
      </c>
      <c r="C1988" t="s">
        <v>35</v>
      </c>
      <c r="D1988" t="s">
        <v>10</v>
      </c>
      <c r="E1988" t="s">
        <v>11</v>
      </c>
      <c r="F1988" s="2">
        <v>1</v>
      </c>
      <c r="G1988" t="s">
        <v>1414</v>
      </c>
      <c r="H1988" t="s">
        <v>13</v>
      </c>
    </row>
    <row r="1989" spans="1:8" x14ac:dyDescent="0.25">
      <c r="A1989" s="1">
        <v>44936</v>
      </c>
      <c r="B1989" t="s">
        <v>1508</v>
      </c>
      <c r="C1989" t="s">
        <v>1509</v>
      </c>
      <c r="D1989" t="s">
        <v>10</v>
      </c>
      <c r="E1989" t="s">
        <v>11</v>
      </c>
      <c r="F1989" s="2">
        <v>1</v>
      </c>
      <c r="G1989" t="s">
        <v>40</v>
      </c>
      <c r="H1989" t="s">
        <v>13</v>
      </c>
    </row>
    <row r="1990" spans="1:8" x14ac:dyDescent="0.25">
      <c r="A1990" s="1">
        <v>44935</v>
      </c>
      <c r="B1990" t="s">
        <v>1510</v>
      </c>
      <c r="C1990" t="s">
        <v>16</v>
      </c>
      <c r="D1990" t="s">
        <v>10</v>
      </c>
      <c r="E1990" t="s">
        <v>11</v>
      </c>
      <c r="F1990" s="2">
        <v>1</v>
      </c>
      <c r="G1990" t="s">
        <v>194</v>
      </c>
      <c r="H1990" t="s">
        <v>13</v>
      </c>
    </row>
    <row r="1991" spans="1:8" x14ac:dyDescent="0.25">
      <c r="A1991" s="1">
        <v>44935</v>
      </c>
      <c r="B1991" t="s">
        <v>1510</v>
      </c>
      <c r="C1991" t="s">
        <v>149</v>
      </c>
      <c r="D1991" t="s">
        <v>10</v>
      </c>
      <c r="E1991" t="s">
        <v>11</v>
      </c>
      <c r="F1991" s="2">
        <v>1</v>
      </c>
      <c r="G1991" t="s">
        <v>194</v>
      </c>
      <c r="H1991" t="s">
        <v>13</v>
      </c>
    </row>
    <row r="1992" spans="1:8" x14ac:dyDescent="0.25">
      <c r="A1992" s="1">
        <v>44935</v>
      </c>
      <c r="B1992" t="s">
        <v>1511</v>
      </c>
      <c r="C1992" t="s">
        <v>1512</v>
      </c>
      <c r="D1992" t="s">
        <v>10</v>
      </c>
      <c r="E1992" t="s">
        <v>11</v>
      </c>
      <c r="F1992" s="2">
        <v>1</v>
      </c>
      <c r="G1992" t="s">
        <v>197</v>
      </c>
      <c r="H1992" t="s">
        <v>13</v>
      </c>
    </row>
    <row r="1993" spans="1:8" x14ac:dyDescent="0.25">
      <c r="A1993" s="1">
        <v>44935</v>
      </c>
      <c r="B1993" t="s">
        <v>1511</v>
      </c>
      <c r="C1993" t="s">
        <v>52</v>
      </c>
      <c r="D1993" t="s">
        <v>10</v>
      </c>
      <c r="E1993" t="s">
        <v>11</v>
      </c>
      <c r="F1993" s="2">
        <v>1</v>
      </c>
      <c r="G1993" t="s">
        <v>197</v>
      </c>
      <c r="H1993" t="s">
        <v>13</v>
      </c>
    </row>
    <row r="1994" spans="1:8" x14ac:dyDescent="0.25">
      <c r="A1994" s="1">
        <v>44935</v>
      </c>
      <c r="B1994" t="s">
        <v>1511</v>
      </c>
      <c r="C1994" t="s">
        <v>47</v>
      </c>
      <c r="D1994" t="s">
        <v>10</v>
      </c>
      <c r="E1994" t="s">
        <v>11</v>
      </c>
      <c r="F1994" s="2">
        <v>1</v>
      </c>
      <c r="G1994" t="s">
        <v>197</v>
      </c>
      <c r="H1994" t="s">
        <v>13</v>
      </c>
    </row>
    <row r="1995" spans="1:8" x14ac:dyDescent="0.25">
      <c r="A1995" s="1">
        <v>44933</v>
      </c>
      <c r="B1995" t="s">
        <v>1513</v>
      </c>
      <c r="C1995" t="s">
        <v>9</v>
      </c>
      <c r="D1995" t="s">
        <v>10</v>
      </c>
      <c r="E1995" t="s">
        <v>11</v>
      </c>
      <c r="F1995" s="2">
        <v>1</v>
      </c>
      <c r="G1995" t="s">
        <v>20</v>
      </c>
      <c r="H1995" t="s">
        <v>13</v>
      </c>
    </row>
    <row r="1996" spans="1:8" x14ac:dyDescent="0.25">
      <c r="A1996" s="1">
        <v>44933</v>
      </c>
      <c r="B1996" t="s">
        <v>1514</v>
      </c>
      <c r="C1996" t="s">
        <v>16</v>
      </c>
      <c r="D1996" t="s">
        <v>10</v>
      </c>
      <c r="E1996" t="s">
        <v>11</v>
      </c>
      <c r="F1996" s="2">
        <v>1</v>
      </c>
      <c r="G1996" t="s">
        <v>181</v>
      </c>
      <c r="H1996" t="s">
        <v>13</v>
      </c>
    </row>
    <row r="1997" spans="1:8" x14ac:dyDescent="0.25">
      <c r="A1997" s="1">
        <v>44933</v>
      </c>
      <c r="B1997" t="s">
        <v>1514</v>
      </c>
      <c r="C1997" t="s">
        <v>413</v>
      </c>
      <c r="D1997" t="s">
        <v>10</v>
      </c>
      <c r="E1997" t="s">
        <v>11</v>
      </c>
      <c r="F1997" s="2">
        <v>1</v>
      </c>
      <c r="G1997" t="s">
        <v>181</v>
      </c>
      <c r="H1997" t="s">
        <v>13</v>
      </c>
    </row>
    <row r="1998" spans="1:8" x14ac:dyDescent="0.25">
      <c r="A1998" s="1">
        <v>44933</v>
      </c>
      <c r="B1998" t="s">
        <v>1515</v>
      </c>
      <c r="C1998" t="s">
        <v>9</v>
      </c>
      <c r="D1998" t="s">
        <v>10</v>
      </c>
      <c r="E1998" t="s">
        <v>11</v>
      </c>
      <c r="F1998" s="2">
        <v>1</v>
      </c>
      <c r="G1998" t="s">
        <v>93</v>
      </c>
      <c r="H1998" t="s">
        <v>13</v>
      </c>
    </row>
    <row r="1999" spans="1:8" x14ac:dyDescent="0.25">
      <c r="A1999" s="1">
        <v>44933</v>
      </c>
      <c r="B1999" t="s">
        <v>1515</v>
      </c>
      <c r="C1999" t="s">
        <v>35</v>
      </c>
      <c r="D1999" t="s">
        <v>10</v>
      </c>
      <c r="E1999" t="s">
        <v>11</v>
      </c>
      <c r="F1999" s="2">
        <v>1</v>
      </c>
      <c r="G1999" t="s">
        <v>93</v>
      </c>
      <c r="H1999" t="s">
        <v>13</v>
      </c>
    </row>
    <row r="2000" spans="1:8" x14ac:dyDescent="0.25">
      <c r="A2000" s="1">
        <v>44933</v>
      </c>
      <c r="B2000" t="s">
        <v>1515</v>
      </c>
      <c r="C2000" t="s">
        <v>271</v>
      </c>
      <c r="D2000" t="s">
        <v>10</v>
      </c>
      <c r="E2000" t="s">
        <v>11</v>
      </c>
      <c r="F2000" s="2">
        <v>1</v>
      </c>
      <c r="G2000" t="s">
        <v>93</v>
      </c>
      <c r="H2000" t="s">
        <v>13</v>
      </c>
    </row>
    <row r="2001" spans="1:8" x14ac:dyDescent="0.25">
      <c r="A2001" s="1">
        <v>44933</v>
      </c>
      <c r="B2001" t="s">
        <v>1515</v>
      </c>
      <c r="C2001" t="s">
        <v>14</v>
      </c>
      <c r="D2001" t="s">
        <v>10</v>
      </c>
      <c r="E2001" t="s">
        <v>11</v>
      </c>
      <c r="F2001" s="2">
        <v>1</v>
      </c>
      <c r="G2001" t="s">
        <v>93</v>
      </c>
      <c r="H2001" t="s">
        <v>13</v>
      </c>
    </row>
    <row r="2002" spans="1:8" x14ac:dyDescent="0.25">
      <c r="A2002" s="1">
        <v>44931</v>
      </c>
      <c r="B2002" t="s">
        <v>1516</v>
      </c>
      <c r="C2002" t="s">
        <v>1517</v>
      </c>
      <c r="D2002" t="s">
        <v>26</v>
      </c>
      <c r="E2002" t="s">
        <v>11</v>
      </c>
      <c r="F2002" s="2">
        <v>1</v>
      </c>
      <c r="G2002" t="s">
        <v>181</v>
      </c>
      <c r="H2002" t="s">
        <v>13</v>
      </c>
    </row>
    <row r="2003" spans="1:8" x14ac:dyDescent="0.25">
      <c r="A2003" s="1">
        <v>44931</v>
      </c>
      <c r="B2003" t="s">
        <v>1516</v>
      </c>
      <c r="C2003" t="s">
        <v>14</v>
      </c>
      <c r="D2003" t="s">
        <v>26</v>
      </c>
      <c r="E2003" t="s">
        <v>11</v>
      </c>
      <c r="F2003" s="2">
        <v>1</v>
      </c>
      <c r="G2003" t="s">
        <v>181</v>
      </c>
      <c r="H2003" t="s">
        <v>13</v>
      </c>
    </row>
    <row r="2004" spans="1:8" x14ac:dyDescent="0.25">
      <c r="A2004" s="1">
        <v>44930</v>
      </c>
      <c r="B2004" t="s">
        <v>1518</v>
      </c>
      <c r="C2004" t="s">
        <v>52</v>
      </c>
      <c r="D2004" t="s">
        <v>10</v>
      </c>
      <c r="E2004" t="s">
        <v>11</v>
      </c>
      <c r="F2004" s="2">
        <v>1</v>
      </c>
      <c r="G2004" t="s">
        <v>113</v>
      </c>
      <c r="H2004" t="s">
        <v>13</v>
      </c>
    </row>
    <row r="2005" spans="1:8" x14ac:dyDescent="0.25">
      <c r="A2005" s="1">
        <v>44930</v>
      </c>
      <c r="B2005" t="s">
        <v>1519</v>
      </c>
      <c r="C2005" t="s">
        <v>29</v>
      </c>
      <c r="D2005" t="s">
        <v>10</v>
      </c>
      <c r="E2005" t="s">
        <v>11</v>
      </c>
      <c r="F2005" s="2">
        <v>1</v>
      </c>
      <c r="G2005" t="s">
        <v>61</v>
      </c>
      <c r="H2005" t="s">
        <v>13</v>
      </c>
    </row>
    <row r="2006" spans="1:8" x14ac:dyDescent="0.25">
      <c r="A2006" s="1">
        <v>44929</v>
      </c>
      <c r="B2006" t="s">
        <v>1520</v>
      </c>
      <c r="C2006" t="s">
        <v>905</v>
      </c>
      <c r="D2006" t="s">
        <v>10</v>
      </c>
      <c r="E2006" t="s">
        <v>11</v>
      </c>
      <c r="F2006" s="2">
        <v>1</v>
      </c>
      <c r="G2006" t="s">
        <v>20</v>
      </c>
      <c r="H2006" t="s">
        <v>13</v>
      </c>
    </row>
    <row r="2007" spans="1:8" x14ac:dyDescent="0.25">
      <c r="A2007" s="1">
        <v>44929</v>
      </c>
      <c r="B2007" t="s">
        <v>1521</v>
      </c>
      <c r="C2007" t="s">
        <v>74</v>
      </c>
      <c r="D2007" t="s">
        <v>26</v>
      </c>
      <c r="E2007" t="s">
        <v>11</v>
      </c>
      <c r="F2007" s="2">
        <v>1</v>
      </c>
      <c r="G2007" t="s">
        <v>37</v>
      </c>
      <c r="H2007" t="s">
        <v>13</v>
      </c>
    </row>
    <row r="2008" spans="1:8" x14ac:dyDescent="0.25">
      <c r="A2008" s="1">
        <v>44927</v>
      </c>
      <c r="B2008" t="s">
        <v>1522</v>
      </c>
      <c r="C2008" t="s">
        <v>47</v>
      </c>
      <c r="D2008" t="s">
        <v>10</v>
      </c>
      <c r="E2008" t="s">
        <v>11</v>
      </c>
      <c r="F2008" s="2">
        <v>1</v>
      </c>
      <c r="G2008" t="s">
        <v>1011</v>
      </c>
      <c r="H2008" t="s">
        <v>13</v>
      </c>
    </row>
    <row r="2009" spans="1:8" x14ac:dyDescent="0.25">
      <c r="A2009" s="1">
        <v>44927</v>
      </c>
      <c r="B2009" t="s">
        <v>1523</v>
      </c>
      <c r="C2009" t="s">
        <v>9</v>
      </c>
      <c r="D2009" t="s">
        <v>10</v>
      </c>
      <c r="E2009" t="s">
        <v>11</v>
      </c>
      <c r="F2009" s="2">
        <v>1</v>
      </c>
      <c r="G2009" t="s">
        <v>123</v>
      </c>
      <c r="H2009" t="s">
        <v>13</v>
      </c>
    </row>
    <row r="2010" spans="1:8" x14ac:dyDescent="0.25">
      <c r="A2010" s="1">
        <v>44926</v>
      </c>
      <c r="B2010" t="s">
        <v>1524</v>
      </c>
      <c r="C2010" t="s">
        <v>52</v>
      </c>
      <c r="D2010" t="s">
        <v>10</v>
      </c>
      <c r="E2010" t="s">
        <v>11</v>
      </c>
      <c r="F2010" s="2">
        <v>1</v>
      </c>
      <c r="G2010" t="s">
        <v>296</v>
      </c>
      <c r="H2010" t="s">
        <v>13</v>
      </c>
    </row>
    <row r="2011" spans="1:8" x14ac:dyDescent="0.25">
      <c r="A2011" s="1">
        <v>44926</v>
      </c>
      <c r="B2011" t="s">
        <v>1524</v>
      </c>
      <c r="C2011" t="s">
        <v>35</v>
      </c>
      <c r="D2011" t="s">
        <v>10</v>
      </c>
      <c r="E2011" t="s">
        <v>11</v>
      </c>
      <c r="F2011" s="2">
        <v>1</v>
      </c>
      <c r="G2011" t="s">
        <v>296</v>
      </c>
      <c r="H2011" t="s">
        <v>13</v>
      </c>
    </row>
    <row r="2012" spans="1:8" x14ac:dyDescent="0.25">
      <c r="A2012" s="1">
        <v>44926</v>
      </c>
      <c r="B2012" t="s">
        <v>1525</v>
      </c>
      <c r="C2012" t="s">
        <v>9</v>
      </c>
      <c r="D2012" t="s">
        <v>10</v>
      </c>
      <c r="E2012" t="s">
        <v>11</v>
      </c>
      <c r="F2012" s="2">
        <v>1</v>
      </c>
      <c r="G2012" t="s">
        <v>100</v>
      </c>
      <c r="H2012" t="s">
        <v>13</v>
      </c>
    </row>
    <row r="2013" spans="1:8" x14ac:dyDescent="0.25">
      <c r="A2013" s="1">
        <v>44925</v>
      </c>
      <c r="B2013" t="s">
        <v>1526</v>
      </c>
      <c r="C2013" t="s">
        <v>1527</v>
      </c>
      <c r="D2013" t="s">
        <v>10</v>
      </c>
      <c r="E2013" t="s">
        <v>11</v>
      </c>
      <c r="F2013" s="2">
        <v>1</v>
      </c>
      <c r="G2013" t="s">
        <v>1528</v>
      </c>
      <c r="H2013" t="s">
        <v>13</v>
      </c>
    </row>
    <row r="2014" spans="1:8" x14ac:dyDescent="0.25">
      <c r="A2014" s="1">
        <v>44925</v>
      </c>
      <c r="B2014" t="s">
        <v>1529</v>
      </c>
      <c r="C2014" t="s">
        <v>821</v>
      </c>
      <c r="D2014" t="s">
        <v>10</v>
      </c>
      <c r="E2014" t="s">
        <v>11</v>
      </c>
      <c r="F2014" s="2">
        <v>1</v>
      </c>
      <c r="G2014" t="s">
        <v>135</v>
      </c>
      <c r="H2014" t="s">
        <v>13</v>
      </c>
    </row>
    <row r="2015" spans="1:8" x14ac:dyDescent="0.25">
      <c r="A2015" s="1">
        <v>44924</v>
      </c>
      <c r="B2015" t="s">
        <v>1530</v>
      </c>
      <c r="C2015" t="s">
        <v>9</v>
      </c>
      <c r="D2015" t="s">
        <v>10</v>
      </c>
      <c r="E2015" t="s">
        <v>11</v>
      </c>
      <c r="F2015" s="2">
        <v>1</v>
      </c>
      <c r="G2015" t="s">
        <v>191</v>
      </c>
      <c r="H2015" t="s">
        <v>13</v>
      </c>
    </row>
    <row r="2016" spans="1:8" x14ac:dyDescent="0.25">
      <c r="A2016" s="1">
        <v>44924</v>
      </c>
      <c r="B2016" t="s">
        <v>1531</v>
      </c>
      <c r="C2016" t="s">
        <v>9</v>
      </c>
      <c r="D2016" t="s">
        <v>10</v>
      </c>
      <c r="E2016" t="s">
        <v>11</v>
      </c>
      <c r="F2016" s="2">
        <v>1</v>
      </c>
      <c r="G2016" t="s">
        <v>191</v>
      </c>
      <c r="H2016" t="s">
        <v>13</v>
      </c>
    </row>
    <row r="2017" spans="1:8" x14ac:dyDescent="0.25">
      <c r="A2017" s="1">
        <v>44924</v>
      </c>
      <c r="B2017" t="s">
        <v>1531</v>
      </c>
      <c r="C2017" t="s">
        <v>174</v>
      </c>
      <c r="D2017" t="s">
        <v>10</v>
      </c>
      <c r="E2017" t="s">
        <v>11</v>
      </c>
      <c r="F2017" s="2">
        <v>1</v>
      </c>
      <c r="G2017" t="s">
        <v>191</v>
      </c>
      <c r="H2017" t="s">
        <v>13</v>
      </c>
    </row>
    <row r="2018" spans="1:8" x14ac:dyDescent="0.25">
      <c r="A2018" s="1">
        <v>44922</v>
      </c>
      <c r="B2018" t="s">
        <v>1532</v>
      </c>
      <c r="C2018" t="s">
        <v>19</v>
      </c>
      <c r="D2018" t="s">
        <v>10</v>
      </c>
      <c r="E2018" t="s">
        <v>11</v>
      </c>
      <c r="F2018" s="2">
        <v>1</v>
      </c>
      <c r="G2018" t="s">
        <v>191</v>
      </c>
      <c r="H2018" t="s">
        <v>13</v>
      </c>
    </row>
    <row r="2019" spans="1:8" x14ac:dyDescent="0.25">
      <c r="A2019" s="1">
        <v>44922</v>
      </c>
      <c r="B2019" t="s">
        <v>1533</v>
      </c>
      <c r="C2019" t="s">
        <v>1534</v>
      </c>
      <c r="D2019" t="s">
        <v>10</v>
      </c>
      <c r="E2019" t="s">
        <v>11</v>
      </c>
      <c r="F2019" s="2">
        <v>1</v>
      </c>
      <c r="G2019" t="s">
        <v>216</v>
      </c>
      <c r="H2019" t="s">
        <v>13</v>
      </c>
    </row>
    <row r="2020" spans="1:8" x14ac:dyDescent="0.25">
      <c r="A2020" s="1">
        <v>44922</v>
      </c>
      <c r="B2020" t="s">
        <v>1533</v>
      </c>
      <c r="C2020" t="s">
        <v>1535</v>
      </c>
      <c r="D2020" t="s">
        <v>10</v>
      </c>
      <c r="E2020" t="s">
        <v>11</v>
      </c>
      <c r="F2020" s="2">
        <v>1</v>
      </c>
      <c r="G2020" t="s">
        <v>216</v>
      </c>
      <c r="H2020" t="s">
        <v>13</v>
      </c>
    </row>
    <row r="2021" spans="1:8" x14ac:dyDescent="0.25">
      <c r="A2021" s="1">
        <v>44922</v>
      </c>
      <c r="B2021" t="s">
        <v>1533</v>
      </c>
      <c r="C2021" t="s">
        <v>150</v>
      </c>
      <c r="D2021" t="s">
        <v>10</v>
      </c>
      <c r="E2021" t="s">
        <v>11</v>
      </c>
      <c r="F2021" s="2">
        <v>1</v>
      </c>
      <c r="G2021" t="s">
        <v>216</v>
      </c>
      <c r="H2021" t="s">
        <v>13</v>
      </c>
    </row>
    <row r="2022" spans="1:8" x14ac:dyDescent="0.25">
      <c r="A2022" s="1">
        <v>44922</v>
      </c>
      <c r="B2022" t="s">
        <v>1533</v>
      </c>
      <c r="C2022" t="s">
        <v>126</v>
      </c>
      <c r="D2022" t="s">
        <v>10</v>
      </c>
      <c r="E2022" t="s">
        <v>11</v>
      </c>
      <c r="F2022" s="2">
        <v>1</v>
      </c>
      <c r="G2022" t="s">
        <v>216</v>
      </c>
      <c r="H2022" t="s">
        <v>13</v>
      </c>
    </row>
    <row r="2023" spans="1:8" x14ac:dyDescent="0.25">
      <c r="A2023" s="1">
        <v>44922</v>
      </c>
      <c r="B2023" t="s">
        <v>1533</v>
      </c>
      <c r="C2023" t="s">
        <v>453</v>
      </c>
      <c r="D2023" t="s">
        <v>10</v>
      </c>
      <c r="E2023" t="s">
        <v>11</v>
      </c>
      <c r="F2023" s="2">
        <v>1</v>
      </c>
      <c r="G2023" t="s">
        <v>216</v>
      </c>
      <c r="H2023" t="s">
        <v>13</v>
      </c>
    </row>
    <row r="2024" spans="1:8" x14ac:dyDescent="0.25">
      <c r="A2024" s="1">
        <v>44922</v>
      </c>
      <c r="B2024" t="s">
        <v>1536</v>
      </c>
      <c r="C2024" t="s">
        <v>35</v>
      </c>
      <c r="D2024" t="s">
        <v>10</v>
      </c>
      <c r="E2024" t="s">
        <v>11</v>
      </c>
      <c r="F2024" s="2">
        <v>1</v>
      </c>
      <c r="G2024" t="s">
        <v>1537</v>
      </c>
      <c r="H2024" t="s">
        <v>13</v>
      </c>
    </row>
    <row r="2025" spans="1:8" x14ac:dyDescent="0.25">
      <c r="A2025" s="1">
        <v>44921</v>
      </c>
      <c r="B2025" t="s">
        <v>1538</v>
      </c>
      <c r="C2025" t="s">
        <v>9</v>
      </c>
      <c r="D2025" t="s">
        <v>10</v>
      </c>
      <c r="E2025" t="s">
        <v>11</v>
      </c>
      <c r="F2025" s="2">
        <v>1</v>
      </c>
      <c r="G2025" t="s">
        <v>187</v>
      </c>
      <c r="H2025" t="s">
        <v>13</v>
      </c>
    </row>
    <row r="2026" spans="1:8" x14ac:dyDescent="0.25">
      <c r="A2026" s="1">
        <v>44921</v>
      </c>
      <c r="B2026" t="s">
        <v>1538</v>
      </c>
      <c r="C2026" t="s">
        <v>689</v>
      </c>
      <c r="D2026" t="s">
        <v>10</v>
      </c>
      <c r="E2026" t="s">
        <v>11</v>
      </c>
      <c r="F2026" s="2">
        <v>1</v>
      </c>
      <c r="G2026" t="s">
        <v>187</v>
      </c>
      <c r="H2026" t="s">
        <v>13</v>
      </c>
    </row>
    <row r="2027" spans="1:8" x14ac:dyDescent="0.25">
      <c r="A2027" s="1">
        <v>44921</v>
      </c>
      <c r="B2027" t="s">
        <v>1539</v>
      </c>
      <c r="C2027" t="s">
        <v>9</v>
      </c>
      <c r="D2027" t="s">
        <v>10</v>
      </c>
      <c r="E2027" t="s">
        <v>11</v>
      </c>
      <c r="F2027" s="2">
        <v>1</v>
      </c>
      <c r="G2027" t="s">
        <v>63</v>
      </c>
      <c r="H2027" t="s">
        <v>13</v>
      </c>
    </row>
    <row r="2028" spans="1:8" x14ac:dyDescent="0.25">
      <c r="A2028" s="1">
        <v>44921</v>
      </c>
      <c r="B2028" t="s">
        <v>1539</v>
      </c>
      <c r="C2028" t="s">
        <v>394</v>
      </c>
      <c r="D2028" t="s">
        <v>10</v>
      </c>
      <c r="E2028" t="s">
        <v>11</v>
      </c>
      <c r="F2028" s="2">
        <v>1</v>
      </c>
      <c r="G2028" t="s">
        <v>63</v>
      </c>
      <c r="H2028" t="s">
        <v>13</v>
      </c>
    </row>
    <row r="2029" spans="1:8" x14ac:dyDescent="0.25">
      <c r="A2029" s="1">
        <v>44921</v>
      </c>
      <c r="B2029" t="s">
        <v>1539</v>
      </c>
      <c r="C2029" t="s">
        <v>92</v>
      </c>
      <c r="D2029" t="s">
        <v>10</v>
      </c>
      <c r="E2029" t="s">
        <v>11</v>
      </c>
      <c r="F2029" s="2">
        <v>1</v>
      </c>
      <c r="G2029" t="s">
        <v>63</v>
      </c>
      <c r="H2029" t="s">
        <v>13</v>
      </c>
    </row>
    <row r="2030" spans="1:8" x14ac:dyDescent="0.25">
      <c r="A2030" s="1">
        <v>44921</v>
      </c>
      <c r="B2030" t="s">
        <v>1540</v>
      </c>
      <c r="C2030" t="s">
        <v>9</v>
      </c>
      <c r="D2030" t="s">
        <v>10</v>
      </c>
      <c r="E2030" t="s">
        <v>11</v>
      </c>
      <c r="F2030" s="2">
        <v>1</v>
      </c>
      <c r="G2030" t="s">
        <v>100</v>
      </c>
      <c r="H2030" t="s">
        <v>13</v>
      </c>
    </row>
    <row r="2031" spans="1:8" x14ac:dyDescent="0.25">
      <c r="A2031" s="1">
        <v>44921</v>
      </c>
      <c r="B2031" t="s">
        <v>1540</v>
      </c>
      <c r="C2031" t="s">
        <v>249</v>
      </c>
      <c r="D2031" t="s">
        <v>10</v>
      </c>
      <c r="E2031" t="s">
        <v>11</v>
      </c>
      <c r="F2031" s="2">
        <v>1</v>
      </c>
      <c r="G2031" t="s">
        <v>100</v>
      </c>
      <c r="H2031" t="s">
        <v>13</v>
      </c>
    </row>
    <row r="2032" spans="1:8" x14ac:dyDescent="0.25">
      <c r="A2032" s="1">
        <v>44921</v>
      </c>
      <c r="B2032" t="s">
        <v>1540</v>
      </c>
      <c r="C2032" t="s">
        <v>35</v>
      </c>
      <c r="D2032" t="s">
        <v>10</v>
      </c>
      <c r="E2032" t="s">
        <v>11</v>
      </c>
      <c r="F2032" s="2">
        <v>1</v>
      </c>
      <c r="G2032" t="s">
        <v>100</v>
      </c>
      <c r="H2032" t="s">
        <v>13</v>
      </c>
    </row>
    <row r="2033" spans="1:8" x14ac:dyDescent="0.25">
      <c r="A2033" s="1">
        <v>44921</v>
      </c>
      <c r="B2033" t="s">
        <v>1540</v>
      </c>
      <c r="C2033" t="s">
        <v>96</v>
      </c>
      <c r="D2033" t="s">
        <v>10</v>
      </c>
      <c r="E2033" t="s">
        <v>11</v>
      </c>
      <c r="F2033" s="2">
        <v>1</v>
      </c>
      <c r="G2033" t="s">
        <v>100</v>
      </c>
      <c r="H2033" t="s">
        <v>13</v>
      </c>
    </row>
    <row r="2034" spans="1:8" x14ac:dyDescent="0.25">
      <c r="A2034" s="1">
        <v>44920</v>
      </c>
      <c r="B2034" t="s">
        <v>1541</v>
      </c>
      <c r="C2034" t="s">
        <v>52</v>
      </c>
      <c r="D2034" t="s">
        <v>10</v>
      </c>
      <c r="E2034" t="s">
        <v>11</v>
      </c>
      <c r="F2034" s="2">
        <v>1</v>
      </c>
      <c r="G2034" t="s">
        <v>154</v>
      </c>
      <c r="H2034" t="s">
        <v>13</v>
      </c>
    </row>
    <row r="2035" spans="1:8" x14ac:dyDescent="0.25">
      <c r="A2035" s="1">
        <v>44920</v>
      </c>
      <c r="B2035" t="s">
        <v>1541</v>
      </c>
      <c r="C2035" t="s">
        <v>47</v>
      </c>
      <c r="D2035" t="s">
        <v>10</v>
      </c>
      <c r="E2035" t="s">
        <v>11</v>
      </c>
      <c r="F2035" s="2">
        <v>1</v>
      </c>
      <c r="G2035" t="s">
        <v>154</v>
      </c>
      <c r="H2035" t="s">
        <v>13</v>
      </c>
    </row>
    <row r="2036" spans="1:8" x14ac:dyDescent="0.25">
      <c r="A2036" s="1">
        <v>44920</v>
      </c>
      <c r="B2036" t="s">
        <v>1541</v>
      </c>
      <c r="C2036" t="s">
        <v>65</v>
      </c>
      <c r="D2036" t="s">
        <v>10</v>
      </c>
      <c r="E2036" t="s">
        <v>11</v>
      </c>
      <c r="F2036" s="2">
        <v>1</v>
      </c>
      <c r="G2036" t="s">
        <v>154</v>
      </c>
      <c r="H2036" t="s">
        <v>13</v>
      </c>
    </row>
    <row r="2037" spans="1:8" x14ac:dyDescent="0.25">
      <c r="A2037" s="1">
        <v>44920</v>
      </c>
      <c r="B2037" t="s">
        <v>1542</v>
      </c>
      <c r="C2037" t="s">
        <v>86</v>
      </c>
      <c r="D2037" t="s">
        <v>10</v>
      </c>
      <c r="E2037" t="s">
        <v>11</v>
      </c>
      <c r="F2037" s="2">
        <v>1</v>
      </c>
      <c r="G2037" t="s">
        <v>411</v>
      </c>
      <c r="H2037" t="s">
        <v>13</v>
      </c>
    </row>
    <row r="2038" spans="1:8" x14ac:dyDescent="0.25">
      <c r="A2038" s="1">
        <v>44919</v>
      </c>
      <c r="B2038" t="s">
        <v>1543</v>
      </c>
      <c r="C2038" t="s">
        <v>9</v>
      </c>
      <c r="D2038" t="s">
        <v>10</v>
      </c>
      <c r="E2038" t="s">
        <v>11</v>
      </c>
      <c r="F2038" s="2">
        <v>1</v>
      </c>
      <c r="G2038" t="s">
        <v>1544</v>
      </c>
      <c r="H2038" t="s">
        <v>13</v>
      </c>
    </row>
    <row r="2039" spans="1:8" x14ac:dyDescent="0.25">
      <c r="A2039" s="1">
        <v>44919</v>
      </c>
      <c r="B2039" t="s">
        <v>1543</v>
      </c>
      <c r="C2039" t="s">
        <v>47</v>
      </c>
      <c r="D2039" t="s">
        <v>10</v>
      </c>
      <c r="E2039" t="s">
        <v>11</v>
      </c>
      <c r="F2039" s="2">
        <v>1</v>
      </c>
      <c r="G2039" t="s">
        <v>1544</v>
      </c>
      <c r="H2039" t="s">
        <v>13</v>
      </c>
    </row>
    <row r="2040" spans="1:8" x14ac:dyDescent="0.25">
      <c r="A2040" s="1">
        <v>44918</v>
      </c>
      <c r="B2040" t="s">
        <v>1545</v>
      </c>
      <c r="C2040" t="s">
        <v>19</v>
      </c>
      <c r="D2040" t="s">
        <v>10</v>
      </c>
      <c r="E2040" t="s">
        <v>11</v>
      </c>
      <c r="F2040" s="2">
        <v>1</v>
      </c>
      <c r="G2040" t="s">
        <v>100</v>
      </c>
      <c r="H2040" t="s">
        <v>13</v>
      </c>
    </row>
    <row r="2041" spans="1:8" x14ac:dyDescent="0.25">
      <c r="A2041" s="1">
        <v>44917</v>
      </c>
      <c r="B2041" t="s">
        <v>1546</v>
      </c>
      <c r="C2041" t="s">
        <v>394</v>
      </c>
      <c r="D2041" t="s">
        <v>10</v>
      </c>
      <c r="E2041" t="s">
        <v>11</v>
      </c>
      <c r="F2041" s="2">
        <v>1</v>
      </c>
      <c r="G2041" t="s">
        <v>910</v>
      </c>
      <c r="H2041" t="s">
        <v>13</v>
      </c>
    </row>
    <row r="2042" spans="1:8" x14ac:dyDescent="0.25">
      <c r="A2042" s="1">
        <v>44917</v>
      </c>
      <c r="B2042" t="s">
        <v>1547</v>
      </c>
      <c r="C2042" t="s">
        <v>47</v>
      </c>
      <c r="D2042" t="s">
        <v>10</v>
      </c>
      <c r="E2042" t="s">
        <v>11</v>
      </c>
      <c r="F2042" s="2">
        <v>1</v>
      </c>
      <c r="G2042" t="s">
        <v>172</v>
      </c>
      <c r="H2042" t="s">
        <v>13</v>
      </c>
    </row>
    <row r="2043" spans="1:8" x14ac:dyDescent="0.25">
      <c r="A2043" s="1">
        <v>44917</v>
      </c>
      <c r="B2043" t="s">
        <v>1548</v>
      </c>
      <c r="C2043" t="s">
        <v>19</v>
      </c>
      <c r="D2043" t="s">
        <v>10</v>
      </c>
      <c r="E2043" t="s">
        <v>11</v>
      </c>
      <c r="F2043" s="2">
        <v>1</v>
      </c>
      <c r="G2043" t="s">
        <v>20</v>
      </c>
      <c r="H2043" t="s">
        <v>13</v>
      </c>
    </row>
    <row r="2044" spans="1:8" x14ac:dyDescent="0.25">
      <c r="A2044" s="1">
        <v>44915</v>
      </c>
      <c r="B2044" t="s">
        <v>1549</v>
      </c>
      <c r="C2044" t="s">
        <v>9</v>
      </c>
      <c r="D2044" t="s">
        <v>10</v>
      </c>
      <c r="E2044" t="s">
        <v>11</v>
      </c>
      <c r="F2044" s="2">
        <v>1</v>
      </c>
      <c r="G2044" t="s">
        <v>145</v>
      </c>
      <c r="H2044" t="s">
        <v>13</v>
      </c>
    </row>
    <row r="2045" spans="1:8" x14ac:dyDescent="0.25">
      <c r="A2045" s="1">
        <v>44915</v>
      </c>
      <c r="B2045" t="s">
        <v>1549</v>
      </c>
      <c r="C2045" t="s">
        <v>50</v>
      </c>
      <c r="D2045" t="s">
        <v>10</v>
      </c>
      <c r="E2045" t="s">
        <v>11</v>
      </c>
      <c r="F2045" s="2">
        <v>1</v>
      </c>
      <c r="G2045" t="s">
        <v>145</v>
      </c>
      <c r="H2045" t="s">
        <v>13</v>
      </c>
    </row>
    <row r="2046" spans="1:8" x14ac:dyDescent="0.25">
      <c r="A2046" s="1">
        <v>44915</v>
      </c>
      <c r="B2046" t="s">
        <v>1550</v>
      </c>
      <c r="C2046" t="s">
        <v>58</v>
      </c>
      <c r="D2046" t="s">
        <v>10</v>
      </c>
      <c r="E2046" t="s">
        <v>11</v>
      </c>
      <c r="F2046" s="2">
        <v>1</v>
      </c>
      <c r="G2046" t="s">
        <v>53</v>
      </c>
      <c r="H2046" t="s">
        <v>13</v>
      </c>
    </row>
    <row r="2047" spans="1:8" x14ac:dyDescent="0.25">
      <c r="A2047" s="1">
        <v>44914</v>
      </c>
      <c r="B2047" t="s">
        <v>1551</v>
      </c>
      <c r="C2047" t="s">
        <v>92</v>
      </c>
      <c r="D2047" t="s">
        <v>10</v>
      </c>
      <c r="E2047" t="s">
        <v>11</v>
      </c>
      <c r="F2047" s="2">
        <v>1</v>
      </c>
      <c r="G2047" t="s">
        <v>342</v>
      </c>
      <c r="H2047" t="s">
        <v>13</v>
      </c>
    </row>
    <row r="2048" spans="1:8" x14ac:dyDescent="0.25">
      <c r="A2048" s="1">
        <v>44913</v>
      </c>
      <c r="B2048" t="s">
        <v>1552</v>
      </c>
      <c r="C2048" t="s">
        <v>413</v>
      </c>
      <c r="D2048" t="s">
        <v>10</v>
      </c>
      <c r="E2048" t="s">
        <v>11</v>
      </c>
      <c r="F2048" s="2">
        <v>1</v>
      </c>
      <c r="G2048" t="s">
        <v>194</v>
      </c>
      <c r="H2048" t="s">
        <v>13</v>
      </c>
    </row>
    <row r="2049" spans="1:8" x14ac:dyDescent="0.25">
      <c r="A2049" s="1">
        <v>44912</v>
      </c>
      <c r="B2049" t="s">
        <v>1553</v>
      </c>
      <c r="C2049" t="s">
        <v>19</v>
      </c>
      <c r="D2049" t="s">
        <v>26</v>
      </c>
      <c r="E2049" t="s">
        <v>11</v>
      </c>
      <c r="F2049" s="2">
        <v>1</v>
      </c>
      <c r="G2049" t="s">
        <v>100</v>
      </c>
      <c r="H2049" t="s">
        <v>13</v>
      </c>
    </row>
    <row r="2050" spans="1:8" x14ac:dyDescent="0.25">
      <c r="A2050" s="1">
        <v>44911</v>
      </c>
      <c r="B2050" t="s">
        <v>1554</v>
      </c>
      <c r="C2050" t="s">
        <v>47</v>
      </c>
      <c r="D2050" t="s">
        <v>10</v>
      </c>
      <c r="E2050" t="s">
        <v>11</v>
      </c>
      <c r="F2050" s="2">
        <v>1</v>
      </c>
      <c r="G2050" t="s">
        <v>63</v>
      </c>
      <c r="H2050" t="s">
        <v>13</v>
      </c>
    </row>
    <row r="2051" spans="1:8" x14ac:dyDescent="0.25">
      <c r="A2051" s="1">
        <v>44911</v>
      </c>
      <c r="B2051" t="s">
        <v>1555</v>
      </c>
      <c r="C2051" t="s">
        <v>58</v>
      </c>
      <c r="D2051" t="s">
        <v>10</v>
      </c>
      <c r="E2051" t="s">
        <v>11</v>
      </c>
      <c r="F2051" s="2">
        <v>1</v>
      </c>
      <c r="G2051" t="s">
        <v>37</v>
      </c>
      <c r="H2051" t="s">
        <v>13</v>
      </c>
    </row>
    <row r="2052" spans="1:8" x14ac:dyDescent="0.25">
      <c r="A2052" s="1">
        <v>44911</v>
      </c>
      <c r="B2052" t="s">
        <v>1556</v>
      </c>
      <c r="C2052" t="s">
        <v>9</v>
      </c>
      <c r="D2052" t="s">
        <v>10</v>
      </c>
      <c r="E2052" t="s">
        <v>11</v>
      </c>
      <c r="F2052" s="2">
        <v>1</v>
      </c>
      <c r="G2052" t="s">
        <v>157</v>
      </c>
      <c r="H2052" t="s">
        <v>13</v>
      </c>
    </row>
    <row r="2053" spans="1:8" x14ac:dyDescent="0.25">
      <c r="A2053" s="1">
        <v>44911</v>
      </c>
      <c r="B2053" t="s">
        <v>1556</v>
      </c>
      <c r="C2053" t="s">
        <v>9</v>
      </c>
      <c r="D2053" t="s">
        <v>10</v>
      </c>
      <c r="E2053" t="s">
        <v>11</v>
      </c>
      <c r="F2053" s="2">
        <v>1</v>
      </c>
      <c r="G2053" t="s">
        <v>157</v>
      </c>
      <c r="H2053" t="s">
        <v>13</v>
      </c>
    </row>
    <row r="2054" spans="1:8" x14ac:dyDescent="0.25">
      <c r="A2054" s="1">
        <v>44911</v>
      </c>
      <c r="B2054" t="s">
        <v>1557</v>
      </c>
      <c r="C2054" t="s">
        <v>35</v>
      </c>
      <c r="D2054" t="s">
        <v>10</v>
      </c>
      <c r="E2054" t="s">
        <v>11</v>
      </c>
      <c r="F2054" s="2">
        <v>1</v>
      </c>
      <c r="G2054" t="s">
        <v>93</v>
      </c>
      <c r="H2054" t="s">
        <v>13</v>
      </c>
    </row>
    <row r="2055" spans="1:8" x14ac:dyDescent="0.25">
      <c r="A2055" s="1">
        <v>44910</v>
      </c>
      <c r="B2055" t="s">
        <v>1558</v>
      </c>
      <c r="C2055" t="s">
        <v>9</v>
      </c>
      <c r="D2055" t="s">
        <v>10</v>
      </c>
      <c r="E2055" t="s">
        <v>11</v>
      </c>
      <c r="F2055" s="2">
        <v>1</v>
      </c>
      <c r="G2055" t="s">
        <v>46</v>
      </c>
      <c r="H2055" t="s">
        <v>13</v>
      </c>
    </row>
    <row r="2056" spans="1:8" x14ac:dyDescent="0.25">
      <c r="A2056" s="1">
        <v>44910</v>
      </c>
      <c r="B2056" t="s">
        <v>1559</v>
      </c>
      <c r="C2056" t="s">
        <v>16</v>
      </c>
      <c r="D2056" t="s">
        <v>10</v>
      </c>
      <c r="E2056" t="s">
        <v>11</v>
      </c>
      <c r="F2056" s="2">
        <v>1</v>
      </c>
      <c r="G2056" t="s">
        <v>77</v>
      </c>
      <c r="H2056" t="s">
        <v>13</v>
      </c>
    </row>
    <row r="2057" spans="1:8" x14ac:dyDescent="0.25">
      <c r="A2057" s="1">
        <v>44910</v>
      </c>
      <c r="B2057" t="s">
        <v>1560</v>
      </c>
      <c r="C2057" t="s">
        <v>79</v>
      </c>
      <c r="D2057" t="s">
        <v>10</v>
      </c>
      <c r="E2057" t="s">
        <v>11</v>
      </c>
      <c r="F2057" s="2">
        <v>1</v>
      </c>
      <c r="G2057" t="s">
        <v>205</v>
      </c>
      <c r="H2057" t="s">
        <v>13</v>
      </c>
    </row>
    <row r="2058" spans="1:8" x14ac:dyDescent="0.25">
      <c r="A2058" s="1">
        <v>44910</v>
      </c>
      <c r="B2058" t="s">
        <v>1560</v>
      </c>
      <c r="C2058" t="s">
        <v>80</v>
      </c>
      <c r="D2058" t="s">
        <v>10</v>
      </c>
      <c r="E2058" t="s">
        <v>11</v>
      </c>
      <c r="F2058" s="2">
        <v>1</v>
      </c>
      <c r="G2058" t="s">
        <v>205</v>
      </c>
      <c r="H2058" t="s">
        <v>13</v>
      </c>
    </row>
    <row r="2059" spans="1:8" x14ac:dyDescent="0.25">
      <c r="A2059" s="1">
        <v>44910</v>
      </c>
      <c r="B2059" t="s">
        <v>1561</v>
      </c>
      <c r="C2059" t="s">
        <v>86</v>
      </c>
      <c r="D2059" t="s">
        <v>10</v>
      </c>
      <c r="E2059" t="s">
        <v>11</v>
      </c>
      <c r="F2059" s="2">
        <v>1</v>
      </c>
      <c r="G2059" t="s">
        <v>145</v>
      </c>
      <c r="H2059" t="s">
        <v>13</v>
      </c>
    </row>
    <row r="2060" spans="1:8" x14ac:dyDescent="0.25">
      <c r="A2060" s="1">
        <v>44909</v>
      </c>
      <c r="B2060" t="s">
        <v>1562</v>
      </c>
      <c r="C2060" t="s">
        <v>9</v>
      </c>
      <c r="D2060" t="s">
        <v>10</v>
      </c>
      <c r="E2060" t="s">
        <v>11</v>
      </c>
      <c r="F2060" s="2">
        <v>1</v>
      </c>
      <c r="G2060" t="s">
        <v>44</v>
      </c>
      <c r="H2060" t="s">
        <v>13</v>
      </c>
    </row>
    <row r="2061" spans="1:8" x14ac:dyDescent="0.25">
      <c r="A2061" s="1">
        <v>44909</v>
      </c>
      <c r="B2061" t="s">
        <v>1563</v>
      </c>
      <c r="C2061" t="s">
        <v>174</v>
      </c>
      <c r="D2061" t="s">
        <v>10</v>
      </c>
      <c r="E2061" t="s">
        <v>11</v>
      </c>
      <c r="F2061" s="2">
        <v>1</v>
      </c>
      <c r="G2061" t="s">
        <v>93</v>
      </c>
      <c r="H2061" t="s">
        <v>13</v>
      </c>
    </row>
    <row r="2062" spans="1:8" x14ac:dyDescent="0.25">
      <c r="A2062" s="1">
        <v>44908</v>
      </c>
      <c r="B2062" t="s">
        <v>1564</v>
      </c>
      <c r="C2062" t="s">
        <v>79</v>
      </c>
      <c r="D2062" t="s">
        <v>10</v>
      </c>
      <c r="E2062" t="s">
        <v>11</v>
      </c>
      <c r="F2062" s="2">
        <v>1</v>
      </c>
      <c r="G2062" t="s">
        <v>411</v>
      </c>
      <c r="H2062" t="s">
        <v>13</v>
      </c>
    </row>
    <row r="2063" spans="1:8" x14ac:dyDescent="0.25">
      <c r="A2063" s="1">
        <v>44908</v>
      </c>
      <c r="B2063" t="s">
        <v>1564</v>
      </c>
      <c r="C2063" t="s">
        <v>80</v>
      </c>
      <c r="D2063" t="s">
        <v>10</v>
      </c>
      <c r="E2063" t="s">
        <v>11</v>
      </c>
      <c r="F2063" s="2">
        <v>1</v>
      </c>
      <c r="G2063" t="s">
        <v>411</v>
      </c>
      <c r="H2063" t="s">
        <v>13</v>
      </c>
    </row>
    <row r="2064" spans="1:8" x14ac:dyDescent="0.25">
      <c r="A2064" s="1">
        <v>44907</v>
      </c>
      <c r="B2064" t="s">
        <v>1565</v>
      </c>
      <c r="C2064" t="s">
        <v>9</v>
      </c>
      <c r="D2064" t="s">
        <v>10</v>
      </c>
      <c r="E2064" t="s">
        <v>11</v>
      </c>
      <c r="F2064" s="2">
        <v>1</v>
      </c>
      <c r="G2064" t="s">
        <v>67</v>
      </c>
      <c r="H2064" t="s">
        <v>13</v>
      </c>
    </row>
    <row r="2065" spans="1:8" x14ac:dyDescent="0.25">
      <c r="A2065" s="1">
        <v>44907</v>
      </c>
      <c r="B2065" t="s">
        <v>1565</v>
      </c>
      <c r="C2065" t="s">
        <v>14</v>
      </c>
      <c r="D2065" t="s">
        <v>10</v>
      </c>
      <c r="E2065" t="s">
        <v>11</v>
      </c>
      <c r="F2065" s="2">
        <v>1</v>
      </c>
      <c r="G2065" t="s">
        <v>67</v>
      </c>
      <c r="H2065" t="s">
        <v>13</v>
      </c>
    </row>
    <row r="2066" spans="1:8" x14ac:dyDescent="0.25">
      <c r="A2066" s="1">
        <v>44907</v>
      </c>
      <c r="B2066" t="s">
        <v>1566</v>
      </c>
      <c r="C2066" t="s">
        <v>74</v>
      </c>
      <c r="D2066" t="s">
        <v>10</v>
      </c>
      <c r="E2066" t="s">
        <v>11</v>
      </c>
      <c r="F2066" s="2">
        <v>1</v>
      </c>
      <c r="G2066" t="s">
        <v>100</v>
      </c>
      <c r="H2066" t="s">
        <v>13</v>
      </c>
    </row>
    <row r="2067" spans="1:8" x14ac:dyDescent="0.25">
      <c r="A2067" s="1">
        <v>44907</v>
      </c>
      <c r="B2067" t="s">
        <v>1567</v>
      </c>
      <c r="C2067" t="s">
        <v>74</v>
      </c>
      <c r="D2067" t="s">
        <v>10</v>
      </c>
      <c r="E2067" t="s">
        <v>11</v>
      </c>
      <c r="F2067" s="2">
        <v>1</v>
      </c>
      <c r="G2067" t="s">
        <v>216</v>
      </c>
      <c r="H2067" t="s">
        <v>13</v>
      </c>
    </row>
    <row r="2068" spans="1:8" x14ac:dyDescent="0.25">
      <c r="A2068" s="1">
        <v>44906</v>
      </c>
      <c r="B2068" t="s">
        <v>1568</v>
      </c>
      <c r="C2068" t="s">
        <v>35</v>
      </c>
      <c r="D2068" t="s">
        <v>10</v>
      </c>
      <c r="E2068" t="s">
        <v>11</v>
      </c>
      <c r="F2068" s="2">
        <v>1</v>
      </c>
      <c r="G2068" t="s">
        <v>131</v>
      </c>
      <c r="H2068" t="s">
        <v>13</v>
      </c>
    </row>
    <row r="2069" spans="1:8" x14ac:dyDescent="0.25">
      <c r="A2069" s="1">
        <v>44906</v>
      </c>
      <c r="B2069" t="s">
        <v>1569</v>
      </c>
      <c r="C2069" t="s">
        <v>174</v>
      </c>
      <c r="D2069" t="s">
        <v>10</v>
      </c>
      <c r="E2069" t="s">
        <v>11</v>
      </c>
      <c r="F2069" s="2">
        <v>1</v>
      </c>
      <c r="G2069" t="s">
        <v>63</v>
      </c>
      <c r="H2069" t="s">
        <v>13</v>
      </c>
    </row>
    <row r="2070" spans="1:8" x14ac:dyDescent="0.25">
      <c r="A2070" s="1">
        <v>44905</v>
      </c>
      <c r="B2070" t="s">
        <v>1570</v>
      </c>
      <c r="C2070" t="s">
        <v>52</v>
      </c>
      <c r="D2070" t="s">
        <v>10</v>
      </c>
      <c r="E2070" t="s">
        <v>11</v>
      </c>
      <c r="F2070" s="2">
        <v>1</v>
      </c>
      <c r="G2070" t="s">
        <v>70</v>
      </c>
      <c r="H2070" t="s">
        <v>13</v>
      </c>
    </row>
    <row r="2071" spans="1:8" x14ac:dyDescent="0.25">
      <c r="A2071" s="1">
        <v>44904</v>
      </c>
      <c r="B2071" t="s">
        <v>1571</v>
      </c>
      <c r="C2071" t="s">
        <v>79</v>
      </c>
      <c r="D2071" t="s">
        <v>10</v>
      </c>
      <c r="E2071" t="s">
        <v>11</v>
      </c>
      <c r="F2071" s="2">
        <v>1</v>
      </c>
      <c r="G2071" t="s">
        <v>137</v>
      </c>
      <c r="H2071" t="s">
        <v>13</v>
      </c>
    </row>
    <row r="2072" spans="1:8" x14ac:dyDescent="0.25">
      <c r="A2072" s="1">
        <v>44904</v>
      </c>
      <c r="B2072" t="s">
        <v>1571</v>
      </c>
      <c r="C2072" t="s">
        <v>80</v>
      </c>
      <c r="D2072" t="s">
        <v>10</v>
      </c>
      <c r="E2072" t="s">
        <v>11</v>
      </c>
      <c r="F2072" s="2">
        <v>1</v>
      </c>
      <c r="G2072" t="s">
        <v>137</v>
      </c>
      <c r="H2072" t="s">
        <v>13</v>
      </c>
    </row>
    <row r="2073" spans="1:8" x14ac:dyDescent="0.25">
      <c r="A2073" s="1">
        <v>44902</v>
      </c>
      <c r="B2073" t="s">
        <v>1572</v>
      </c>
      <c r="C2073" t="s">
        <v>74</v>
      </c>
      <c r="D2073" t="s">
        <v>10</v>
      </c>
      <c r="E2073" t="s">
        <v>11</v>
      </c>
      <c r="F2073" s="2">
        <v>1</v>
      </c>
      <c r="G2073" t="s">
        <v>20</v>
      </c>
      <c r="H2073" t="s">
        <v>13</v>
      </c>
    </row>
    <row r="2074" spans="1:8" x14ac:dyDescent="0.25">
      <c r="A2074" s="1">
        <v>44901</v>
      </c>
      <c r="B2074" t="s">
        <v>1573</v>
      </c>
      <c r="C2074" t="s">
        <v>19</v>
      </c>
      <c r="D2074" t="s">
        <v>26</v>
      </c>
      <c r="E2074" t="s">
        <v>11</v>
      </c>
      <c r="F2074" s="2">
        <v>1</v>
      </c>
      <c r="G2074" t="s">
        <v>100</v>
      </c>
      <c r="H2074" t="s">
        <v>13</v>
      </c>
    </row>
    <row r="2075" spans="1:8" x14ac:dyDescent="0.25">
      <c r="A2075" s="1">
        <v>44901</v>
      </c>
      <c r="B2075" t="s">
        <v>1574</v>
      </c>
      <c r="C2075" t="s">
        <v>74</v>
      </c>
      <c r="D2075" t="s">
        <v>10</v>
      </c>
      <c r="E2075" t="s">
        <v>11</v>
      </c>
      <c r="F2075" s="2">
        <v>1</v>
      </c>
      <c r="G2075" t="s">
        <v>318</v>
      </c>
      <c r="H2075" t="s">
        <v>13</v>
      </c>
    </row>
    <row r="2076" spans="1:8" x14ac:dyDescent="0.25">
      <c r="A2076" s="1">
        <v>44901</v>
      </c>
      <c r="B2076" t="s">
        <v>1575</v>
      </c>
      <c r="C2076" t="s">
        <v>9</v>
      </c>
      <c r="D2076" t="s">
        <v>10</v>
      </c>
      <c r="E2076" t="s">
        <v>11</v>
      </c>
      <c r="F2076" s="2">
        <v>1</v>
      </c>
      <c r="G2076" t="s">
        <v>63</v>
      </c>
      <c r="H2076" t="s">
        <v>13</v>
      </c>
    </row>
    <row r="2077" spans="1:8" x14ac:dyDescent="0.25">
      <c r="A2077" s="1">
        <v>44901</v>
      </c>
      <c r="B2077" t="s">
        <v>1576</v>
      </c>
      <c r="C2077" t="s">
        <v>74</v>
      </c>
      <c r="D2077" t="s">
        <v>10</v>
      </c>
      <c r="E2077" t="s">
        <v>11</v>
      </c>
      <c r="F2077" s="2">
        <v>1</v>
      </c>
      <c r="G2077" t="s">
        <v>181</v>
      </c>
      <c r="H2077" t="s">
        <v>13</v>
      </c>
    </row>
    <row r="2078" spans="1:8" x14ac:dyDescent="0.25">
      <c r="A2078" s="1">
        <v>44901</v>
      </c>
      <c r="B2078" t="s">
        <v>1576</v>
      </c>
      <c r="C2078" t="s">
        <v>58</v>
      </c>
      <c r="D2078" t="s">
        <v>10</v>
      </c>
      <c r="E2078" t="s">
        <v>11</v>
      </c>
      <c r="F2078" s="2">
        <v>1</v>
      </c>
      <c r="G2078" t="s">
        <v>181</v>
      </c>
      <c r="H2078" t="s">
        <v>13</v>
      </c>
    </row>
    <row r="2079" spans="1:8" x14ac:dyDescent="0.25">
      <c r="A2079" s="1">
        <v>44900</v>
      </c>
      <c r="B2079" t="s">
        <v>1577</v>
      </c>
      <c r="C2079" t="s">
        <v>268</v>
      </c>
      <c r="D2079" t="s">
        <v>10</v>
      </c>
      <c r="E2079" t="s">
        <v>11</v>
      </c>
      <c r="F2079" s="2">
        <v>1</v>
      </c>
      <c r="G2079" t="s">
        <v>46</v>
      </c>
      <c r="H2079" t="s">
        <v>13</v>
      </c>
    </row>
    <row r="2080" spans="1:8" x14ac:dyDescent="0.25">
      <c r="A2080" s="1">
        <v>44900</v>
      </c>
      <c r="B2080" t="s">
        <v>1578</v>
      </c>
      <c r="C2080" t="s">
        <v>120</v>
      </c>
      <c r="D2080" t="s">
        <v>26</v>
      </c>
      <c r="E2080" t="s">
        <v>11</v>
      </c>
      <c r="F2080" s="2">
        <v>1</v>
      </c>
      <c r="G2080" t="s">
        <v>364</v>
      </c>
      <c r="H2080" t="s">
        <v>13</v>
      </c>
    </row>
    <row r="2081" spans="1:8" x14ac:dyDescent="0.25">
      <c r="A2081" s="1">
        <v>44900</v>
      </c>
      <c r="B2081" t="s">
        <v>1578</v>
      </c>
      <c r="C2081" t="s">
        <v>35</v>
      </c>
      <c r="D2081" t="s">
        <v>26</v>
      </c>
      <c r="E2081" t="s">
        <v>11</v>
      </c>
      <c r="F2081" s="2">
        <v>1</v>
      </c>
      <c r="G2081" t="s">
        <v>364</v>
      </c>
      <c r="H2081" t="s">
        <v>13</v>
      </c>
    </row>
    <row r="2082" spans="1:8" x14ac:dyDescent="0.25">
      <c r="A2082" s="1">
        <v>44899</v>
      </c>
      <c r="B2082" t="s">
        <v>1579</v>
      </c>
      <c r="C2082" t="s">
        <v>14</v>
      </c>
      <c r="D2082" t="s">
        <v>10</v>
      </c>
      <c r="E2082" t="s">
        <v>11</v>
      </c>
      <c r="F2082" s="2">
        <v>1</v>
      </c>
      <c r="G2082" t="s">
        <v>31</v>
      </c>
      <c r="H2082" t="s">
        <v>13</v>
      </c>
    </row>
    <row r="2083" spans="1:8" x14ac:dyDescent="0.25">
      <c r="A2083" s="1">
        <v>44898</v>
      </c>
      <c r="B2083" t="s">
        <v>1580</v>
      </c>
      <c r="C2083" t="s">
        <v>481</v>
      </c>
      <c r="D2083" t="s">
        <v>10</v>
      </c>
      <c r="E2083" t="s">
        <v>11</v>
      </c>
      <c r="F2083" s="2">
        <v>1</v>
      </c>
      <c r="G2083" t="s">
        <v>20</v>
      </c>
      <c r="H2083" t="s">
        <v>13</v>
      </c>
    </row>
    <row r="2084" spans="1:8" x14ac:dyDescent="0.25">
      <c r="A2084" s="1">
        <v>44898</v>
      </c>
      <c r="B2084" t="s">
        <v>1581</v>
      </c>
      <c r="C2084" t="s">
        <v>16</v>
      </c>
      <c r="D2084" t="s">
        <v>10</v>
      </c>
      <c r="E2084" t="s">
        <v>11</v>
      </c>
      <c r="F2084" s="2">
        <v>1</v>
      </c>
      <c r="G2084" t="s">
        <v>111</v>
      </c>
      <c r="H2084" t="s">
        <v>13</v>
      </c>
    </row>
    <row r="2085" spans="1:8" x14ac:dyDescent="0.25">
      <c r="A2085" s="1">
        <v>44897</v>
      </c>
      <c r="B2085" t="s">
        <v>1582</v>
      </c>
      <c r="C2085" t="s">
        <v>622</v>
      </c>
      <c r="D2085" t="s">
        <v>10</v>
      </c>
      <c r="E2085" t="s">
        <v>11</v>
      </c>
      <c r="F2085" s="2">
        <v>1</v>
      </c>
      <c r="G2085" t="s">
        <v>372</v>
      </c>
      <c r="H2085" t="s">
        <v>13</v>
      </c>
    </row>
    <row r="2086" spans="1:8" x14ac:dyDescent="0.25">
      <c r="A2086" s="1">
        <v>44897</v>
      </c>
      <c r="B2086" t="s">
        <v>1582</v>
      </c>
      <c r="C2086" t="s">
        <v>622</v>
      </c>
      <c r="D2086" t="s">
        <v>10</v>
      </c>
      <c r="E2086" t="s">
        <v>11</v>
      </c>
      <c r="F2086" s="2">
        <v>1</v>
      </c>
      <c r="G2086" t="s">
        <v>372</v>
      </c>
      <c r="H2086" t="s">
        <v>13</v>
      </c>
    </row>
    <row r="2087" spans="1:8" x14ac:dyDescent="0.25">
      <c r="A2087" s="1">
        <v>44897</v>
      </c>
      <c r="B2087" t="s">
        <v>1583</v>
      </c>
      <c r="C2087" t="s">
        <v>16</v>
      </c>
      <c r="D2087" t="s">
        <v>10</v>
      </c>
      <c r="E2087" t="s">
        <v>11</v>
      </c>
      <c r="F2087" s="2">
        <v>1</v>
      </c>
      <c r="G2087" t="s">
        <v>20</v>
      </c>
      <c r="H2087" t="s">
        <v>13</v>
      </c>
    </row>
    <row r="2088" spans="1:8" x14ac:dyDescent="0.25">
      <c r="A2088" s="1">
        <v>44897</v>
      </c>
      <c r="B2088" t="s">
        <v>1584</v>
      </c>
      <c r="C2088" t="s">
        <v>9</v>
      </c>
      <c r="D2088" t="s">
        <v>10</v>
      </c>
      <c r="E2088" t="s">
        <v>11</v>
      </c>
      <c r="F2088" s="2">
        <v>1</v>
      </c>
      <c r="G2088" t="s">
        <v>27</v>
      </c>
      <c r="H2088" t="s">
        <v>13</v>
      </c>
    </row>
    <row r="2089" spans="1:8" x14ac:dyDescent="0.25">
      <c r="A2089" s="1">
        <v>44897</v>
      </c>
      <c r="B2089" t="s">
        <v>1585</v>
      </c>
      <c r="C2089" t="s">
        <v>9</v>
      </c>
      <c r="D2089" t="s">
        <v>10</v>
      </c>
      <c r="E2089" t="s">
        <v>11</v>
      </c>
      <c r="F2089" s="2">
        <v>1</v>
      </c>
      <c r="G2089" t="s">
        <v>37</v>
      </c>
      <c r="H2089" t="s">
        <v>13</v>
      </c>
    </row>
    <row r="2090" spans="1:8" x14ac:dyDescent="0.25">
      <c r="A2090" s="1">
        <v>44897</v>
      </c>
      <c r="B2090" t="s">
        <v>1586</v>
      </c>
      <c r="C2090" t="s">
        <v>19</v>
      </c>
      <c r="D2090" t="s">
        <v>10</v>
      </c>
      <c r="E2090" t="s">
        <v>11</v>
      </c>
      <c r="F2090" s="2">
        <v>1</v>
      </c>
      <c r="G2090" t="s">
        <v>72</v>
      </c>
      <c r="H2090" t="s">
        <v>13</v>
      </c>
    </row>
    <row r="2091" spans="1:8" x14ac:dyDescent="0.25">
      <c r="A2091" s="1">
        <v>44896</v>
      </c>
      <c r="B2091" t="s">
        <v>1587</v>
      </c>
      <c r="C2091" t="s">
        <v>174</v>
      </c>
      <c r="D2091" t="s">
        <v>10</v>
      </c>
      <c r="E2091" t="s">
        <v>11</v>
      </c>
      <c r="F2091" s="2">
        <v>1</v>
      </c>
      <c r="G2091" t="s">
        <v>95</v>
      </c>
      <c r="H2091" t="s">
        <v>13</v>
      </c>
    </row>
    <row r="2092" spans="1:8" x14ac:dyDescent="0.25">
      <c r="A2092" s="1">
        <v>44895</v>
      </c>
      <c r="B2092" t="s">
        <v>1588</v>
      </c>
      <c r="C2092" t="s">
        <v>9</v>
      </c>
      <c r="D2092" t="s">
        <v>10</v>
      </c>
      <c r="E2092" t="s">
        <v>11</v>
      </c>
      <c r="F2092" s="2">
        <v>1</v>
      </c>
      <c r="G2092" t="s">
        <v>157</v>
      </c>
      <c r="H2092" t="s">
        <v>13</v>
      </c>
    </row>
    <row r="2093" spans="1:8" x14ac:dyDescent="0.25">
      <c r="A2093" s="1">
        <v>44895</v>
      </c>
      <c r="B2093" t="s">
        <v>1588</v>
      </c>
      <c r="C2093" t="s">
        <v>149</v>
      </c>
      <c r="D2093" t="s">
        <v>10</v>
      </c>
      <c r="E2093" t="s">
        <v>11</v>
      </c>
      <c r="F2093" s="2">
        <v>1</v>
      </c>
      <c r="G2093" t="s">
        <v>157</v>
      </c>
      <c r="H2093" t="s">
        <v>13</v>
      </c>
    </row>
    <row r="2094" spans="1:8" x14ac:dyDescent="0.25">
      <c r="A2094" s="1">
        <v>44895</v>
      </c>
      <c r="B2094" t="s">
        <v>1588</v>
      </c>
      <c r="C2094" t="s">
        <v>150</v>
      </c>
      <c r="D2094" t="s">
        <v>10</v>
      </c>
      <c r="E2094" t="s">
        <v>11</v>
      </c>
      <c r="F2094" s="2">
        <v>1</v>
      </c>
      <c r="G2094" t="s">
        <v>157</v>
      </c>
      <c r="H2094" t="s">
        <v>13</v>
      </c>
    </row>
    <row r="2095" spans="1:8" x14ac:dyDescent="0.25">
      <c r="A2095" s="1">
        <v>44895</v>
      </c>
      <c r="B2095" t="s">
        <v>1588</v>
      </c>
      <c r="C2095" t="s">
        <v>151</v>
      </c>
      <c r="D2095" t="s">
        <v>10</v>
      </c>
      <c r="E2095" t="s">
        <v>11</v>
      </c>
      <c r="F2095" s="2">
        <v>1</v>
      </c>
      <c r="G2095" t="s">
        <v>157</v>
      </c>
      <c r="H2095" t="s">
        <v>13</v>
      </c>
    </row>
    <row r="2096" spans="1:8" x14ac:dyDescent="0.25">
      <c r="A2096" s="1">
        <v>44894</v>
      </c>
      <c r="B2096" t="s">
        <v>1589</v>
      </c>
      <c r="C2096" t="s">
        <v>96</v>
      </c>
      <c r="D2096" t="s">
        <v>10</v>
      </c>
      <c r="E2096" t="s">
        <v>11</v>
      </c>
      <c r="F2096" s="2">
        <v>1</v>
      </c>
      <c r="G2096" t="s">
        <v>20</v>
      </c>
      <c r="H2096" t="s">
        <v>13</v>
      </c>
    </row>
    <row r="2097" spans="1:8" x14ac:dyDescent="0.25">
      <c r="A2097" s="1">
        <v>44891</v>
      </c>
      <c r="B2097" t="s">
        <v>1590</v>
      </c>
      <c r="C2097" t="s">
        <v>207</v>
      </c>
      <c r="D2097" t="s">
        <v>10</v>
      </c>
      <c r="E2097" t="s">
        <v>11</v>
      </c>
      <c r="F2097" s="2">
        <v>1</v>
      </c>
      <c r="G2097" t="s">
        <v>53</v>
      </c>
      <c r="H2097" t="s">
        <v>13</v>
      </c>
    </row>
    <row r="2098" spans="1:8" x14ac:dyDescent="0.25">
      <c r="A2098" s="1">
        <v>44890</v>
      </c>
      <c r="B2098" t="s">
        <v>1591</v>
      </c>
      <c r="C2098" t="s">
        <v>16</v>
      </c>
      <c r="D2098" t="s">
        <v>10</v>
      </c>
      <c r="E2098" t="s">
        <v>11</v>
      </c>
      <c r="F2098" s="2">
        <v>1</v>
      </c>
      <c r="G2098" t="s">
        <v>20</v>
      </c>
      <c r="H2098" t="s">
        <v>13</v>
      </c>
    </row>
    <row r="2099" spans="1:8" x14ac:dyDescent="0.25">
      <c r="A2099" s="1">
        <v>44890</v>
      </c>
      <c r="B2099" t="s">
        <v>1592</v>
      </c>
      <c r="C2099" t="s">
        <v>29</v>
      </c>
      <c r="D2099" t="s">
        <v>10</v>
      </c>
      <c r="E2099" t="s">
        <v>11</v>
      </c>
      <c r="F2099" s="2">
        <v>1</v>
      </c>
      <c r="G2099" t="s">
        <v>768</v>
      </c>
      <c r="H2099" t="s">
        <v>13</v>
      </c>
    </row>
    <row r="2100" spans="1:8" x14ac:dyDescent="0.25">
      <c r="A2100" s="1">
        <v>44890</v>
      </c>
      <c r="B2100" t="s">
        <v>1593</v>
      </c>
      <c r="C2100" t="s">
        <v>52</v>
      </c>
      <c r="D2100" t="s">
        <v>10</v>
      </c>
      <c r="E2100" t="s">
        <v>11</v>
      </c>
      <c r="F2100" s="2">
        <v>1</v>
      </c>
      <c r="G2100" t="s">
        <v>53</v>
      </c>
      <c r="H2100" t="s">
        <v>13</v>
      </c>
    </row>
    <row r="2101" spans="1:8" x14ac:dyDescent="0.25">
      <c r="A2101" s="1">
        <v>44890</v>
      </c>
      <c r="B2101" t="s">
        <v>1593</v>
      </c>
      <c r="C2101" t="s">
        <v>47</v>
      </c>
      <c r="D2101" t="s">
        <v>10</v>
      </c>
      <c r="E2101" t="s">
        <v>11</v>
      </c>
      <c r="F2101" s="2">
        <v>1</v>
      </c>
      <c r="G2101" t="s">
        <v>53</v>
      </c>
      <c r="H2101" t="s">
        <v>13</v>
      </c>
    </row>
    <row r="2102" spans="1:8" x14ac:dyDescent="0.25">
      <c r="A2102" s="1">
        <v>44890</v>
      </c>
      <c r="B2102" t="s">
        <v>1593</v>
      </c>
      <c r="C2102" t="s">
        <v>14</v>
      </c>
      <c r="D2102" t="s">
        <v>10</v>
      </c>
      <c r="E2102" t="s">
        <v>11</v>
      </c>
      <c r="F2102" s="2">
        <v>1</v>
      </c>
      <c r="G2102" t="s">
        <v>53</v>
      </c>
      <c r="H2102" t="s">
        <v>13</v>
      </c>
    </row>
    <row r="2103" spans="1:8" x14ac:dyDescent="0.25">
      <c r="A2103" s="1">
        <v>44889</v>
      </c>
      <c r="B2103" t="s">
        <v>1594</v>
      </c>
      <c r="C2103" t="s">
        <v>893</v>
      </c>
      <c r="D2103" t="s">
        <v>10</v>
      </c>
      <c r="E2103" t="s">
        <v>11</v>
      </c>
      <c r="F2103" s="2">
        <v>1</v>
      </c>
      <c r="G2103" t="s">
        <v>20</v>
      </c>
      <c r="H2103" t="s">
        <v>13</v>
      </c>
    </row>
    <row r="2104" spans="1:8" x14ac:dyDescent="0.25">
      <c r="A2104" s="1">
        <v>44889</v>
      </c>
      <c r="B2104" t="s">
        <v>1595</v>
      </c>
      <c r="C2104" t="s">
        <v>9</v>
      </c>
      <c r="D2104" t="s">
        <v>10</v>
      </c>
      <c r="E2104" t="s">
        <v>11</v>
      </c>
      <c r="F2104" s="2">
        <v>1</v>
      </c>
      <c r="G2104" t="s">
        <v>46</v>
      </c>
      <c r="H2104" t="s">
        <v>13</v>
      </c>
    </row>
    <row r="2105" spans="1:8" x14ac:dyDescent="0.25">
      <c r="A2105" s="1">
        <v>44889</v>
      </c>
      <c r="B2105" t="s">
        <v>1595</v>
      </c>
      <c r="C2105" t="s">
        <v>42</v>
      </c>
      <c r="D2105" t="s">
        <v>10</v>
      </c>
      <c r="E2105" t="s">
        <v>11</v>
      </c>
      <c r="F2105" s="2">
        <v>1</v>
      </c>
      <c r="G2105" t="s">
        <v>46</v>
      </c>
      <c r="H2105" t="s">
        <v>13</v>
      </c>
    </row>
    <row r="2106" spans="1:8" x14ac:dyDescent="0.25">
      <c r="A2106" s="1">
        <v>44889</v>
      </c>
      <c r="B2106" t="s">
        <v>1596</v>
      </c>
      <c r="C2106" t="s">
        <v>118</v>
      </c>
      <c r="D2106" t="s">
        <v>10</v>
      </c>
      <c r="E2106" t="s">
        <v>11</v>
      </c>
      <c r="F2106" s="2">
        <v>1</v>
      </c>
      <c r="G2106" t="s">
        <v>24</v>
      </c>
      <c r="H2106" t="s">
        <v>13</v>
      </c>
    </row>
    <row r="2107" spans="1:8" x14ac:dyDescent="0.25">
      <c r="A2107" s="1">
        <v>44888</v>
      </c>
      <c r="B2107" t="s">
        <v>1597</v>
      </c>
      <c r="C2107" t="s">
        <v>174</v>
      </c>
      <c r="D2107" t="s">
        <v>10</v>
      </c>
      <c r="E2107" t="s">
        <v>11</v>
      </c>
      <c r="F2107" s="2">
        <v>1</v>
      </c>
      <c r="G2107" t="s">
        <v>1598</v>
      </c>
      <c r="H2107" t="s">
        <v>13</v>
      </c>
    </row>
    <row r="2108" spans="1:8" x14ac:dyDescent="0.25">
      <c r="A2108" s="1">
        <v>44888</v>
      </c>
      <c r="B2108" t="s">
        <v>1599</v>
      </c>
      <c r="C2108" t="s">
        <v>9</v>
      </c>
      <c r="D2108" t="s">
        <v>10</v>
      </c>
      <c r="E2108" t="s">
        <v>11</v>
      </c>
      <c r="F2108" s="2">
        <v>1</v>
      </c>
      <c r="G2108" t="s">
        <v>216</v>
      </c>
      <c r="H2108" t="s">
        <v>13</v>
      </c>
    </row>
    <row r="2109" spans="1:8" x14ac:dyDescent="0.25">
      <c r="A2109" s="1">
        <v>44888</v>
      </c>
      <c r="B2109" t="s">
        <v>1600</v>
      </c>
      <c r="C2109" t="s">
        <v>249</v>
      </c>
      <c r="D2109" t="s">
        <v>10</v>
      </c>
      <c r="E2109" t="s">
        <v>11</v>
      </c>
      <c r="F2109" s="2">
        <v>1</v>
      </c>
      <c r="G2109" t="s">
        <v>40</v>
      </c>
      <c r="H2109" t="s">
        <v>13</v>
      </c>
    </row>
    <row r="2110" spans="1:8" x14ac:dyDescent="0.25">
      <c r="A2110" s="1">
        <v>44887</v>
      </c>
      <c r="B2110" t="s">
        <v>1601</v>
      </c>
      <c r="C2110" t="s">
        <v>174</v>
      </c>
      <c r="D2110" t="s">
        <v>10</v>
      </c>
      <c r="E2110" t="s">
        <v>11</v>
      </c>
      <c r="F2110" s="2">
        <v>1</v>
      </c>
      <c r="G2110" t="s">
        <v>197</v>
      </c>
      <c r="H2110" t="s">
        <v>13</v>
      </c>
    </row>
    <row r="2111" spans="1:8" x14ac:dyDescent="0.25">
      <c r="A2111" s="1">
        <v>44887</v>
      </c>
      <c r="B2111" t="s">
        <v>1602</v>
      </c>
      <c r="C2111" t="s">
        <v>333</v>
      </c>
      <c r="D2111" t="s">
        <v>10</v>
      </c>
      <c r="E2111" t="s">
        <v>11</v>
      </c>
      <c r="F2111" s="2">
        <v>1</v>
      </c>
      <c r="G2111" t="s">
        <v>31</v>
      </c>
      <c r="H2111" t="s">
        <v>13</v>
      </c>
    </row>
    <row r="2112" spans="1:8" x14ac:dyDescent="0.25">
      <c r="A2112" s="1">
        <v>44887</v>
      </c>
      <c r="B2112" t="s">
        <v>1603</v>
      </c>
      <c r="C2112" t="s">
        <v>9</v>
      </c>
      <c r="D2112" t="s">
        <v>10</v>
      </c>
      <c r="E2112" t="s">
        <v>11</v>
      </c>
      <c r="F2112" s="2">
        <v>1</v>
      </c>
      <c r="G2112" t="s">
        <v>318</v>
      </c>
      <c r="H2112" t="s">
        <v>13</v>
      </c>
    </row>
    <row r="2113" spans="1:8" x14ac:dyDescent="0.25">
      <c r="A2113" s="1">
        <v>44887</v>
      </c>
      <c r="B2113" t="s">
        <v>1604</v>
      </c>
      <c r="C2113" t="s">
        <v>9</v>
      </c>
      <c r="D2113" t="s">
        <v>10</v>
      </c>
      <c r="E2113" t="s">
        <v>11</v>
      </c>
      <c r="F2113" s="2">
        <v>1</v>
      </c>
      <c r="G2113" t="s">
        <v>318</v>
      </c>
      <c r="H2113" t="s">
        <v>13</v>
      </c>
    </row>
    <row r="2114" spans="1:8" x14ac:dyDescent="0.25">
      <c r="A2114" s="1">
        <v>44887</v>
      </c>
      <c r="B2114" t="s">
        <v>1604</v>
      </c>
      <c r="C2114" t="s">
        <v>52</v>
      </c>
      <c r="D2114" t="s">
        <v>10</v>
      </c>
      <c r="E2114" t="s">
        <v>11</v>
      </c>
      <c r="F2114" s="2">
        <v>1</v>
      </c>
      <c r="G2114" t="s">
        <v>318</v>
      </c>
      <c r="H2114" t="s">
        <v>13</v>
      </c>
    </row>
    <row r="2115" spans="1:8" x14ac:dyDescent="0.25">
      <c r="A2115" s="1">
        <v>44885</v>
      </c>
      <c r="B2115" t="s">
        <v>1605</v>
      </c>
      <c r="C2115" t="s">
        <v>28</v>
      </c>
      <c r="D2115" t="s">
        <v>10</v>
      </c>
      <c r="E2115" t="s">
        <v>11</v>
      </c>
      <c r="F2115" s="2">
        <v>1</v>
      </c>
      <c r="G2115" t="s">
        <v>20</v>
      </c>
      <c r="H2115" t="s">
        <v>13</v>
      </c>
    </row>
    <row r="2116" spans="1:8" x14ac:dyDescent="0.25">
      <c r="A2116" s="1">
        <v>44885</v>
      </c>
      <c r="B2116" t="s">
        <v>1606</v>
      </c>
      <c r="C2116" t="s">
        <v>19</v>
      </c>
      <c r="D2116" t="s">
        <v>26</v>
      </c>
      <c r="E2116" t="s">
        <v>11</v>
      </c>
      <c r="F2116" s="2">
        <v>1</v>
      </c>
      <c r="G2116" t="s">
        <v>20</v>
      </c>
      <c r="H2116" t="s">
        <v>13</v>
      </c>
    </row>
    <row r="2117" spans="1:8" x14ac:dyDescent="0.25">
      <c r="A2117" s="1">
        <v>44885</v>
      </c>
      <c r="B2117" t="s">
        <v>1606</v>
      </c>
      <c r="C2117" t="s">
        <v>47</v>
      </c>
      <c r="D2117" t="s">
        <v>26</v>
      </c>
      <c r="E2117" t="s">
        <v>11</v>
      </c>
      <c r="F2117" s="2">
        <v>1</v>
      </c>
      <c r="G2117" t="s">
        <v>20</v>
      </c>
      <c r="H2117" t="s">
        <v>13</v>
      </c>
    </row>
    <row r="2118" spans="1:8" x14ac:dyDescent="0.25">
      <c r="A2118" s="1">
        <v>44883</v>
      </c>
      <c r="B2118" t="s">
        <v>1607</v>
      </c>
      <c r="C2118" t="s">
        <v>9</v>
      </c>
      <c r="D2118" t="s">
        <v>10</v>
      </c>
      <c r="E2118" t="s">
        <v>11</v>
      </c>
      <c r="F2118" s="2">
        <v>1</v>
      </c>
      <c r="G2118" t="s">
        <v>135</v>
      </c>
      <c r="H2118" t="s">
        <v>13</v>
      </c>
    </row>
    <row r="2119" spans="1:8" x14ac:dyDescent="0.25">
      <c r="A2119" s="1">
        <v>44883</v>
      </c>
      <c r="B2119" t="s">
        <v>1607</v>
      </c>
      <c r="C2119" t="s">
        <v>47</v>
      </c>
      <c r="D2119" t="s">
        <v>10</v>
      </c>
      <c r="E2119" t="s">
        <v>11</v>
      </c>
      <c r="F2119" s="2">
        <v>1</v>
      </c>
      <c r="G2119" t="s">
        <v>135</v>
      </c>
      <c r="H2119" t="s">
        <v>13</v>
      </c>
    </row>
    <row r="2120" spans="1:8" x14ac:dyDescent="0.25">
      <c r="A2120" s="1">
        <v>44883</v>
      </c>
      <c r="B2120" t="s">
        <v>1608</v>
      </c>
      <c r="C2120" t="s">
        <v>96</v>
      </c>
      <c r="D2120" t="s">
        <v>10</v>
      </c>
      <c r="E2120" t="s">
        <v>11</v>
      </c>
      <c r="F2120" s="2">
        <v>1</v>
      </c>
      <c r="G2120" t="s">
        <v>20</v>
      </c>
      <c r="H2120" t="s">
        <v>13</v>
      </c>
    </row>
    <row r="2121" spans="1:8" x14ac:dyDescent="0.25">
      <c r="A2121" s="1">
        <v>44883</v>
      </c>
      <c r="B2121" t="s">
        <v>1608</v>
      </c>
      <c r="C2121" t="s">
        <v>65</v>
      </c>
      <c r="D2121" t="s">
        <v>10</v>
      </c>
      <c r="E2121" t="s">
        <v>11</v>
      </c>
      <c r="F2121" s="2">
        <v>1</v>
      </c>
      <c r="G2121" t="s">
        <v>20</v>
      </c>
      <c r="H2121" t="s">
        <v>13</v>
      </c>
    </row>
    <row r="2122" spans="1:8" x14ac:dyDescent="0.25">
      <c r="A2122" s="1">
        <v>44882</v>
      </c>
      <c r="B2122" t="s">
        <v>1609</v>
      </c>
      <c r="C2122" t="s">
        <v>47</v>
      </c>
      <c r="D2122" t="s">
        <v>10</v>
      </c>
      <c r="E2122" t="s">
        <v>11</v>
      </c>
      <c r="F2122" s="2">
        <v>1</v>
      </c>
      <c r="G2122" t="s">
        <v>483</v>
      </c>
      <c r="H2122" t="s">
        <v>13</v>
      </c>
    </row>
    <row r="2123" spans="1:8" x14ac:dyDescent="0.25">
      <c r="A2123" s="1">
        <v>44882</v>
      </c>
      <c r="B2123" t="s">
        <v>1610</v>
      </c>
      <c r="C2123" t="s">
        <v>32</v>
      </c>
      <c r="D2123" t="s">
        <v>10</v>
      </c>
      <c r="E2123" t="s">
        <v>11</v>
      </c>
      <c r="F2123" s="2">
        <v>1</v>
      </c>
      <c r="G2123" t="s">
        <v>27</v>
      </c>
      <c r="H2123" t="s">
        <v>13</v>
      </c>
    </row>
    <row r="2124" spans="1:8" x14ac:dyDescent="0.25">
      <c r="A2124" s="1">
        <v>44881</v>
      </c>
      <c r="B2124" t="s">
        <v>1611</v>
      </c>
      <c r="C2124" t="s">
        <v>9</v>
      </c>
      <c r="D2124" t="s">
        <v>10</v>
      </c>
      <c r="E2124" t="s">
        <v>11</v>
      </c>
      <c r="F2124" s="2">
        <v>1</v>
      </c>
      <c r="G2124" t="s">
        <v>20</v>
      </c>
      <c r="H2124" t="s">
        <v>13</v>
      </c>
    </row>
    <row r="2125" spans="1:8" x14ac:dyDescent="0.25">
      <c r="A2125" s="1">
        <v>44880</v>
      </c>
      <c r="B2125" t="s">
        <v>1612</v>
      </c>
      <c r="C2125" t="s">
        <v>9</v>
      </c>
      <c r="D2125" t="s">
        <v>10</v>
      </c>
      <c r="E2125" t="s">
        <v>11</v>
      </c>
      <c r="F2125" s="2">
        <v>1</v>
      </c>
      <c r="G2125" t="s">
        <v>571</v>
      </c>
      <c r="H2125" t="s">
        <v>13</v>
      </c>
    </row>
    <row r="2126" spans="1:8" x14ac:dyDescent="0.25">
      <c r="A2126" s="1">
        <v>44880</v>
      </c>
      <c r="B2126" t="s">
        <v>1612</v>
      </c>
      <c r="C2126" t="s">
        <v>1353</v>
      </c>
      <c r="D2126" t="s">
        <v>10</v>
      </c>
      <c r="E2126" t="s">
        <v>11</v>
      </c>
      <c r="F2126" s="2">
        <v>1</v>
      </c>
      <c r="G2126" t="s">
        <v>571</v>
      </c>
      <c r="H2126" t="s">
        <v>13</v>
      </c>
    </row>
    <row r="2127" spans="1:8" x14ac:dyDescent="0.25">
      <c r="A2127" s="1">
        <v>44880</v>
      </c>
      <c r="B2127" t="s">
        <v>1613</v>
      </c>
      <c r="C2127" t="s">
        <v>9</v>
      </c>
      <c r="D2127" t="s">
        <v>10</v>
      </c>
      <c r="E2127" t="s">
        <v>11</v>
      </c>
      <c r="F2127" s="2">
        <v>1</v>
      </c>
      <c r="G2127" t="s">
        <v>46</v>
      </c>
      <c r="H2127" t="s">
        <v>13</v>
      </c>
    </row>
    <row r="2128" spans="1:8" x14ac:dyDescent="0.25">
      <c r="A2128" s="1">
        <v>44879</v>
      </c>
      <c r="B2128" t="s">
        <v>1614</v>
      </c>
      <c r="C2128" t="s">
        <v>86</v>
      </c>
      <c r="D2128" t="s">
        <v>10</v>
      </c>
      <c r="E2128" t="s">
        <v>11</v>
      </c>
      <c r="F2128" s="2">
        <v>1</v>
      </c>
      <c r="G2128" t="s">
        <v>318</v>
      </c>
      <c r="H2128" t="s">
        <v>13</v>
      </c>
    </row>
    <row r="2129" spans="1:8" x14ac:dyDescent="0.25">
      <c r="A2129" s="1">
        <v>44879</v>
      </c>
      <c r="B2129" t="s">
        <v>1615</v>
      </c>
      <c r="C2129" t="s">
        <v>9</v>
      </c>
      <c r="D2129" t="s">
        <v>10</v>
      </c>
      <c r="E2129" t="s">
        <v>11</v>
      </c>
      <c r="F2129" s="2">
        <v>1</v>
      </c>
      <c r="G2129" t="s">
        <v>12</v>
      </c>
      <c r="H2129" t="s">
        <v>13</v>
      </c>
    </row>
    <row r="2130" spans="1:8" x14ac:dyDescent="0.25">
      <c r="A2130" s="1">
        <v>44879</v>
      </c>
      <c r="B2130" t="s">
        <v>1615</v>
      </c>
      <c r="C2130" t="s">
        <v>64</v>
      </c>
      <c r="D2130" t="s">
        <v>10</v>
      </c>
      <c r="E2130" t="s">
        <v>11</v>
      </c>
      <c r="F2130" s="2">
        <v>1</v>
      </c>
      <c r="G2130" t="s">
        <v>12</v>
      </c>
      <c r="H2130" t="s">
        <v>13</v>
      </c>
    </row>
    <row r="2131" spans="1:8" x14ac:dyDescent="0.25">
      <c r="A2131" s="1">
        <v>44879</v>
      </c>
      <c r="B2131" t="s">
        <v>1616</v>
      </c>
      <c r="C2131" t="s">
        <v>9</v>
      </c>
      <c r="D2131" t="s">
        <v>10</v>
      </c>
      <c r="E2131" t="s">
        <v>11</v>
      </c>
      <c r="F2131" s="2">
        <v>1</v>
      </c>
      <c r="G2131" t="s">
        <v>46</v>
      </c>
      <c r="H2131" t="s">
        <v>13</v>
      </c>
    </row>
    <row r="2132" spans="1:8" x14ac:dyDescent="0.25">
      <c r="A2132" s="1">
        <v>44878</v>
      </c>
      <c r="B2132" t="s">
        <v>1617</v>
      </c>
      <c r="C2132" t="s">
        <v>79</v>
      </c>
      <c r="D2132" t="s">
        <v>10</v>
      </c>
      <c r="E2132" t="s">
        <v>11</v>
      </c>
      <c r="F2132" s="2">
        <v>1</v>
      </c>
      <c r="G2132" t="s">
        <v>165</v>
      </c>
      <c r="H2132" t="s">
        <v>13</v>
      </c>
    </row>
    <row r="2133" spans="1:8" x14ac:dyDescent="0.25">
      <c r="A2133" s="1">
        <v>44878</v>
      </c>
      <c r="B2133" t="s">
        <v>1617</v>
      </c>
      <c r="C2133" t="s">
        <v>79</v>
      </c>
      <c r="D2133" t="s">
        <v>10</v>
      </c>
      <c r="E2133" t="s">
        <v>11</v>
      </c>
      <c r="F2133" s="2">
        <v>1</v>
      </c>
      <c r="G2133" t="s">
        <v>165</v>
      </c>
      <c r="H2133" t="s">
        <v>13</v>
      </c>
    </row>
    <row r="2134" spans="1:8" x14ac:dyDescent="0.25">
      <c r="A2134" s="1">
        <v>44878</v>
      </c>
      <c r="B2134" t="s">
        <v>1617</v>
      </c>
      <c r="C2134" t="s">
        <v>103</v>
      </c>
      <c r="D2134" t="s">
        <v>10</v>
      </c>
      <c r="E2134" t="s">
        <v>11</v>
      </c>
      <c r="F2134" s="2">
        <v>1</v>
      </c>
      <c r="G2134" t="s">
        <v>165</v>
      </c>
      <c r="H2134" t="s">
        <v>13</v>
      </c>
    </row>
    <row r="2135" spans="1:8" x14ac:dyDescent="0.25">
      <c r="A2135" s="1">
        <v>44878</v>
      </c>
      <c r="B2135" t="s">
        <v>1617</v>
      </c>
      <c r="C2135" t="s">
        <v>103</v>
      </c>
      <c r="D2135" t="s">
        <v>10</v>
      </c>
      <c r="E2135" t="s">
        <v>11</v>
      </c>
      <c r="F2135" s="2">
        <v>1</v>
      </c>
      <c r="G2135" t="s">
        <v>165</v>
      </c>
      <c r="H2135" t="s">
        <v>13</v>
      </c>
    </row>
    <row r="2136" spans="1:8" x14ac:dyDescent="0.25">
      <c r="A2136" s="1">
        <v>44878</v>
      </c>
      <c r="B2136" t="s">
        <v>1618</v>
      </c>
      <c r="C2136" t="s">
        <v>9</v>
      </c>
      <c r="D2136" t="s">
        <v>10</v>
      </c>
      <c r="E2136" t="s">
        <v>11</v>
      </c>
      <c r="F2136" s="2">
        <v>1</v>
      </c>
      <c r="G2136" t="s">
        <v>145</v>
      </c>
      <c r="H2136" t="s">
        <v>13</v>
      </c>
    </row>
    <row r="2137" spans="1:8" x14ac:dyDescent="0.25">
      <c r="A2137" s="1">
        <v>44878</v>
      </c>
      <c r="B2137" t="s">
        <v>1618</v>
      </c>
      <c r="C2137" t="s">
        <v>35</v>
      </c>
      <c r="D2137" t="s">
        <v>10</v>
      </c>
      <c r="E2137" t="s">
        <v>11</v>
      </c>
      <c r="F2137" s="2">
        <v>1</v>
      </c>
      <c r="G2137" t="s">
        <v>145</v>
      </c>
      <c r="H2137" t="s">
        <v>13</v>
      </c>
    </row>
    <row r="2138" spans="1:8" x14ac:dyDescent="0.25">
      <c r="A2138" s="1">
        <v>44878</v>
      </c>
      <c r="B2138" t="s">
        <v>1618</v>
      </c>
      <c r="C2138" t="s">
        <v>47</v>
      </c>
      <c r="D2138" t="s">
        <v>10</v>
      </c>
      <c r="E2138" t="s">
        <v>11</v>
      </c>
      <c r="F2138" s="2">
        <v>1</v>
      </c>
      <c r="G2138" t="s">
        <v>145</v>
      </c>
      <c r="H2138" t="s">
        <v>13</v>
      </c>
    </row>
    <row r="2139" spans="1:8" x14ac:dyDescent="0.25">
      <c r="A2139" s="1">
        <v>44876</v>
      </c>
      <c r="B2139" t="s">
        <v>1619</v>
      </c>
      <c r="C2139" t="s">
        <v>92</v>
      </c>
      <c r="D2139" t="s">
        <v>26</v>
      </c>
      <c r="E2139" t="s">
        <v>11</v>
      </c>
      <c r="F2139" s="2">
        <v>1</v>
      </c>
      <c r="G2139" t="s">
        <v>135</v>
      </c>
      <c r="H2139" t="s">
        <v>13</v>
      </c>
    </row>
    <row r="2140" spans="1:8" x14ac:dyDescent="0.25">
      <c r="A2140" s="1">
        <v>44875</v>
      </c>
      <c r="B2140" t="s">
        <v>1620</v>
      </c>
      <c r="C2140" t="s">
        <v>9</v>
      </c>
      <c r="D2140" t="s">
        <v>10</v>
      </c>
      <c r="E2140" t="s">
        <v>11</v>
      </c>
      <c r="F2140" s="2">
        <v>1</v>
      </c>
      <c r="G2140" t="s">
        <v>37</v>
      </c>
      <c r="H2140" t="s">
        <v>13</v>
      </c>
    </row>
    <row r="2141" spans="1:8" x14ac:dyDescent="0.25">
      <c r="A2141" s="1">
        <v>44875</v>
      </c>
      <c r="B2141" t="s">
        <v>1621</v>
      </c>
      <c r="C2141" t="s">
        <v>9</v>
      </c>
      <c r="D2141" t="s">
        <v>10</v>
      </c>
      <c r="E2141" t="s">
        <v>11</v>
      </c>
      <c r="F2141" s="2">
        <v>1</v>
      </c>
      <c r="G2141" t="s">
        <v>109</v>
      </c>
      <c r="H2141" t="s">
        <v>13</v>
      </c>
    </row>
    <row r="2142" spans="1:8" x14ac:dyDescent="0.25">
      <c r="A2142" s="1">
        <v>44875</v>
      </c>
      <c r="B2142" t="s">
        <v>1622</v>
      </c>
      <c r="C2142" t="s">
        <v>9</v>
      </c>
      <c r="D2142" t="s">
        <v>10</v>
      </c>
      <c r="E2142" t="s">
        <v>11</v>
      </c>
      <c r="F2142" s="2">
        <v>1</v>
      </c>
      <c r="G2142" t="s">
        <v>145</v>
      </c>
      <c r="H2142" t="s">
        <v>13</v>
      </c>
    </row>
    <row r="2143" spans="1:8" x14ac:dyDescent="0.25">
      <c r="A2143" s="1">
        <v>44874</v>
      </c>
      <c r="B2143" t="s">
        <v>1623</v>
      </c>
      <c r="C2143" t="s">
        <v>19</v>
      </c>
      <c r="D2143" t="s">
        <v>10</v>
      </c>
      <c r="E2143" t="s">
        <v>11</v>
      </c>
      <c r="F2143" s="2">
        <v>1</v>
      </c>
      <c r="G2143" t="s">
        <v>37</v>
      </c>
      <c r="H2143" t="s">
        <v>13</v>
      </c>
    </row>
    <row r="2144" spans="1:8" x14ac:dyDescent="0.25">
      <c r="A2144" s="1">
        <v>44874</v>
      </c>
      <c r="B2144" t="s">
        <v>1623</v>
      </c>
      <c r="C2144" t="s">
        <v>689</v>
      </c>
      <c r="D2144" t="s">
        <v>10</v>
      </c>
      <c r="E2144" t="s">
        <v>11</v>
      </c>
      <c r="F2144" s="2">
        <v>1</v>
      </c>
      <c r="G2144" t="s">
        <v>37</v>
      </c>
      <c r="H2144" t="s">
        <v>13</v>
      </c>
    </row>
    <row r="2145" spans="1:8" x14ac:dyDescent="0.25">
      <c r="A2145" s="1">
        <v>44874</v>
      </c>
      <c r="B2145" t="s">
        <v>1624</v>
      </c>
      <c r="C2145" t="s">
        <v>28</v>
      </c>
      <c r="D2145" t="s">
        <v>10</v>
      </c>
      <c r="E2145" t="s">
        <v>11</v>
      </c>
      <c r="F2145" s="2">
        <v>1</v>
      </c>
      <c r="G2145" t="s">
        <v>1625</v>
      </c>
      <c r="H2145" t="s">
        <v>13</v>
      </c>
    </row>
    <row r="2146" spans="1:8" x14ac:dyDescent="0.25">
      <c r="A2146" s="1">
        <v>44874</v>
      </c>
      <c r="B2146" t="s">
        <v>1624</v>
      </c>
      <c r="C2146" t="s">
        <v>14</v>
      </c>
      <c r="D2146" t="s">
        <v>10</v>
      </c>
      <c r="E2146" t="s">
        <v>11</v>
      </c>
      <c r="F2146" s="2">
        <v>1</v>
      </c>
      <c r="G2146" t="s">
        <v>1625</v>
      </c>
      <c r="H2146" t="s">
        <v>13</v>
      </c>
    </row>
    <row r="2147" spans="1:8" x14ac:dyDescent="0.25">
      <c r="A2147" s="1">
        <v>44873</v>
      </c>
      <c r="B2147" t="s">
        <v>1626</v>
      </c>
      <c r="C2147" t="s">
        <v>47</v>
      </c>
      <c r="D2147" t="s">
        <v>10</v>
      </c>
      <c r="E2147" t="s">
        <v>11</v>
      </c>
      <c r="F2147" s="2">
        <v>1</v>
      </c>
      <c r="G2147" t="s">
        <v>279</v>
      </c>
      <c r="H2147" t="s">
        <v>13</v>
      </c>
    </row>
    <row r="2148" spans="1:8" x14ac:dyDescent="0.25">
      <c r="A2148" s="1">
        <v>44873</v>
      </c>
      <c r="B2148" t="s">
        <v>1627</v>
      </c>
      <c r="C2148" t="s">
        <v>35</v>
      </c>
      <c r="D2148" t="s">
        <v>10</v>
      </c>
      <c r="E2148" t="s">
        <v>11</v>
      </c>
      <c r="F2148" s="2">
        <v>1</v>
      </c>
      <c r="G2148" t="s">
        <v>145</v>
      </c>
      <c r="H2148" t="s">
        <v>13</v>
      </c>
    </row>
    <row r="2149" spans="1:8" x14ac:dyDescent="0.25">
      <c r="A2149" s="1">
        <v>44873</v>
      </c>
      <c r="B2149" t="s">
        <v>1628</v>
      </c>
      <c r="C2149" t="s">
        <v>16</v>
      </c>
      <c r="D2149" t="s">
        <v>10</v>
      </c>
      <c r="E2149" t="s">
        <v>11</v>
      </c>
      <c r="F2149" s="2">
        <v>1</v>
      </c>
      <c r="G2149" t="s">
        <v>93</v>
      </c>
      <c r="H2149" t="s">
        <v>13</v>
      </c>
    </row>
    <row r="2150" spans="1:8" x14ac:dyDescent="0.25">
      <c r="A2150" s="1">
        <v>44873</v>
      </c>
      <c r="B2150" t="s">
        <v>1628</v>
      </c>
      <c r="C2150" t="s">
        <v>149</v>
      </c>
      <c r="D2150" t="s">
        <v>10</v>
      </c>
      <c r="E2150" t="s">
        <v>11</v>
      </c>
      <c r="F2150" s="2">
        <v>1</v>
      </c>
      <c r="G2150" t="s">
        <v>93</v>
      </c>
      <c r="H2150" t="s">
        <v>13</v>
      </c>
    </row>
    <row r="2151" spans="1:8" x14ac:dyDescent="0.25">
      <c r="A2151" s="1">
        <v>44873</v>
      </c>
      <c r="B2151" t="s">
        <v>1628</v>
      </c>
      <c r="C2151" t="s">
        <v>50</v>
      </c>
      <c r="D2151" t="s">
        <v>10</v>
      </c>
      <c r="E2151" t="s">
        <v>11</v>
      </c>
      <c r="F2151" s="2">
        <v>1</v>
      </c>
      <c r="G2151" t="s">
        <v>93</v>
      </c>
      <c r="H2151" t="s">
        <v>13</v>
      </c>
    </row>
    <row r="2152" spans="1:8" x14ac:dyDescent="0.25">
      <c r="A2152" s="1">
        <v>44872</v>
      </c>
      <c r="B2152" t="s">
        <v>1629</v>
      </c>
      <c r="C2152" t="s">
        <v>268</v>
      </c>
      <c r="D2152" t="s">
        <v>10</v>
      </c>
      <c r="E2152" t="s">
        <v>11</v>
      </c>
      <c r="F2152" s="2">
        <v>1</v>
      </c>
      <c r="G2152" t="s">
        <v>98</v>
      </c>
      <c r="H2152" t="s">
        <v>13</v>
      </c>
    </row>
    <row r="2153" spans="1:8" x14ac:dyDescent="0.25">
      <c r="A2153" s="1">
        <v>44872</v>
      </c>
      <c r="B2153" t="s">
        <v>1629</v>
      </c>
      <c r="C2153" t="s">
        <v>174</v>
      </c>
      <c r="D2153" t="s">
        <v>10</v>
      </c>
      <c r="E2153" t="s">
        <v>11</v>
      </c>
      <c r="F2153" s="2">
        <v>1</v>
      </c>
      <c r="G2153" t="s">
        <v>98</v>
      </c>
      <c r="H2153" t="s">
        <v>13</v>
      </c>
    </row>
    <row r="2154" spans="1:8" x14ac:dyDescent="0.25">
      <c r="A2154" s="1">
        <v>44872</v>
      </c>
      <c r="B2154" t="s">
        <v>1630</v>
      </c>
      <c r="C2154" t="s">
        <v>19</v>
      </c>
      <c r="D2154" t="s">
        <v>10</v>
      </c>
      <c r="E2154" t="s">
        <v>11</v>
      </c>
      <c r="F2154" s="2">
        <v>1</v>
      </c>
      <c r="G2154" t="s">
        <v>661</v>
      </c>
      <c r="H2154" t="s">
        <v>13</v>
      </c>
    </row>
    <row r="2155" spans="1:8" x14ac:dyDescent="0.25">
      <c r="A2155" s="1">
        <v>44872</v>
      </c>
      <c r="B2155" t="s">
        <v>1631</v>
      </c>
      <c r="C2155" t="s">
        <v>29</v>
      </c>
      <c r="D2155" t="s">
        <v>10</v>
      </c>
      <c r="E2155" t="s">
        <v>11</v>
      </c>
      <c r="F2155" s="2">
        <v>1</v>
      </c>
      <c r="G2155" t="s">
        <v>748</v>
      </c>
      <c r="H2155" t="s">
        <v>13</v>
      </c>
    </row>
    <row r="2156" spans="1:8" x14ac:dyDescent="0.25">
      <c r="A2156" s="1">
        <v>44872</v>
      </c>
      <c r="B2156" t="s">
        <v>1631</v>
      </c>
      <c r="C2156" t="s">
        <v>35</v>
      </c>
      <c r="D2156" t="s">
        <v>10</v>
      </c>
      <c r="E2156" t="s">
        <v>11</v>
      </c>
      <c r="F2156" s="2">
        <v>1</v>
      </c>
      <c r="G2156" t="s">
        <v>748</v>
      </c>
      <c r="H2156" t="s">
        <v>13</v>
      </c>
    </row>
    <row r="2157" spans="1:8" x14ac:dyDescent="0.25">
      <c r="A2157" s="1">
        <v>44871</v>
      </c>
      <c r="B2157" t="s">
        <v>1632</v>
      </c>
      <c r="C2157" t="s">
        <v>19</v>
      </c>
      <c r="D2157" t="s">
        <v>10</v>
      </c>
      <c r="E2157" t="s">
        <v>11</v>
      </c>
      <c r="F2157" s="2">
        <v>1</v>
      </c>
      <c r="G2157" t="s">
        <v>46</v>
      </c>
      <c r="H2157" t="s">
        <v>13</v>
      </c>
    </row>
    <row r="2158" spans="1:8" x14ac:dyDescent="0.25">
      <c r="A2158" s="1">
        <v>44870</v>
      </c>
      <c r="B2158" t="s">
        <v>1633</v>
      </c>
      <c r="C2158" t="s">
        <v>9</v>
      </c>
      <c r="D2158" t="s">
        <v>10</v>
      </c>
      <c r="E2158" t="s">
        <v>11</v>
      </c>
      <c r="F2158" s="2">
        <v>1</v>
      </c>
      <c r="G2158" t="s">
        <v>181</v>
      </c>
      <c r="H2158" t="s">
        <v>13</v>
      </c>
    </row>
    <row r="2159" spans="1:8" x14ac:dyDescent="0.25">
      <c r="A2159" s="1">
        <v>44870</v>
      </c>
      <c r="B2159" t="s">
        <v>1633</v>
      </c>
      <c r="C2159" t="s">
        <v>35</v>
      </c>
      <c r="D2159" t="s">
        <v>10</v>
      </c>
      <c r="E2159" t="s">
        <v>11</v>
      </c>
      <c r="F2159" s="2">
        <v>1</v>
      </c>
      <c r="G2159" t="s">
        <v>181</v>
      </c>
      <c r="H2159" t="s">
        <v>13</v>
      </c>
    </row>
    <row r="2160" spans="1:8" x14ac:dyDescent="0.25">
      <c r="A2160" s="1">
        <v>44870</v>
      </c>
      <c r="B2160" t="s">
        <v>1633</v>
      </c>
      <c r="C2160" t="s">
        <v>271</v>
      </c>
      <c r="D2160" t="s">
        <v>10</v>
      </c>
      <c r="E2160" t="s">
        <v>11</v>
      </c>
      <c r="F2160" s="2">
        <v>1</v>
      </c>
      <c r="G2160" t="s">
        <v>181</v>
      </c>
      <c r="H2160" t="s">
        <v>13</v>
      </c>
    </row>
    <row r="2161" spans="1:8" x14ac:dyDescent="0.25">
      <c r="A2161" s="1">
        <v>44869</v>
      </c>
      <c r="B2161" t="s">
        <v>1634</v>
      </c>
      <c r="C2161" t="s">
        <v>9</v>
      </c>
      <c r="D2161" t="s">
        <v>10</v>
      </c>
      <c r="E2161" t="s">
        <v>11</v>
      </c>
      <c r="F2161" s="2">
        <v>1</v>
      </c>
      <c r="G2161" t="s">
        <v>70</v>
      </c>
      <c r="H2161" t="s">
        <v>13</v>
      </c>
    </row>
    <row r="2162" spans="1:8" x14ac:dyDescent="0.25">
      <c r="A2162" s="1">
        <v>44869</v>
      </c>
      <c r="B2162" t="s">
        <v>1634</v>
      </c>
      <c r="C2162" t="s">
        <v>35</v>
      </c>
      <c r="D2162" t="s">
        <v>10</v>
      </c>
      <c r="E2162" t="s">
        <v>11</v>
      </c>
      <c r="F2162" s="2">
        <v>1</v>
      </c>
      <c r="G2162" t="s">
        <v>70</v>
      </c>
      <c r="H2162" t="s">
        <v>13</v>
      </c>
    </row>
    <row r="2163" spans="1:8" x14ac:dyDescent="0.25">
      <c r="A2163" s="1">
        <v>44868</v>
      </c>
      <c r="B2163" t="s">
        <v>1635</v>
      </c>
      <c r="C2163" t="s">
        <v>9</v>
      </c>
      <c r="D2163" t="s">
        <v>10</v>
      </c>
      <c r="E2163" t="s">
        <v>11</v>
      </c>
      <c r="F2163" s="2">
        <v>1</v>
      </c>
      <c r="G2163" t="s">
        <v>98</v>
      </c>
      <c r="H2163" t="s">
        <v>13</v>
      </c>
    </row>
    <row r="2164" spans="1:8" x14ac:dyDescent="0.25">
      <c r="A2164" s="1">
        <v>44867</v>
      </c>
      <c r="B2164" t="s">
        <v>1636</v>
      </c>
      <c r="C2164" t="s">
        <v>35</v>
      </c>
      <c r="D2164" t="s">
        <v>26</v>
      </c>
      <c r="E2164" t="s">
        <v>11</v>
      </c>
      <c r="F2164" s="2">
        <v>1</v>
      </c>
      <c r="G2164" t="s">
        <v>603</v>
      </c>
      <c r="H2164" t="s">
        <v>13</v>
      </c>
    </row>
    <row r="2165" spans="1:8" x14ac:dyDescent="0.25">
      <c r="A2165" s="1">
        <v>44866</v>
      </c>
      <c r="B2165" t="s">
        <v>1637</v>
      </c>
      <c r="C2165" t="s">
        <v>142</v>
      </c>
      <c r="D2165" t="s">
        <v>10</v>
      </c>
      <c r="E2165" t="s">
        <v>11</v>
      </c>
      <c r="F2165" s="2">
        <v>1</v>
      </c>
      <c r="G2165" t="s">
        <v>77</v>
      </c>
      <c r="H2165" t="s">
        <v>13</v>
      </c>
    </row>
    <row r="2166" spans="1:8" x14ac:dyDescent="0.25">
      <c r="A2166" s="1">
        <v>44866</v>
      </c>
      <c r="B2166" t="s">
        <v>1637</v>
      </c>
      <c r="C2166" t="s">
        <v>47</v>
      </c>
      <c r="D2166" t="s">
        <v>10</v>
      </c>
      <c r="E2166" t="s">
        <v>11</v>
      </c>
      <c r="F2166" s="2">
        <v>1</v>
      </c>
      <c r="G2166" t="s">
        <v>77</v>
      </c>
      <c r="H2166" t="s">
        <v>13</v>
      </c>
    </row>
    <row r="2167" spans="1:8" x14ac:dyDescent="0.25">
      <c r="A2167" s="1">
        <v>44866</v>
      </c>
      <c r="B2167" t="s">
        <v>1637</v>
      </c>
      <c r="C2167" t="s">
        <v>610</v>
      </c>
      <c r="D2167" t="s">
        <v>10</v>
      </c>
      <c r="E2167" t="s">
        <v>11</v>
      </c>
      <c r="F2167" s="2">
        <v>1</v>
      </c>
      <c r="G2167" t="s">
        <v>77</v>
      </c>
      <c r="H2167" t="s">
        <v>13</v>
      </c>
    </row>
    <row r="2168" spans="1:8" x14ac:dyDescent="0.25">
      <c r="A2168" s="1">
        <v>44866</v>
      </c>
      <c r="B2168" t="s">
        <v>1637</v>
      </c>
      <c r="C2168" t="s">
        <v>1259</v>
      </c>
      <c r="D2168" t="s">
        <v>10</v>
      </c>
      <c r="E2168" t="s">
        <v>11</v>
      </c>
      <c r="F2168" s="2">
        <v>1</v>
      </c>
      <c r="G2168" t="s">
        <v>77</v>
      </c>
      <c r="H2168" t="s">
        <v>13</v>
      </c>
    </row>
    <row r="2169" spans="1:8" x14ac:dyDescent="0.25">
      <c r="A2169" s="1">
        <v>44866</v>
      </c>
      <c r="B2169" t="s">
        <v>1637</v>
      </c>
      <c r="C2169" t="s">
        <v>151</v>
      </c>
      <c r="D2169" t="s">
        <v>10</v>
      </c>
      <c r="E2169" t="s">
        <v>11</v>
      </c>
      <c r="F2169" s="2">
        <v>1</v>
      </c>
      <c r="G2169" t="s">
        <v>77</v>
      </c>
      <c r="H2169" t="s">
        <v>13</v>
      </c>
    </row>
    <row r="2170" spans="1:8" x14ac:dyDescent="0.25">
      <c r="A2170" s="1">
        <v>44866</v>
      </c>
      <c r="B2170" t="s">
        <v>1637</v>
      </c>
      <c r="C2170" t="s">
        <v>14</v>
      </c>
      <c r="D2170" t="s">
        <v>10</v>
      </c>
      <c r="E2170" t="s">
        <v>11</v>
      </c>
      <c r="F2170" s="2">
        <v>1</v>
      </c>
      <c r="G2170" t="s">
        <v>77</v>
      </c>
      <c r="H2170" t="s">
        <v>13</v>
      </c>
    </row>
    <row r="2171" spans="1:8" x14ac:dyDescent="0.25">
      <c r="A2171" s="1">
        <v>44866</v>
      </c>
      <c r="B2171" t="s">
        <v>1638</v>
      </c>
      <c r="C2171" t="s">
        <v>35</v>
      </c>
      <c r="D2171" t="s">
        <v>10</v>
      </c>
      <c r="E2171" t="s">
        <v>11</v>
      </c>
      <c r="F2171" s="2">
        <v>1</v>
      </c>
      <c r="G2171" t="s">
        <v>111</v>
      </c>
      <c r="H2171" t="s">
        <v>13</v>
      </c>
    </row>
    <row r="2172" spans="1:8" x14ac:dyDescent="0.25">
      <c r="A2172" s="1">
        <v>44866</v>
      </c>
      <c r="B2172" t="s">
        <v>1638</v>
      </c>
      <c r="C2172" t="s">
        <v>14</v>
      </c>
      <c r="D2172" t="s">
        <v>10</v>
      </c>
      <c r="E2172" t="s">
        <v>11</v>
      </c>
      <c r="F2172" s="2">
        <v>1</v>
      </c>
      <c r="G2172" t="s">
        <v>111</v>
      </c>
      <c r="H2172" t="s">
        <v>13</v>
      </c>
    </row>
    <row r="2173" spans="1:8" x14ac:dyDescent="0.25">
      <c r="A2173" s="1">
        <v>44865</v>
      </c>
      <c r="B2173" t="s">
        <v>1639</v>
      </c>
      <c r="C2173" t="s">
        <v>142</v>
      </c>
      <c r="D2173" t="s">
        <v>10</v>
      </c>
      <c r="E2173" t="s">
        <v>11</v>
      </c>
      <c r="F2173" s="2">
        <v>1</v>
      </c>
      <c r="G2173" t="s">
        <v>53</v>
      </c>
      <c r="H2173" t="s">
        <v>13</v>
      </c>
    </row>
    <row r="2174" spans="1:8" x14ac:dyDescent="0.25">
      <c r="A2174" s="1">
        <v>44865</v>
      </c>
      <c r="B2174" t="s">
        <v>1640</v>
      </c>
      <c r="C2174" t="s">
        <v>9</v>
      </c>
      <c r="D2174" t="s">
        <v>10</v>
      </c>
      <c r="E2174" t="s">
        <v>11</v>
      </c>
      <c r="F2174" s="2">
        <v>1</v>
      </c>
      <c r="G2174" t="s">
        <v>111</v>
      </c>
      <c r="H2174" t="s">
        <v>13</v>
      </c>
    </row>
    <row r="2175" spans="1:8" x14ac:dyDescent="0.25">
      <c r="A2175" s="1">
        <v>44865</v>
      </c>
      <c r="B2175" t="s">
        <v>1641</v>
      </c>
      <c r="C2175" t="s">
        <v>9</v>
      </c>
      <c r="D2175" t="s">
        <v>10</v>
      </c>
      <c r="E2175" t="s">
        <v>11</v>
      </c>
      <c r="F2175" s="2">
        <v>1</v>
      </c>
      <c r="G2175" t="s">
        <v>67</v>
      </c>
      <c r="H2175" t="s">
        <v>13</v>
      </c>
    </row>
    <row r="2176" spans="1:8" x14ac:dyDescent="0.25">
      <c r="A2176" s="1">
        <v>44865</v>
      </c>
      <c r="B2176" t="s">
        <v>1641</v>
      </c>
      <c r="C2176" t="s">
        <v>47</v>
      </c>
      <c r="D2176" t="s">
        <v>10</v>
      </c>
      <c r="E2176" t="s">
        <v>11</v>
      </c>
      <c r="F2176" s="2">
        <v>1</v>
      </c>
      <c r="G2176" t="s">
        <v>67</v>
      </c>
      <c r="H2176" t="s">
        <v>13</v>
      </c>
    </row>
    <row r="2177" spans="1:8" x14ac:dyDescent="0.25">
      <c r="A2177" s="1">
        <v>44864</v>
      </c>
      <c r="B2177" t="s">
        <v>1642</v>
      </c>
      <c r="C2177" t="s">
        <v>16</v>
      </c>
      <c r="D2177" t="s">
        <v>10</v>
      </c>
      <c r="E2177" t="s">
        <v>11</v>
      </c>
      <c r="F2177" s="2">
        <v>1</v>
      </c>
      <c r="G2177" t="s">
        <v>701</v>
      </c>
      <c r="H2177" t="s">
        <v>13</v>
      </c>
    </row>
    <row r="2178" spans="1:8" x14ac:dyDescent="0.25">
      <c r="A2178" s="1">
        <v>44864</v>
      </c>
      <c r="B2178" t="s">
        <v>1642</v>
      </c>
      <c r="C2178" t="s">
        <v>47</v>
      </c>
      <c r="D2178" t="s">
        <v>10</v>
      </c>
      <c r="E2178" t="s">
        <v>11</v>
      </c>
      <c r="F2178" s="2">
        <v>1</v>
      </c>
      <c r="G2178" t="s">
        <v>701</v>
      </c>
      <c r="H2178" t="s">
        <v>13</v>
      </c>
    </row>
    <row r="2179" spans="1:8" x14ac:dyDescent="0.25">
      <c r="A2179" s="1">
        <v>44864</v>
      </c>
      <c r="B2179" t="s">
        <v>1643</v>
      </c>
      <c r="C2179" t="s">
        <v>79</v>
      </c>
      <c r="D2179" t="s">
        <v>10</v>
      </c>
      <c r="E2179" t="s">
        <v>11</v>
      </c>
      <c r="F2179" s="2">
        <v>1</v>
      </c>
      <c r="G2179" t="s">
        <v>111</v>
      </c>
      <c r="H2179" t="s">
        <v>13</v>
      </c>
    </row>
    <row r="2180" spans="1:8" x14ac:dyDescent="0.25">
      <c r="A2180" s="1">
        <v>44864</v>
      </c>
      <c r="B2180" t="s">
        <v>1643</v>
      </c>
      <c r="C2180" t="s">
        <v>80</v>
      </c>
      <c r="D2180" t="s">
        <v>10</v>
      </c>
      <c r="E2180" t="s">
        <v>11</v>
      </c>
      <c r="F2180" s="2">
        <v>1</v>
      </c>
      <c r="G2180" t="s">
        <v>111</v>
      </c>
      <c r="H2180" t="s">
        <v>13</v>
      </c>
    </row>
    <row r="2181" spans="1:8" x14ac:dyDescent="0.25">
      <c r="A2181" s="1">
        <v>44864</v>
      </c>
      <c r="B2181" t="s">
        <v>1644</v>
      </c>
      <c r="C2181" t="s">
        <v>47</v>
      </c>
      <c r="D2181" t="s">
        <v>10</v>
      </c>
      <c r="E2181" t="s">
        <v>11</v>
      </c>
      <c r="F2181" s="2">
        <v>1</v>
      </c>
      <c r="G2181" t="s">
        <v>46</v>
      </c>
      <c r="H2181" t="s">
        <v>13</v>
      </c>
    </row>
    <row r="2182" spans="1:8" x14ac:dyDescent="0.25">
      <c r="A2182" s="1">
        <v>44863</v>
      </c>
      <c r="B2182" t="s">
        <v>1645</v>
      </c>
      <c r="C2182" t="s">
        <v>9</v>
      </c>
      <c r="D2182" t="s">
        <v>10</v>
      </c>
      <c r="E2182" t="s">
        <v>11</v>
      </c>
      <c r="F2182" s="2">
        <v>1</v>
      </c>
      <c r="G2182" t="s">
        <v>569</v>
      </c>
      <c r="H2182" t="s">
        <v>13</v>
      </c>
    </row>
    <row r="2183" spans="1:8" x14ac:dyDescent="0.25">
      <c r="A2183" s="1">
        <v>44863</v>
      </c>
      <c r="B2183" t="s">
        <v>1645</v>
      </c>
      <c r="C2183" t="s">
        <v>35</v>
      </c>
      <c r="D2183" t="s">
        <v>10</v>
      </c>
      <c r="E2183" t="s">
        <v>11</v>
      </c>
      <c r="F2183" s="2">
        <v>1</v>
      </c>
      <c r="G2183" t="s">
        <v>569</v>
      </c>
      <c r="H2183" t="s">
        <v>13</v>
      </c>
    </row>
    <row r="2184" spans="1:8" x14ac:dyDescent="0.25">
      <c r="A2184" s="1">
        <v>44862</v>
      </c>
      <c r="B2184" t="s">
        <v>1646</v>
      </c>
      <c r="C2184" t="s">
        <v>9</v>
      </c>
      <c r="D2184" t="s">
        <v>10</v>
      </c>
      <c r="E2184" t="s">
        <v>11</v>
      </c>
      <c r="F2184" s="2">
        <v>1</v>
      </c>
      <c r="G2184" t="s">
        <v>677</v>
      </c>
      <c r="H2184" t="s">
        <v>13</v>
      </c>
    </row>
    <row r="2185" spans="1:8" x14ac:dyDescent="0.25">
      <c r="A2185" s="1">
        <v>44862</v>
      </c>
      <c r="B2185" t="s">
        <v>1646</v>
      </c>
      <c r="C2185" t="s">
        <v>35</v>
      </c>
      <c r="D2185" t="s">
        <v>10</v>
      </c>
      <c r="E2185" t="s">
        <v>11</v>
      </c>
      <c r="F2185" s="2">
        <v>1</v>
      </c>
      <c r="G2185" t="s">
        <v>677</v>
      </c>
      <c r="H2185" t="s">
        <v>13</v>
      </c>
    </row>
    <row r="2186" spans="1:8" x14ac:dyDescent="0.25">
      <c r="A2186" s="1">
        <v>44862</v>
      </c>
      <c r="B2186" t="s">
        <v>1646</v>
      </c>
      <c r="C2186" t="s">
        <v>47</v>
      </c>
      <c r="D2186" t="s">
        <v>10</v>
      </c>
      <c r="E2186" t="s">
        <v>11</v>
      </c>
      <c r="F2186" s="2">
        <v>1</v>
      </c>
      <c r="G2186" t="s">
        <v>677</v>
      </c>
      <c r="H2186" t="s">
        <v>13</v>
      </c>
    </row>
    <row r="2187" spans="1:8" x14ac:dyDescent="0.25">
      <c r="A2187" s="1">
        <v>44861</v>
      </c>
      <c r="B2187" t="s">
        <v>1647</v>
      </c>
      <c r="C2187" t="s">
        <v>9</v>
      </c>
      <c r="D2187" t="s">
        <v>10</v>
      </c>
      <c r="E2187" t="s">
        <v>11</v>
      </c>
      <c r="F2187" s="2">
        <v>1</v>
      </c>
      <c r="G2187" t="s">
        <v>100</v>
      </c>
      <c r="H2187" t="s">
        <v>13</v>
      </c>
    </row>
    <row r="2188" spans="1:8" x14ac:dyDescent="0.25">
      <c r="A2188" s="1">
        <v>44861</v>
      </c>
      <c r="B2188" t="s">
        <v>1648</v>
      </c>
      <c r="C2188" t="s">
        <v>28</v>
      </c>
      <c r="D2188" t="s">
        <v>10</v>
      </c>
      <c r="E2188" t="s">
        <v>11</v>
      </c>
      <c r="F2188" s="2">
        <v>1</v>
      </c>
      <c r="G2188" t="s">
        <v>197</v>
      </c>
      <c r="H2188" t="s">
        <v>13</v>
      </c>
    </row>
    <row r="2189" spans="1:8" x14ac:dyDescent="0.25">
      <c r="A2189" s="1">
        <v>44860</v>
      </c>
      <c r="B2189" t="s">
        <v>1649</v>
      </c>
      <c r="C2189" t="s">
        <v>268</v>
      </c>
      <c r="D2189" t="s">
        <v>10</v>
      </c>
      <c r="E2189" t="s">
        <v>11</v>
      </c>
      <c r="F2189" s="2">
        <v>1</v>
      </c>
      <c r="G2189" t="s">
        <v>1650</v>
      </c>
      <c r="H2189" t="s">
        <v>13</v>
      </c>
    </row>
    <row r="2190" spans="1:8" x14ac:dyDescent="0.25">
      <c r="A2190" s="1">
        <v>44860</v>
      </c>
      <c r="B2190" t="s">
        <v>1651</v>
      </c>
      <c r="C2190" t="s">
        <v>9</v>
      </c>
      <c r="D2190" t="s">
        <v>10</v>
      </c>
      <c r="E2190" t="s">
        <v>11</v>
      </c>
      <c r="F2190" s="2">
        <v>1</v>
      </c>
      <c r="G2190" t="s">
        <v>44</v>
      </c>
      <c r="H2190" t="s">
        <v>13</v>
      </c>
    </row>
    <row r="2191" spans="1:8" x14ac:dyDescent="0.25">
      <c r="A2191" s="1">
        <v>44860</v>
      </c>
      <c r="B2191" t="s">
        <v>1651</v>
      </c>
      <c r="C2191" t="s">
        <v>35</v>
      </c>
      <c r="D2191" t="s">
        <v>10</v>
      </c>
      <c r="E2191" t="s">
        <v>11</v>
      </c>
      <c r="F2191" s="2">
        <v>1</v>
      </c>
      <c r="G2191" t="s">
        <v>44</v>
      </c>
      <c r="H2191" t="s">
        <v>13</v>
      </c>
    </row>
    <row r="2192" spans="1:8" x14ac:dyDescent="0.25">
      <c r="A2192" s="1">
        <v>44860</v>
      </c>
      <c r="B2192" t="s">
        <v>1651</v>
      </c>
      <c r="C2192" t="s">
        <v>47</v>
      </c>
      <c r="D2192" t="s">
        <v>10</v>
      </c>
      <c r="E2192" t="s">
        <v>11</v>
      </c>
      <c r="F2192" s="2">
        <v>1</v>
      </c>
      <c r="G2192" t="s">
        <v>44</v>
      </c>
      <c r="H2192" t="s">
        <v>13</v>
      </c>
    </row>
    <row r="2193" spans="1:8" x14ac:dyDescent="0.25">
      <c r="A2193" s="1">
        <v>44860</v>
      </c>
      <c r="B2193" t="s">
        <v>1652</v>
      </c>
      <c r="C2193" t="s">
        <v>9</v>
      </c>
      <c r="D2193" t="s">
        <v>10</v>
      </c>
      <c r="E2193" t="s">
        <v>11</v>
      </c>
      <c r="F2193" s="2">
        <v>1</v>
      </c>
      <c r="G2193" t="s">
        <v>53</v>
      </c>
      <c r="H2193" t="s">
        <v>13</v>
      </c>
    </row>
    <row r="2194" spans="1:8" x14ac:dyDescent="0.25">
      <c r="A2194" s="1">
        <v>44860</v>
      </c>
      <c r="B2194" t="s">
        <v>1652</v>
      </c>
      <c r="C2194" t="s">
        <v>47</v>
      </c>
      <c r="D2194" t="s">
        <v>10</v>
      </c>
      <c r="E2194" t="s">
        <v>11</v>
      </c>
      <c r="F2194" s="2">
        <v>1</v>
      </c>
      <c r="G2194" t="s">
        <v>53</v>
      </c>
      <c r="H2194" t="s">
        <v>13</v>
      </c>
    </row>
    <row r="2195" spans="1:8" x14ac:dyDescent="0.25">
      <c r="A2195" s="1">
        <v>44859</v>
      </c>
      <c r="B2195" t="s">
        <v>1653</v>
      </c>
      <c r="C2195" t="s">
        <v>47</v>
      </c>
      <c r="D2195" t="s">
        <v>10</v>
      </c>
      <c r="E2195" t="s">
        <v>11</v>
      </c>
      <c r="F2195" s="2">
        <v>1</v>
      </c>
      <c r="G2195" t="s">
        <v>318</v>
      </c>
      <c r="H2195" t="s">
        <v>13</v>
      </c>
    </row>
    <row r="2196" spans="1:8" x14ac:dyDescent="0.25">
      <c r="A2196" s="1">
        <v>44858</v>
      </c>
      <c r="B2196" t="s">
        <v>1654</v>
      </c>
      <c r="C2196" t="s">
        <v>19</v>
      </c>
      <c r="D2196" t="s">
        <v>10</v>
      </c>
      <c r="E2196" t="s">
        <v>11</v>
      </c>
      <c r="F2196" s="2">
        <v>1</v>
      </c>
      <c r="G2196" t="s">
        <v>40</v>
      </c>
      <c r="H2196" t="s">
        <v>13</v>
      </c>
    </row>
    <row r="2197" spans="1:8" x14ac:dyDescent="0.25">
      <c r="A2197" s="1">
        <v>44858</v>
      </c>
      <c r="B2197" t="s">
        <v>1655</v>
      </c>
      <c r="C2197" t="s">
        <v>207</v>
      </c>
      <c r="D2197" t="s">
        <v>10</v>
      </c>
      <c r="E2197" t="s">
        <v>11</v>
      </c>
      <c r="F2197" s="2">
        <v>1</v>
      </c>
      <c r="G2197" t="s">
        <v>330</v>
      </c>
      <c r="H2197" t="s">
        <v>13</v>
      </c>
    </row>
    <row r="2198" spans="1:8" x14ac:dyDescent="0.25">
      <c r="A2198" s="1">
        <v>44858</v>
      </c>
      <c r="B2198" t="s">
        <v>1656</v>
      </c>
      <c r="C2198" t="s">
        <v>9</v>
      </c>
      <c r="D2198" t="s">
        <v>10</v>
      </c>
      <c r="E2198" t="s">
        <v>11</v>
      </c>
      <c r="F2198" s="2">
        <v>1</v>
      </c>
      <c r="G2198" t="s">
        <v>22</v>
      </c>
      <c r="H2198" t="s">
        <v>13</v>
      </c>
    </row>
    <row r="2199" spans="1:8" x14ac:dyDescent="0.25">
      <c r="A2199" s="1">
        <v>44858</v>
      </c>
      <c r="B2199" t="s">
        <v>1656</v>
      </c>
      <c r="C2199" t="s">
        <v>35</v>
      </c>
      <c r="D2199" t="s">
        <v>10</v>
      </c>
      <c r="E2199" t="s">
        <v>11</v>
      </c>
      <c r="F2199" s="2">
        <v>1</v>
      </c>
      <c r="G2199" t="s">
        <v>22</v>
      </c>
      <c r="H2199" t="s">
        <v>13</v>
      </c>
    </row>
    <row r="2200" spans="1:8" x14ac:dyDescent="0.25">
      <c r="A2200" s="1">
        <v>44857</v>
      </c>
      <c r="B2200" t="s">
        <v>1657</v>
      </c>
      <c r="C2200" t="s">
        <v>52</v>
      </c>
      <c r="D2200" t="s">
        <v>10</v>
      </c>
      <c r="E2200" t="s">
        <v>11</v>
      </c>
      <c r="F2200" s="2">
        <v>1</v>
      </c>
      <c r="G2200" t="s">
        <v>44</v>
      </c>
      <c r="H2200" t="s">
        <v>13</v>
      </c>
    </row>
    <row r="2201" spans="1:8" x14ac:dyDescent="0.25">
      <c r="A2201" s="1">
        <v>44857</v>
      </c>
      <c r="B2201" t="s">
        <v>1658</v>
      </c>
      <c r="C2201" t="s">
        <v>9</v>
      </c>
      <c r="D2201" t="s">
        <v>10</v>
      </c>
      <c r="E2201" t="s">
        <v>11</v>
      </c>
      <c r="F2201" s="2">
        <v>1</v>
      </c>
      <c r="G2201" t="s">
        <v>46</v>
      </c>
      <c r="H2201" t="s">
        <v>13</v>
      </c>
    </row>
    <row r="2202" spans="1:8" x14ac:dyDescent="0.25">
      <c r="A2202" s="1">
        <v>44857</v>
      </c>
      <c r="B2202" t="s">
        <v>1658</v>
      </c>
      <c r="C2202" t="s">
        <v>42</v>
      </c>
      <c r="D2202" t="s">
        <v>10</v>
      </c>
      <c r="E2202" t="s">
        <v>11</v>
      </c>
      <c r="F2202" s="2">
        <v>1</v>
      </c>
      <c r="G2202" t="s">
        <v>46</v>
      </c>
      <c r="H2202" t="s">
        <v>13</v>
      </c>
    </row>
    <row r="2203" spans="1:8" x14ac:dyDescent="0.25">
      <c r="A2203" s="1">
        <v>44857</v>
      </c>
      <c r="B2203" t="s">
        <v>1658</v>
      </c>
      <c r="C2203" t="s">
        <v>32</v>
      </c>
      <c r="D2203" t="s">
        <v>10</v>
      </c>
      <c r="E2203" t="s">
        <v>11</v>
      </c>
      <c r="F2203" s="2">
        <v>1</v>
      </c>
      <c r="G2203" t="s">
        <v>46</v>
      </c>
      <c r="H2203" t="s">
        <v>13</v>
      </c>
    </row>
    <row r="2204" spans="1:8" x14ac:dyDescent="0.25">
      <c r="A2204" s="1">
        <v>44855</v>
      </c>
      <c r="B2204" t="s">
        <v>1659</v>
      </c>
      <c r="C2204" t="s">
        <v>9</v>
      </c>
      <c r="D2204" t="s">
        <v>10</v>
      </c>
      <c r="E2204" t="s">
        <v>11</v>
      </c>
      <c r="F2204" s="2">
        <v>1</v>
      </c>
      <c r="G2204" t="s">
        <v>46</v>
      </c>
      <c r="H2204" t="s">
        <v>13</v>
      </c>
    </row>
    <row r="2205" spans="1:8" x14ac:dyDescent="0.25">
      <c r="A2205" s="1">
        <v>44855</v>
      </c>
      <c r="B2205" t="s">
        <v>1660</v>
      </c>
      <c r="C2205" t="s">
        <v>222</v>
      </c>
      <c r="D2205" t="s">
        <v>10</v>
      </c>
      <c r="E2205" t="s">
        <v>11</v>
      </c>
      <c r="F2205" s="2">
        <v>1</v>
      </c>
      <c r="G2205" t="s">
        <v>46</v>
      </c>
      <c r="H2205" t="s">
        <v>13</v>
      </c>
    </row>
    <row r="2206" spans="1:8" x14ac:dyDescent="0.25">
      <c r="A2206" s="1">
        <v>44851</v>
      </c>
      <c r="B2206" t="s">
        <v>1661</v>
      </c>
      <c r="C2206" t="s">
        <v>9</v>
      </c>
      <c r="D2206" t="s">
        <v>10</v>
      </c>
      <c r="E2206" t="s">
        <v>11</v>
      </c>
      <c r="F2206" s="2">
        <v>1</v>
      </c>
      <c r="G2206" t="s">
        <v>644</v>
      </c>
      <c r="H2206" t="s">
        <v>13</v>
      </c>
    </row>
    <row r="2207" spans="1:8" x14ac:dyDescent="0.25">
      <c r="A2207" s="1">
        <v>44851</v>
      </c>
      <c r="B2207" t="s">
        <v>1661</v>
      </c>
      <c r="C2207" t="s">
        <v>268</v>
      </c>
      <c r="D2207" t="s">
        <v>10</v>
      </c>
      <c r="E2207" t="s">
        <v>11</v>
      </c>
      <c r="F2207" s="2">
        <v>1</v>
      </c>
      <c r="G2207" t="s">
        <v>644</v>
      </c>
      <c r="H2207" t="s">
        <v>13</v>
      </c>
    </row>
    <row r="2208" spans="1:8" x14ac:dyDescent="0.25">
      <c r="A2208" s="1">
        <v>44851</v>
      </c>
      <c r="B2208" t="s">
        <v>1662</v>
      </c>
      <c r="C2208" t="s">
        <v>42</v>
      </c>
      <c r="D2208" t="s">
        <v>10</v>
      </c>
      <c r="E2208" t="s">
        <v>11</v>
      </c>
      <c r="F2208" s="2">
        <v>1</v>
      </c>
      <c r="G2208" t="s">
        <v>181</v>
      </c>
      <c r="H2208" t="s">
        <v>13</v>
      </c>
    </row>
    <row r="2209" spans="1:8" x14ac:dyDescent="0.25">
      <c r="A2209" s="1">
        <v>44851</v>
      </c>
      <c r="B2209" t="s">
        <v>1662</v>
      </c>
      <c r="C2209" t="s">
        <v>32</v>
      </c>
      <c r="D2209" t="s">
        <v>10</v>
      </c>
      <c r="E2209" t="s">
        <v>11</v>
      </c>
      <c r="F2209" s="2">
        <v>1</v>
      </c>
      <c r="G2209" t="s">
        <v>181</v>
      </c>
      <c r="H2209" t="s">
        <v>13</v>
      </c>
    </row>
    <row r="2210" spans="1:8" x14ac:dyDescent="0.25">
      <c r="A2210" s="1">
        <v>44849</v>
      </c>
      <c r="B2210" t="s">
        <v>1663</v>
      </c>
      <c r="C2210" t="s">
        <v>9</v>
      </c>
      <c r="D2210" t="s">
        <v>10</v>
      </c>
      <c r="E2210" t="s">
        <v>11</v>
      </c>
      <c r="F2210" s="2">
        <v>1</v>
      </c>
      <c r="G2210" t="s">
        <v>31</v>
      </c>
      <c r="H2210" t="s">
        <v>13</v>
      </c>
    </row>
    <row r="2211" spans="1:8" x14ac:dyDescent="0.25">
      <c r="A2211" s="1">
        <v>44849</v>
      </c>
      <c r="B2211" t="s">
        <v>1663</v>
      </c>
      <c r="C2211" t="s">
        <v>142</v>
      </c>
      <c r="D2211" t="s">
        <v>10</v>
      </c>
      <c r="E2211" t="s">
        <v>11</v>
      </c>
      <c r="F2211" s="2">
        <v>1</v>
      </c>
      <c r="G2211" t="s">
        <v>31</v>
      </c>
      <c r="H2211" t="s">
        <v>13</v>
      </c>
    </row>
    <row r="2212" spans="1:8" x14ac:dyDescent="0.25">
      <c r="A2212" s="1">
        <v>44849</v>
      </c>
      <c r="B2212" t="s">
        <v>1663</v>
      </c>
      <c r="C2212" t="s">
        <v>151</v>
      </c>
      <c r="D2212" t="s">
        <v>10</v>
      </c>
      <c r="E2212" t="s">
        <v>11</v>
      </c>
      <c r="F2212" s="2">
        <v>1</v>
      </c>
      <c r="G2212" t="s">
        <v>31</v>
      </c>
      <c r="H2212" t="s">
        <v>13</v>
      </c>
    </row>
    <row r="2213" spans="1:8" x14ac:dyDescent="0.25">
      <c r="A2213" s="1">
        <v>44849</v>
      </c>
      <c r="B2213" t="s">
        <v>1664</v>
      </c>
      <c r="C2213" t="s">
        <v>484</v>
      </c>
      <c r="D2213" t="s">
        <v>10</v>
      </c>
      <c r="E2213" t="s">
        <v>11</v>
      </c>
      <c r="F2213" s="2">
        <v>1</v>
      </c>
      <c r="G2213" t="s">
        <v>748</v>
      </c>
      <c r="H2213" t="s">
        <v>13</v>
      </c>
    </row>
    <row r="2214" spans="1:8" x14ac:dyDescent="0.25">
      <c r="A2214" s="1">
        <v>44848</v>
      </c>
      <c r="B2214" t="s">
        <v>1665</v>
      </c>
      <c r="C2214" t="s">
        <v>79</v>
      </c>
      <c r="D2214" t="s">
        <v>10</v>
      </c>
      <c r="E2214" t="s">
        <v>11</v>
      </c>
      <c r="F2214" s="2">
        <v>1</v>
      </c>
      <c r="G2214" t="s">
        <v>177</v>
      </c>
      <c r="H2214" t="s">
        <v>13</v>
      </c>
    </row>
    <row r="2215" spans="1:8" x14ac:dyDescent="0.25">
      <c r="A2215" s="1">
        <v>44848</v>
      </c>
      <c r="B2215" t="s">
        <v>1665</v>
      </c>
      <c r="C2215" t="s">
        <v>103</v>
      </c>
      <c r="D2215" t="s">
        <v>10</v>
      </c>
      <c r="E2215" t="s">
        <v>11</v>
      </c>
      <c r="F2215" s="2">
        <v>1</v>
      </c>
      <c r="G2215" t="s">
        <v>177</v>
      </c>
      <c r="H2215" t="s">
        <v>13</v>
      </c>
    </row>
    <row r="2216" spans="1:8" x14ac:dyDescent="0.25">
      <c r="A2216" s="1">
        <v>44848</v>
      </c>
      <c r="B2216" t="s">
        <v>1665</v>
      </c>
      <c r="C2216" t="s">
        <v>149</v>
      </c>
      <c r="D2216" t="s">
        <v>10</v>
      </c>
      <c r="E2216" t="s">
        <v>11</v>
      </c>
      <c r="F2216" s="2">
        <v>1</v>
      </c>
      <c r="G2216" t="s">
        <v>177</v>
      </c>
      <c r="H2216" t="s">
        <v>13</v>
      </c>
    </row>
    <row r="2217" spans="1:8" x14ac:dyDescent="0.25">
      <c r="A2217" s="1">
        <v>44848</v>
      </c>
      <c r="B2217" t="s">
        <v>1665</v>
      </c>
      <c r="C2217" t="s">
        <v>80</v>
      </c>
      <c r="D2217" t="s">
        <v>10</v>
      </c>
      <c r="E2217" t="s">
        <v>11</v>
      </c>
      <c r="F2217" s="2">
        <v>1</v>
      </c>
      <c r="G2217" t="s">
        <v>177</v>
      </c>
      <c r="H2217" t="s">
        <v>13</v>
      </c>
    </row>
    <row r="2218" spans="1:8" x14ac:dyDescent="0.25">
      <c r="A2218" s="1">
        <v>44848</v>
      </c>
      <c r="B2218" t="s">
        <v>1665</v>
      </c>
      <c r="C2218" t="s">
        <v>322</v>
      </c>
      <c r="D2218" t="s">
        <v>10</v>
      </c>
      <c r="E2218" t="s">
        <v>11</v>
      </c>
      <c r="F2218" s="2">
        <v>1</v>
      </c>
      <c r="G2218" t="s">
        <v>177</v>
      </c>
      <c r="H2218" t="s">
        <v>13</v>
      </c>
    </row>
    <row r="2219" spans="1:8" x14ac:dyDescent="0.25">
      <c r="A2219" s="1">
        <v>44847</v>
      </c>
      <c r="B2219" t="s">
        <v>1666</v>
      </c>
      <c r="C2219" t="s">
        <v>9</v>
      </c>
      <c r="D2219" t="s">
        <v>10</v>
      </c>
      <c r="E2219" t="s">
        <v>11</v>
      </c>
      <c r="F2219" s="2">
        <v>1</v>
      </c>
      <c r="G2219" t="s">
        <v>31</v>
      </c>
      <c r="H2219" t="s">
        <v>13</v>
      </c>
    </row>
    <row r="2220" spans="1:8" x14ac:dyDescent="0.25">
      <c r="A2220" s="1">
        <v>44847</v>
      </c>
      <c r="B2220" t="s">
        <v>1666</v>
      </c>
      <c r="C2220" t="s">
        <v>35</v>
      </c>
      <c r="D2220" t="s">
        <v>10</v>
      </c>
      <c r="E2220" t="s">
        <v>11</v>
      </c>
      <c r="F2220" s="2">
        <v>1</v>
      </c>
      <c r="G2220" t="s">
        <v>31</v>
      </c>
      <c r="H2220" t="s">
        <v>13</v>
      </c>
    </row>
    <row r="2221" spans="1:8" x14ac:dyDescent="0.25">
      <c r="A2221" s="1">
        <v>44847</v>
      </c>
      <c r="B2221" t="s">
        <v>1667</v>
      </c>
      <c r="C2221" t="s">
        <v>9</v>
      </c>
      <c r="D2221" t="s">
        <v>10</v>
      </c>
      <c r="E2221" t="s">
        <v>11</v>
      </c>
      <c r="F2221" s="2">
        <v>1</v>
      </c>
      <c r="G2221" t="s">
        <v>216</v>
      </c>
      <c r="H2221" t="s">
        <v>13</v>
      </c>
    </row>
    <row r="2222" spans="1:8" x14ac:dyDescent="0.25">
      <c r="A2222" s="1">
        <v>44846</v>
      </c>
      <c r="B2222" t="s">
        <v>1668</v>
      </c>
      <c r="C2222" t="s">
        <v>812</v>
      </c>
      <c r="D2222" t="s">
        <v>10</v>
      </c>
      <c r="E2222" t="s">
        <v>11</v>
      </c>
      <c r="F2222" s="2">
        <v>1</v>
      </c>
      <c r="G2222" t="s">
        <v>1392</v>
      </c>
      <c r="H2222" t="s">
        <v>13</v>
      </c>
    </row>
    <row r="2223" spans="1:8" x14ac:dyDescent="0.25">
      <c r="A2223" s="1">
        <v>44846</v>
      </c>
      <c r="B2223" t="s">
        <v>1668</v>
      </c>
      <c r="C2223" t="s">
        <v>52</v>
      </c>
      <c r="D2223" t="s">
        <v>10</v>
      </c>
      <c r="E2223" t="s">
        <v>11</v>
      </c>
      <c r="F2223" s="2">
        <v>1</v>
      </c>
      <c r="G2223" t="s">
        <v>1392</v>
      </c>
      <c r="H2223" t="s">
        <v>13</v>
      </c>
    </row>
    <row r="2224" spans="1:8" x14ac:dyDescent="0.25">
      <c r="A2224" s="1">
        <v>44846</v>
      </c>
      <c r="B2224" t="s">
        <v>1668</v>
      </c>
      <c r="C2224" t="s">
        <v>47</v>
      </c>
      <c r="D2224" t="s">
        <v>10</v>
      </c>
      <c r="E2224" t="s">
        <v>11</v>
      </c>
      <c r="F2224" s="2">
        <v>1</v>
      </c>
      <c r="G2224" t="s">
        <v>1392</v>
      </c>
      <c r="H2224" t="s">
        <v>13</v>
      </c>
    </row>
    <row r="2225" spans="1:8" x14ac:dyDescent="0.25">
      <c r="A2225" s="1">
        <v>44846</v>
      </c>
      <c r="B2225" t="s">
        <v>1668</v>
      </c>
      <c r="C2225" t="s">
        <v>731</v>
      </c>
      <c r="D2225" t="s">
        <v>10</v>
      </c>
      <c r="E2225" t="s">
        <v>11</v>
      </c>
      <c r="F2225" s="2">
        <v>1</v>
      </c>
      <c r="G2225" t="s">
        <v>1392</v>
      </c>
      <c r="H2225" t="s">
        <v>13</v>
      </c>
    </row>
    <row r="2226" spans="1:8" x14ac:dyDescent="0.25">
      <c r="A2226" s="1">
        <v>44846</v>
      </c>
      <c r="B2226" t="s">
        <v>1669</v>
      </c>
      <c r="C2226" t="s">
        <v>76</v>
      </c>
      <c r="D2226" t="s">
        <v>10</v>
      </c>
      <c r="E2226" t="s">
        <v>11</v>
      </c>
      <c r="F2226" s="2">
        <v>1</v>
      </c>
      <c r="G2226" t="s">
        <v>1270</v>
      </c>
      <c r="H2226" t="s">
        <v>13</v>
      </c>
    </row>
    <row r="2227" spans="1:8" x14ac:dyDescent="0.25">
      <c r="A2227" s="1">
        <v>44846</v>
      </c>
      <c r="B2227" t="s">
        <v>1670</v>
      </c>
      <c r="C2227" t="s">
        <v>9</v>
      </c>
      <c r="D2227" t="s">
        <v>10</v>
      </c>
      <c r="E2227" t="s">
        <v>11</v>
      </c>
      <c r="F2227" s="2">
        <v>1</v>
      </c>
      <c r="G2227" t="s">
        <v>93</v>
      </c>
      <c r="H2227" t="s">
        <v>13</v>
      </c>
    </row>
    <row r="2228" spans="1:8" x14ac:dyDescent="0.25">
      <c r="A2228" s="1">
        <v>44845</v>
      </c>
      <c r="B2228" t="s">
        <v>1671</v>
      </c>
      <c r="C2228" t="s">
        <v>118</v>
      </c>
      <c r="D2228" t="s">
        <v>10</v>
      </c>
      <c r="E2228" t="s">
        <v>11</v>
      </c>
      <c r="F2228" s="2">
        <v>1</v>
      </c>
      <c r="G2228" t="s">
        <v>37</v>
      </c>
      <c r="H2228" t="s">
        <v>13</v>
      </c>
    </row>
    <row r="2229" spans="1:8" x14ac:dyDescent="0.25">
      <c r="A2229" s="1">
        <v>44844</v>
      </c>
      <c r="B2229" t="s">
        <v>1672</v>
      </c>
      <c r="C2229" t="s">
        <v>118</v>
      </c>
      <c r="D2229" t="s">
        <v>10</v>
      </c>
      <c r="E2229" t="s">
        <v>11</v>
      </c>
      <c r="F2229" s="2">
        <v>1</v>
      </c>
      <c r="G2229" t="s">
        <v>748</v>
      </c>
      <c r="H2229" t="s">
        <v>13</v>
      </c>
    </row>
    <row r="2230" spans="1:8" x14ac:dyDescent="0.25">
      <c r="A2230" s="1">
        <v>44844</v>
      </c>
      <c r="B2230" t="s">
        <v>1672</v>
      </c>
      <c r="C2230" t="s">
        <v>35</v>
      </c>
      <c r="D2230" t="s">
        <v>10</v>
      </c>
      <c r="E2230" t="s">
        <v>11</v>
      </c>
      <c r="F2230" s="2">
        <v>1</v>
      </c>
      <c r="G2230" t="s">
        <v>748</v>
      </c>
      <c r="H2230" t="s">
        <v>13</v>
      </c>
    </row>
    <row r="2231" spans="1:8" x14ac:dyDescent="0.25">
      <c r="A2231" s="1">
        <v>44842</v>
      </c>
      <c r="B2231" t="s">
        <v>1673</v>
      </c>
      <c r="C2231" t="s">
        <v>9</v>
      </c>
      <c r="D2231" t="s">
        <v>10</v>
      </c>
      <c r="E2231" t="s">
        <v>11</v>
      </c>
      <c r="F2231" s="2">
        <v>1</v>
      </c>
      <c r="G2231" t="s">
        <v>31</v>
      </c>
      <c r="H2231" t="s">
        <v>13</v>
      </c>
    </row>
    <row r="2232" spans="1:8" x14ac:dyDescent="0.25">
      <c r="A2232" s="1">
        <v>44842</v>
      </c>
      <c r="B2232" t="s">
        <v>1673</v>
      </c>
      <c r="C2232" t="s">
        <v>29</v>
      </c>
      <c r="D2232" t="s">
        <v>10</v>
      </c>
      <c r="E2232" t="s">
        <v>11</v>
      </c>
      <c r="F2232" s="2">
        <v>1</v>
      </c>
      <c r="G2232" t="s">
        <v>31</v>
      </c>
      <c r="H2232" t="s">
        <v>13</v>
      </c>
    </row>
    <row r="2233" spans="1:8" x14ac:dyDescent="0.25">
      <c r="A2233" s="1">
        <v>44842</v>
      </c>
      <c r="B2233" t="s">
        <v>1673</v>
      </c>
      <c r="C2233" t="s">
        <v>35</v>
      </c>
      <c r="D2233" t="s">
        <v>10</v>
      </c>
      <c r="E2233" t="s">
        <v>11</v>
      </c>
      <c r="F2233" s="2">
        <v>1</v>
      </c>
      <c r="G2233" t="s">
        <v>31</v>
      </c>
      <c r="H2233" t="s">
        <v>13</v>
      </c>
    </row>
    <row r="2234" spans="1:8" x14ac:dyDescent="0.25">
      <c r="A2234" s="1">
        <v>44842</v>
      </c>
      <c r="B2234" t="s">
        <v>1674</v>
      </c>
      <c r="C2234" t="s">
        <v>9</v>
      </c>
      <c r="D2234" t="s">
        <v>10</v>
      </c>
      <c r="E2234" t="s">
        <v>11</v>
      </c>
      <c r="F2234" s="2">
        <v>1</v>
      </c>
      <c r="G2234" t="s">
        <v>24</v>
      </c>
      <c r="H2234" t="s">
        <v>13</v>
      </c>
    </row>
    <row r="2235" spans="1:8" x14ac:dyDescent="0.25">
      <c r="A2235" s="1">
        <v>44842</v>
      </c>
      <c r="B2235" t="s">
        <v>1674</v>
      </c>
      <c r="C2235" t="s">
        <v>47</v>
      </c>
      <c r="D2235" t="s">
        <v>10</v>
      </c>
      <c r="E2235" t="s">
        <v>11</v>
      </c>
      <c r="F2235" s="2">
        <v>1</v>
      </c>
      <c r="G2235" t="s">
        <v>24</v>
      </c>
      <c r="H2235" t="s">
        <v>13</v>
      </c>
    </row>
    <row r="2236" spans="1:8" x14ac:dyDescent="0.25">
      <c r="A2236" s="1">
        <v>44840</v>
      </c>
      <c r="B2236" t="s">
        <v>1675</v>
      </c>
      <c r="C2236" t="s">
        <v>19</v>
      </c>
      <c r="D2236" t="s">
        <v>10</v>
      </c>
      <c r="E2236" t="s">
        <v>11</v>
      </c>
      <c r="F2236" s="2">
        <v>1</v>
      </c>
      <c r="G2236" t="s">
        <v>137</v>
      </c>
      <c r="H2236" t="s">
        <v>13</v>
      </c>
    </row>
    <row r="2237" spans="1:8" x14ac:dyDescent="0.25">
      <c r="A2237" s="1">
        <v>44838</v>
      </c>
      <c r="B2237" t="s">
        <v>1676</v>
      </c>
      <c r="C2237" t="s">
        <v>79</v>
      </c>
      <c r="D2237" t="s">
        <v>10</v>
      </c>
      <c r="E2237" t="s">
        <v>11</v>
      </c>
      <c r="F2237" s="2">
        <v>1</v>
      </c>
      <c r="G2237" t="s">
        <v>93</v>
      </c>
      <c r="H2237" t="s">
        <v>13</v>
      </c>
    </row>
    <row r="2238" spans="1:8" x14ac:dyDescent="0.25">
      <c r="A2238" s="1">
        <v>44838</v>
      </c>
      <c r="B2238" t="s">
        <v>1676</v>
      </c>
      <c r="C2238" t="s">
        <v>80</v>
      </c>
      <c r="D2238" t="s">
        <v>10</v>
      </c>
      <c r="E2238" t="s">
        <v>11</v>
      </c>
      <c r="F2238" s="2">
        <v>1</v>
      </c>
      <c r="G2238" t="s">
        <v>93</v>
      </c>
      <c r="H2238" t="s">
        <v>13</v>
      </c>
    </row>
    <row r="2239" spans="1:8" x14ac:dyDescent="0.25">
      <c r="A2239" s="1">
        <v>44838</v>
      </c>
      <c r="B2239" t="s">
        <v>1677</v>
      </c>
      <c r="C2239" t="s">
        <v>92</v>
      </c>
      <c r="D2239" t="s">
        <v>10</v>
      </c>
      <c r="E2239" t="s">
        <v>11</v>
      </c>
      <c r="F2239" s="2">
        <v>1</v>
      </c>
      <c r="G2239" t="s">
        <v>77</v>
      </c>
      <c r="H2239" t="s">
        <v>13</v>
      </c>
    </row>
    <row r="2240" spans="1:8" x14ac:dyDescent="0.25">
      <c r="A2240" s="1">
        <v>44838</v>
      </c>
      <c r="B2240" t="s">
        <v>1678</v>
      </c>
      <c r="C2240" t="s">
        <v>9</v>
      </c>
      <c r="D2240" t="s">
        <v>10</v>
      </c>
      <c r="E2240" t="s">
        <v>11</v>
      </c>
      <c r="F2240" s="2">
        <v>1</v>
      </c>
      <c r="G2240" t="s">
        <v>1679</v>
      </c>
      <c r="H2240" t="s">
        <v>13</v>
      </c>
    </row>
    <row r="2241" spans="1:8" x14ac:dyDescent="0.25">
      <c r="A2241" s="1">
        <v>44838</v>
      </c>
      <c r="B2241" t="s">
        <v>1678</v>
      </c>
      <c r="C2241" t="s">
        <v>47</v>
      </c>
      <c r="D2241" t="s">
        <v>10</v>
      </c>
      <c r="E2241" t="s">
        <v>11</v>
      </c>
      <c r="F2241" s="2">
        <v>1</v>
      </c>
      <c r="G2241" t="s">
        <v>1679</v>
      </c>
      <c r="H2241" t="s">
        <v>13</v>
      </c>
    </row>
    <row r="2242" spans="1:8" x14ac:dyDescent="0.25">
      <c r="A2242" s="1">
        <v>44838</v>
      </c>
      <c r="B2242" t="s">
        <v>1680</v>
      </c>
      <c r="C2242" t="s">
        <v>9</v>
      </c>
      <c r="D2242" t="s">
        <v>10</v>
      </c>
      <c r="E2242" t="s">
        <v>11</v>
      </c>
      <c r="F2242" s="2">
        <v>1</v>
      </c>
      <c r="G2242" t="s">
        <v>20</v>
      </c>
      <c r="H2242" t="s">
        <v>13</v>
      </c>
    </row>
    <row r="2243" spans="1:8" x14ac:dyDescent="0.25">
      <c r="A2243" s="1">
        <v>44838</v>
      </c>
      <c r="B2243" t="s">
        <v>1680</v>
      </c>
      <c r="C2243" t="s">
        <v>249</v>
      </c>
      <c r="D2243" t="s">
        <v>10</v>
      </c>
      <c r="E2243" t="s">
        <v>11</v>
      </c>
      <c r="F2243" s="2">
        <v>1</v>
      </c>
      <c r="G2243" t="s">
        <v>20</v>
      </c>
      <c r="H2243" t="s">
        <v>13</v>
      </c>
    </row>
    <row r="2244" spans="1:8" x14ac:dyDescent="0.25">
      <c r="A2244" s="1">
        <v>44837</v>
      </c>
      <c r="B2244" t="s">
        <v>1681</v>
      </c>
      <c r="C2244" t="s">
        <v>47</v>
      </c>
      <c r="D2244" t="s">
        <v>10</v>
      </c>
      <c r="E2244" t="s">
        <v>11</v>
      </c>
      <c r="F2244" s="2">
        <v>1</v>
      </c>
      <c r="G2244" t="s">
        <v>37</v>
      </c>
      <c r="H2244" t="s">
        <v>13</v>
      </c>
    </row>
    <row r="2245" spans="1:8" x14ac:dyDescent="0.25">
      <c r="A2245" s="1">
        <v>44837</v>
      </c>
      <c r="B2245" t="s">
        <v>1682</v>
      </c>
      <c r="C2245" t="s">
        <v>96</v>
      </c>
      <c r="D2245" t="s">
        <v>10</v>
      </c>
      <c r="E2245" t="s">
        <v>11</v>
      </c>
      <c r="F2245" s="2">
        <v>1</v>
      </c>
      <c r="G2245" t="s">
        <v>306</v>
      </c>
      <c r="H2245" t="s">
        <v>13</v>
      </c>
    </row>
    <row r="2246" spans="1:8" x14ac:dyDescent="0.25">
      <c r="A2246" s="1">
        <v>44836</v>
      </c>
      <c r="B2246" t="s">
        <v>1683</v>
      </c>
      <c r="C2246" t="s">
        <v>9</v>
      </c>
      <c r="D2246" t="s">
        <v>10</v>
      </c>
      <c r="E2246" t="s">
        <v>11</v>
      </c>
      <c r="F2246" s="2">
        <v>1</v>
      </c>
      <c r="G2246" t="s">
        <v>31</v>
      </c>
      <c r="H2246" t="s">
        <v>13</v>
      </c>
    </row>
    <row r="2247" spans="1:8" x14ac:dyDescent="0.25">
      <c r="A2247" s="1">
        <v>44836</v>
      </c>
      <c r="B2247" t="s">
        <v>1683</v>
      </c>
      <c r="C2247" t="s">
        <v>52</v>
      </c>
      <c r="D2247" t="s">
        <v>10</v>
      </c>
      <c r="E2247" t="s">
        <v>11</v>
      </c>
      <c r="F2247" s="2">
        <v>1</v>
      </c>
      <c r="G2247" t="s">
        <v>31</v>
      </c>
      <c r="H2247" t="s">
        <v>13</v>
      </c>
    </row>
    <row r="2248" spans="1:8" x14ac:dyDescent="0.25">
      <c r="A2248" s="1">
        <v>44836</v>
      </c>
      <c r="B2248" t="s">
        <v>1683</v>
      </c>
      <c r="C2248" t="s">
        <v>16</v>
      </c>
      <c r="D2248" t="s">
        <v>10</v>
      </c>
      <c r="E2248" t="s">
        <v>11</v>
      </c>
      <c r="F2248" s="2">
        <v>1</v>
      </c>
      <c r="G2248" t="s">
        <v>31</v>
      </c>
      <c r="H2248" t="s">
        <v>13</v>
      </c>
    </row>
    <row r="2249" spans="1:8" x14ac:dyDescent="0.25">
      <c r="A2249" s="1">
        <v>44836</v>
      </c>
      <c r="B2249" t="s">
        <v>1684</v>
      </c>
      <c r="C2249" t="s">
        <v>34</v>
      </c>
      <c r="D2249" t="s">
        <v>10</v>
      </c>
      <c r="E2249" t="s">
        <v>11</v>
      </c>
      <c r="F2249" s="2">
        <v>1</v>
      </c>
      <c r="G2249" t="s">
        <v>306</v>
      </c>
      <c r="H2249" t="s">
        <v>13</v>
      </c>
    </row>
    <row r="2250" spans="1:8" x14ac:dyDescent="0.25">
      <c r="A2250" s="1">
        <v>44836</v>
      </c>
      <c r="B2250" t="s">
        <v>1684</v>
      </c>
      <c r="C2250" t="s">
        <v>35</v>
      </c>
      <c r="D2250" t="s">
        <v>10</v>
      </c>
      <c r="E2250" t="s">
        <v>11</v>
      </c>
      <c r="F2250" s="2">
        <v>1</v>
      </c>
      <c r="G2250" t="s">
        <v>306</v>
      </c>
      <c r="H2250" t="s">
        <v>13</v>
      </c>
    </row>
    <row r="2251" spans="1:8" x14ac:dyDescent="0.25">
      <c r="A2251" s="1">
        <v>44836</v>
      </c>
      <c r="B2251" t="s">
        <v>1684</v>
      </c>
      <c r="C2251" t="s">
        <v>622</v>
      </c>
      <c r="D2251" t="s">
        <v>10</v>
      </c>
      <c r="E2251" t="s">
        <v>11</v>
      </c>
      <c r="F2251" s="2">
        <v>1</v>
      </c>
      <c r="G2251" t="s">
        <v>306</v>
      </c>
      <c r="H2251" t="s">
        <v>13</v>
      </c>
    </row>
    <row r="2252" spans="1:8" x14ac:dyDescent="0.25">
      <c r="A2252" s="1">
        <v>44835</v>
      </c>
      <c r="B2252" t="s">
        <v>1685</v>
      </c>
      <c r="C2252" t="s">
        <v>19</v>
      </c>
      <c r="D2252" t="s">
        <v>10</v>
      </c>
      <c r="E2252" t="s">
        <v>11</v>
      </c>
      <c r="F2252" s="2">
        <v>1</v>
      </c>
      <c r="G2252" t="s">
        <v>44</v>
      </c>
      <c r="H2252" t="s">
        <v>13</v>
      </c>
    </row>
    <row r="2253" spans="1:8" x14ac:dyDescent="0.25">
      <c r="A2253" s="1">
        <v>44835</v>
      </c>
      <c r="B2253" t="s">
        <v>1686</v>
      </c>
      <c r="C2253" t="s">
        <v>9</v>
      </c>
      <c r="D2253" t="s">
        <v>10</v>
      </c>
      <c r="E2253" t="s">
        <v>11</v>
      </c>
      <c r="F2253" s="2">
        <v>1</v>
      </c>
      <c r="G2253" t="s">
        <v>181</v>
      </c>
      <c r="H2253" t="s">
        <v>13</v>
      </c>
    </row>
    <row r="2254" spans="1:8" x14ac:dyDescent="0.25">
      <c r="A2254" s="1">
        <v>44835</v>
      </c>
      <c r="B2254" t="s">
        <v>1686</v>
      </c>
      <c r="C2254" t="s">
        <v>14</v>
      </c>
      <c r="D2254" t="s">
        <v>10</v>
      </c>
      <c r="E2254" t="s">
        <v>11</v>
      </c>
      <c r="F2254" s="2">
        <v>1</v>
      </c>
      <c r="G2254" t="s">
        <v>181</v>
      </c>
      <c r="H2254" t="s">
        <v>13</v>
      </c>
    </row>
    <row r="2255" spans="1:8" x14ac:dyDescent="0.25">
      <c r="A2255" s="1">
        <v>44835</v>
      </c>
      <c r="B2255" t="s">
        <v>1687</v>
      </c>
      <c r="C2255" t="s">
        <v>481</v>
      </c>
      <c r="D2255" t="s">
        <v>10</v>
      </c>
      <c r="E2255" t="s">
        <v>11</v>
      </c>
      <c r="F2255" s="2">
        <v>1</v>
      </c>
      <c r="G2255" t="s">
        <v>100</v>
      </c>
      <c r="H2255" t="s">
        <v>13</v>
      </c>
    </row>
    <row r="2256" spans="1:8" x14ac:dyDescent="0.25">
      <c r="A2256" s="1">
        <v>44834</v>
      </c>
      <c r="B2256" t="s">
        <v>1688</v>
      </c>
      <c r="C2256" t="s">
        <v>9</v>
      </c>
      <c r="D2256" t="s">
        <v>10</v>
      </c>
      <c r="E2256" t="s">
        <v>11</v>
      </c>
      <c r="F2256" s="2">
        <v>1</v>
      </c>
      <c r="G2256" t="s">
        <v>194</v>
      </c>
      <c r="H2256" t="s">
        <v>13</v>
      </c>
    </row>
    <row r="2257" spans="1:8" x14ac:dyDescent="0.25">
      <c r="A2257" s="1">
        <v>44834</v>
      </c>
      <c r="B2257" t="s">
        <v>1689</v>
      </c>
      <c r="C2257" t="s">
        <v>47</v>
      </c>
      <c r="D2257" t="s">
        <v>10</v>
      </c>
      <c r="E2257" t="s">
        <v>11</v>
      </c>
      <c r="F2257" s="2">
        <v>1</v>
      </c>
      <c r="G2257" t="s">
        <v>296</v>
      </c>
      <c r="H2257" t="s">
        <v>13</v>
      </c>
    </row>
    <row r="2258" spans="1:8" x14ac:dyDescent="0.25">
      <c r="A2258" s="1">
        <v>44834</v>
      </c>
      <c r="B2258" t="s">
        <v>1690</v>
      </c>
      <c r="C2258" t="s">
        <v>16</v>
      </c>
      <c r="D2258" t="s">
        <v>10</v>
      </c>
      <c r="E2258" t="s">
        <v>11</v>
      </c>
      <c r="F2258" s="2">
        <v>1</v>
      </c>
      <c r="G2258" t="s">
        <v>100</v>
      </c>
      <c r="H2258" t="s">
        <v>13</v>
      </c>
    </row>
    <row r="2259" spans="1:8" x14ac:dyDescent="0.25">
      <c r="A2259" s="1">
        <v>44834</v>
      </c>
      <c r="B2259" t="s">
        <v>1690</v>
      </c>
      <c r="C2259" t="s">
        <v>16</v>
      </c>
      <c r="D2259" t="s">
        <v>10</v>
      </c>
      <c r="E2259" t="s">
        <v>11</v>
      </c>
      <c r="F2259" s="2">
        <v>1</v>
      </c>
      <c r="G2259" t="s">
        <v>100</v>
      </c>
      <c r="H2259" t="s">
        <v>13</v>
      </c>
    </row>
    <row r="2260" spans="1:8" x14ac:dyDescent="0.25">
      <c r="A2260" s="1">
        <v>44833</v>
      </c>
      <c r="B2260" t="s">
        <v>1691</v>
      </c>
      <c r="C2260" t="s">
        <v>35</v>
      </c>
      <c r="D2260" t="s">
        <v>10</v>
      </c>
      <c r="E2260" t="s">
        <v>11</v>
      </c>
      <c r="F2260" s="2">
        <v>1</v>
      </c>
      <c r="G2260" t="s">
        <v>20</v>
      </c>
      <c r="H2260" t="s">
        <v>13</v>
      </c>
    </row>
    <row r="2261" spans="1:8" x14ac:dyDescent="0.25">
      <c r="A2261" s="1">
        <v>44833</v>
      </c>
      <c r="B2261" t="s">
        <v>1691</v>
      </c>
      <c r="C2261" t="s">
        <v>47</v>
      </c>
      <c r="D2261" t="s">
        <v>10</v>
      </c>
      <c r="E2261" t="s">
        <v>11</v>
      </c>
      <c r="F2261" s="2">
        <v>1</v>
      </c>
      <c r="G2261" t="s">
        <v>20</v>
      </c>
      <c r="H2261" t="s">
        <v>13</v>
      </c>
    </row>
    <row r="2262" spans="1:8" x14ac:dyDescent="0.25">
      <c r="A2262" s="1">
        <v>44832</v>
      </c>
      <c r="B2262" t="s">
        <v>1692</v>
      </c>
      <c r="C2262" t="s">
        <v>413</v>
      </c>
      <c r="D2262" t="s">
        <v>10</v>
      </c>
      <c r="E2262" t="s">
        <v>11</v>
      </c>
      <c r="F2262" s="2">
        <v>1</v>
      </c>
      <c r="G2262" t="s">
        <v>83</v>
      </c>
      <c r="H2262" t="s">
        <v>13</v>
      </c>
    </row>
    <row r="2263" spans="1:8" x14ac:dyDescent="0.25">
      <c r="A2263" s="1">
        <v>44832</v>
      </c>
      <c r="B2263" t="s">
        <v>1693</v>
      </c>
      <c r="C2263" t="s">
        <v>47</v>
      </c>
      <c r="D2263" t="s">
        <v>10</v>
      </c>
      <c r="E2263" t="s">
        <v>11</v>
      </c>
      <c r="F2263" s="2">
        <v>1</v>
      </c>
      <c r="G2263" t="s">
        <v>46</v>
      </c>
      <c r="H2263" t="s">
        <v>13</v>
      </c>
    </row>
    <row r="2264" spans="1:8" x14ac:dyDescent="0.25">
      <c r="A2264" s="1">
        <v>44832</v>
      </c>
      <c r="B2264" t="s">
        <v>1694</v>
      </c>
      <c r="C2264" t="s">
        <v>86</v>
      </c>
      <c r="D2264" t="s">
        <v>10</v>
      </c>
      <c r="E2264" t="s">
        <v>11</v>
      </c>
      <c r="F2264" s="2">
        <v>1</v>
      </c>
      <c r="G2264" t="s">
        <v>145</v>
      </c>
      <c r="H2264" t="s">
        <v>13</v>
      </c>
    </row>
    <row r="2265" spans="1:8" x14ac:dyDescent="0.25">
      <c r="A2265" s="1">
        <v>44832</v>
      </c>
      <c r="B2265" t="s">
        <v>1694</v>
      </c>
      <c r="C2265" t="s">
        <v>47</v>
      </c>
      <c r="D2265" t="s">
        <v>10</v>
      </c>
      <c r="E2265" t="s">
        <v>11</v>
      </c>
      <c r="F2265" s="2">
        <v>1</v>
      </c>
      <c r="G2265" t="s">
        <v>145</v>
      </c>
      <c r="H2265" t="s">
        <v>13</v>
      </c>
    </row>
    <row r="2266" spans="1:8" x14ac:dyDescent="0.25">
      <c r="A2266" s="1">
        <v>44831</v>
      </c>
      <c r="B2266" t="s">
        <v>1695</v>
      </c>
      <c r="C2266" t="s">
        <v>86</v>
      </c>
      <c r="D2266" t="s">
        <v>26</v>
      </c>
      <c r="E2266" t="s">
        <v>11</v>
      </c>
      <c r="F2266" s="2">
        <v>1</v>
      </c>
      <c r="G2266" t="s">
        <v>20</v>
      </c>
      <c r="H2266" t="s">
        <v>13</v>
      </c>
    </row>
    <row r="2267" spans="1:8" x14ac:dyDescent="0.25">
      <c r="A2267" s="1">
        <v>44831</v>
      </c>
      <c r="B2267" t="s">
        <v>1696</v>
      </c>
      <c r="C2267" t="s">
        <v>79</v>
      </c>
      <c r="D2267" t="s">
        <v>10</v>
      </c>
      <c r="E2267" t="s">
        <v>11</v>
      </c>
      <c r="F2267" s="2">
        <v>1</v>
      </c>
      <c r="G2267" t="s">
        <v>145</v>
      </c>
      <c r="H2267" t="s">
        <v>13</v>
      </c>
    </row>
    <row r="2268" spans="1:8" x14ac:dyDescent="0.25">
      <c r="A2268" s="1">
        <v>44831</v>
      </c>
      <c r="B2268" t="s">
        <v>1696</v>
      </c>
      <c r="C2268" t="s">
        <v>80</v>
      </c>
      <c r="D2268" t="s">
        <v>10</v>
      </c>
      <c r="E2268" t="s">
        <v>11</v>
      </c>
      <c r="F2268" s="2">
        <v>1</v>
      </c>
      <c r="G2268" t="s">
        <v>145</v>
      </c>
      <c r="H2268" t="s">
        <v>13</v>
      </c>
    </row>
    <row r="2269" spans="1:8" x14ac:dyDescent="0.25">
      <c r="A2269" s="1">
        <v>44831</v>
      </c>
      <c r="B2269" t="s">
        <v>1697</v>
      </c>
      <c r="C2269" t="s">
        <v>1698</v>
      </c>
      <c r="D2269" t="s">
        <v>10</v>
      </c>
      <c r="E2269" t="s">
        <v>11</v>
      </c>
      <c r="F2269" s="2">
        <v>1</v>
      </c>
      <c r="G2269" t="s">
        <v>950</v>
      </c>
      <c r="H2269" t="s">
        <v>13</v>
      </c>
    </row>
    <row r="2270" spans="1:8" x14ac:dyDescent="0.25">
      <c r="A2270" s="1">
        <v>44830</v>
      </c>
      <c r="B2270" t="s">
        <v>1699</v>
      </c>
      <c r="C2270" t="s">
        <v>19</v>
      </c>
      <c r="D2270" t="s">
        <v>10</v>
      </c>
      <c r="E2270" t="s">
        <v>11</v>
      </c>
      <c r="F2270" s="2">
        <v>1</v>
      </c>
      <c r="G2270" t="s">
        <v>1003</v>
      </c>
      <c r="H2270" t="s">
        <v>13</v>
      </c>
    </row>
    <row r="2271" spans="1:8" x14ac:dyDescent="0.25">
      <c r="A2271" s="1">
        <v>44830</v>
      </c>
      <c r="B2271" t="s">
        <v>1700</v>
      </c>
      <c r="C2271" t="s">
        <v>19</v>
      </c>
      <c r="D2271" t="s">
        <v>10</v>
      </c>
      <c r="E2271" t="s">
        <v>11</v>
      </c>
      <c r="F2271" s="2">
        <v>1</v>
      </c>
      <c r="G2271" t="s">
        <v>483</v>
      </c>
      <c r="H2271" t="s">
        <v>13</v>
      </c>
    </row>
    <row r="2272" spans="1:8" x14ac:dyDescent="0.25">
      <c r="A2272" s="1">
        <v>44830</v>
      </c>
      <c r="B2272" t="s">
        <v>1701</v>
      </c>
      <c r="C2272" t="s">
        <v>9</v>
      </c>
      <c r="D2272" t="s">
        <v>10</v>
      </c>
      <c r="E2272" t="s">
        <v>11</v>
      </c>
      <c r="F2272" s="2">
        <v>1</v>
      </c>
      <c r="G2272" t="s">
        <v>1477</v>
      </c>
      <c r="H2272" t="s">
        <v>13</v>
      </c>
    </row>
    <row r="2273" spans="1:8" x14ac:dyDescent="0.25">
      <c r="A2273" s="1">
        <v>44828</v>
      </c>
      <c r="B2273" t="s">
        <v>1702</v>
      </c>
      <c r="C2273" t="s">
        <v>9</v>
      </c>
      <c r="D2273" t="s">
        <v>10</v>
      </c>
      <c r="E2273" t="s">
        <v>11</v>
      </c>
      <c r="F2273" s="2">
        <v>1</v>
      </c>
      <c r="G2273" t="s">
        <v>187</v>
      </c>
      <c r="H2273" t="s">
        <v>13</v>
      </c>
    </row>
    <row r="2274" spans="1:8" x14ac:dyDescent="0.25">
      <c r="A2274" s="1">
        <v>44826</v>
      </c>
      <c r="B2274" t="s">
        <v>1703</v>
      </c>
      <c r="C2274" t="s">
        <v>52</v>
      </c>
      <c r="D2274" t="s">
        <v>26</v>
      </c>
      <c r="E2274" t="s">
        <v>11</v>
      </c>
      <c r="F2274" s="2">
        <v>1</v>
      </c>
      <c r="G2274" t="s">
        <v>197</v>
      </c>
      <c r="H2274" t="s">
        <v>13</v>
      </c>
    </row>
    <row r="2275" spans="1:8" x14ac:dyDescent="0.25">
      <c r="A2275" s="1">
        <v>44826</v>
      </c>
      <c r="B2275" t="s">
        <v>1703</v>
      </c>
      <c r="C2275" t="s">
        <v>29</v>
      </c>
      <c r="D2275" t="s">
        <v>26</v>
      </c>
      <c r="E2275" t="s">
        <v>11</v>
      </c>
      <c r="F2275" s="2">
        <v>1</v>
      </c>
      <c r="G2275" t="s">
        <v>197</v>
      </c>
      <c r="H2275" t="s">
        <v>13</v>
      </c>
    </row>
    <row r="2276" spans="1:8" x14ac:dyDescent="0.25">
      <c r="A2276" s="1">
        <v>44825</v>
      </c>
      <c r="B2276" t="s">
        <v>1704</v>
      </c>
      <c r="C2276" t="s">
        <v>9</v>
      </c>
      <c r="D2276" t="s">
        <v>10</v>
      </c>
      <c r="E2276" t="s">
        <v>11</v>
      </c>
      <c r="F2276" s="2">
        <v>1</v>
      </c>
      <c r="G2276" t="s">
        <v>20</v>
      </c>
      <c r="H2276" t="s">
        <v>13</v>
      </c>
    </row>
    <row r="2277" spans="1:8" x14ac:dyDescent="0.25">
      <c r="A2277" s="1">
        <v>44824</v>
      </c>
      <c r="B2277" t="s">
        <v>1705</v>
      </c>
      <c r="C2277" t="s">
        <v>800</v>
      </c>
      <c r="D2277" t="s">
        <v>10</v>
      </c>
      <c r="E2277" t="s">
        <v>11</v>
      </c>
      <c r="F2277" s="2">
        <v>1</v>
      </c>
      <c r="G2277" t="s">
        <v>1706</v>
      </c>
      <c r="H2277" t="s">
        <v>13</v>
      </c>
    </row>
    <row r="2278" spans="1:8" x14ac:dyDescent="0.25">
      <c r="A2278" s="1">
        <v>44824</v>
      </c>
      <c r="B2278" t="s">
        <v>1705</v>
      </c>
      <c r="C2278" t="s">
        <v>150</v>
      </c>
      <c r="D2278" t="s">
        <v>10</v>
      </c>
      <c r="E2278" t="s">
        <v>11</v>
      </c>
      <c r="F2278" s="2">
        <v>1</v>
      </c>
      <c r="G2278" t="s">
        <v>1706</v>
      </c>
      <c r="H2278" t="s">
        <v>13</v>
      </c>
    </row>
    <row r="2279" spans="1:8" x14ac:dyDescent="0.25">
      <c r="A2279" s="1">
        <v>44824</v>
      </c>
      <c r="B2279" t="s">
        <v>1705</v>
      </c>
      <c r="C2279" t="s">
        <v>151</v>
      </c>
      <c r="D2279" t="s">
        <v>10</v>
      </c>
      <c r="E2279" t="s">
        <v>11</v>
      </c>
      <c r="F2279" s="2">
        <v>1</v>
      </c>
      <c r="G2279" t="s">
        <v>1706</v>
      </c>
      <c r="H2279" t="s">
        <v>13</v>
      </c>
    </row>
    <row r="2280" spans="1:8" x14ac:dyDescent="0.25">
      <c r="A2280" s="1">
        <v>44824</v>
      </c>
      <c r="B2280" t="s">
        <v>1707</v>
      </c>
      <c r="C2280" t="s">
        <v>47</v>
      </c>
      <c r="D2280" t="s">
        <v>10</v>
      </c>
      <c r="E2280" t="s">
        <v>11</v>
      </c>
      <c r="F2280" s="2">
        <v>1</v>
      </c>
      <c r="G2280" t="s">
        <v>31</v>
      </c>
      <c r="H2280" t="s">
        <v>13</v>
      </c>
    </row>
    <row r="2281" spans="1:8" x14ac:dyDescent="0.25">
      <c r="A2281" s="1">
        <v>44824</v>
      </c>
      <c r="B2281" t="s">
        <v>1707</v>
      </c>
      <c r="C2281" t="s">
        <v>47</v>
      </c>
      <c r="D2281" t="s">
        <v>10</v>
      </c>
      <c r="E2281" t="s">
        <v>11</v>
      </c>
      <c r="F2281" s="2">
        <v>1</v>
      </c>
      <c r="G2281" t="s">
        <v>31</v>
      </c>
      <c r="H2281" t="s">
        <v>13</v>
      </c>
    </row>
    <row r="2282" spans="1:8" x14ac:dyDescent="0.25">
      <c r="A2282" s="1">
        <v>44823</v>
      </c>
      <c r="B2282" t="s">
        <v>1708</v>
      </c>
      <c r="C2282" t="s">
        <v>86</v>
      </c>
      <c r="D2282" t="s">
        <v>10</v>
      </c>
      <c r="E2282" t="s">
        <v>11</v>
      </c>
      <c r="F2282" s="2">
        <v>1</v>
      </c>
      <c r="G2282" t="s">
        <v>181</v>
      </c>
      <c r="H2282" t="s">
        <v>13</v>
      </c>
    </row>
    <row r="2283" spans="1:8" x14ac:dyDescent="0.25">
      <c r="A2283" s="1">
        <v>44823</v>
      </c>
      <c r="B2283" t="s">
        <v>1709</v>
      </c>
      <c r="C2283" t="s">
        <v>19</v>
      </c>
      <c r="D2283" t="s">
        <v>10</v>
      </c>
      <c r="E2283" t="s">
        <v>11</v>
      </c>
      <c r="F2283" s="2">
        <v>1</v>
      </c>
      <c r="G2283" t="s">
        <v>31</v>
      </c>
      <c r="H2283" t="s">
        <v>13</v>
      </c>
    </row>
    <row r="2284" spans="1:8" x14ac:dyDescent="0.25">
      <c r="A2284" s="1">
        <v>44822</v>
      </c>
      <c r="B2284" t="s">
        <v>1710</v>
      </c>
      <c r="C2284" t="s">
        <v>19</v>
      </c>
      <c r="D2284" t="s">
        <v>10</v>
      </c>
      <c r="E2284" t="s">
        <v>11</v>
      </c>
      <c r="F2284" s="2">
        <v>1</v>
      </c>
      <c r="G2284" t="s">
        <v>31</v>
      </c>
      <c r="H2284" t="s">
        <v>13</v>
      </c>
    </row>
    <row r="2285" spans="1:8" x14ac:dyDescent="0.25">
      <c r="A2285" s="1">
        <v>44822</v>
      </c>
      <c r="B2285" t="s">
        <v>1711</v>
      </c>
      <c r="C2285" t="s">
        <v>16</v>
      </c>
      <c r="D2285" t="s">
        <v>10</v>
      </c>
      <c r="E2285" t="s">
        <v>11</v>
      </c>
      <c r="F2285" s="2">
        <v>1</v>
      </c>
      <c r="G2285" t="s">
        <v>72</v>
      </c>
      <c r="H2285" t="s">
        <v>13</v>
      </c>
    </row>
    <row r="2286" spans="1:8" x14ac:dyDescent="0.25">
      <c r="A2286" s="1">
        <v>44822</v>
      </c>
      <c r="B2286" t="s">
        <v>1712</v>
      </c>
      <c r="C2286" t="s">
        <v>88</v>
      </c>
      <c r="D2286" t="s">
        <v>10</v>
      </c>
      <c r="E2286" t="s">
        <v>11</v>
      </c>
      <c r="F2286" s="2">
        <v>1</v>
      </c>
      <c r="G2286" t="s">
        <v>37</v>
      </c>
      <c r="H2286" t="s">
        <v>13</v>
      </c>
    </row>
    <row r="2287" spans="1:8" x14ac:dyDescent="0.25">
      <c r="A2287" s="1">
        <v>44821</v>
      </c>
      <c r="B2287" t="s">
        <v>1713</v>
      </c>
      <c r="C2287" t="s">
        <v>79</v>
      </c>
      <c r="D2287" t="s">
        <v>10</v>
      </c>
      <c r="E2287" t="s">
        <v>11</v>
      </c>
      <c r="F2287" s="2">
        <v>1</v>
      </c>
      <c r="G2287" t="s">
        <v>37</v>
      </c>
      <c r="H2287" t="s">
        <v>13</v>
      </c>
    </row>
    <row r="2288" spans="1:8" x14ac:dyDescent="0.25">
      <c r="A2288" s="1">
        <v>44821</v>
      </c>
      <c r="B2288" t="s">
        <v>1713</v>
      </c>
      <c r="C2288" t="s">
        <v>103</v>
      </c>
      <c r="D2288" t="s">
        <v>10</v>
      </c>
      <c r="E2288" t="s">
        <v>11</v>
      </c>
      <c r="F2288" s="2">
        <v>1</v>
      </c>
      <c r="G2288" t="s">
        <v>37</v>
      </c>
      <c r="H2288" t="s">
        <v>13</v>
      </c>
    </row>
    <row r="2289" spans="1:8" x14ac:dyDescent="0.25">
      <c r="A2289" s="1">
        <v>44821</v>
      </c>
      <c r="B2289" t="s">
        <v>1713</v>
      </c>
      <c r="C2289" t="s">
        <v>1714</v>
      </c>
      <c r="D2289" t="s">
        <v>10</v>
      </c>
      <c r="E2289" t="s">
        <v>11</v>
      </c>
      <c r="F2289" s="2">
        <v>1</v>
      </c>
      <c r="G2289" t="s">
        <v>37</v>
      </c>
      <c r="H2289" t="s">
        <v>13</v>
      </c>
    </row>
    <row r="2290" spans="1:8" x14ac:dyDescent="0.25">
      <c r="A2290" s="1">
        <v>44820</v>
      </c>
      <c r="B2290" t="s">
        <v>1715</v>
      </c>
      <c r="C2290" t="s">
        <v>74</v>
      </c>
      <c r="D2290" t="s">
        <v>10</v>
      </c>
      <c r="E2290" t="s">
        <v>11</v>
      </c>
      <c r="F2290" s="2">
        <v>1</v>
      </c>
      <c r="G2290" t="s">
        <v>31</v>
      </c>
      <c r="H2290" t="s">
        <v>13</v>
      </c>
    </row>
    <row r="2291" spans="1:8" x14ac:dyDescent="0.25">
      <c r="A2291" s="1">
        <v>44820</v>
      </c>
      <c r="B2291" t="s">
        <v>1716</v>
      </c>
      <c r="C2291" t="s">
        <v>481</v>
      </c>
      <c r="D2291" t="s">
        <v>10</v>
      </c>
      <c r="E2291" t="s">
        <v>11</v>
      </c>
      <c r="F2291" s="2">
        <v>1</v>
      </c>
      <c r="G2291" t="s">
        <v>154</v>
      </c>
      <c r="H2291" t="s">
        <v>13</v>
      </c>
    </row>
    <row r="2292" spans="1:8" x14ac:dyDescent="0.25">
      <c r="A2292" s="1">
        <v>44820</v>
      </c>
      <c r="B2292" t="s">
        <v>1717</v>
      </c>
      <c r="C2292" t="s">
        <v>47</v>
      </c>
      <c r="D2292" t="s">
        <v>10</v>
      </c>
      <c r="E2292" t="s">
        <v>11</v>
      </c>
      <c r="F2292" s="2">
        <v>1</v>
      </c>
      <c r="G2292" t="s">
        <v>111</v>
      </c>
      <c r="H2292" t="s">
        <v>13</v>
      </c>
    </row>
    <row r="2293" spans="1:8" x14ac:dyDescent="0.25">
      <c r="A2293" s="1">
        <v>44820</v>
      </c>
      <c r="B2293" t="s">
        <v>1717</v>
      </c>
      <c r="C2293" t="s">
        <v>14</v>
      </c>
      <c r="D2293" t="s">
        <v>10</v>
      </c>
      <c r="E2293" t="s">
        <v>11</v>
      </c>
      <c r="F2293" s="2">
        <v>1</v>
      </c>
      <c r="G2293" t="s">
        <v>111</v>
      </c>
      <c r="H2293" t="s">
        <v>13</v>
      </c>
    </row>
    <row r="2294" spans="1:8" x14ac:dyDescent="0.25">
      <c r="A2294" s="1">
        <v>44818</v>
      </c>
      <c r="B2294" t="s">
        <v>1718</v>
      </c>
      <c r="C2294" t="s">
        <v>9</v>
      </c>
      <c r="D2294" t="s">
        <v>10</v>
      </c>
      <c r="E2294" t="s">
        <v>11</v>
      </c>
      <c r="F2294" s="2">
        <v>1</v>
      </c>
      <c r="G2294" t="s">
        <v>46</v>
      </c>
      <c r="H2294" t="s">
        <v>13</v>
      </c>
    </row>
    <row r="2295" spans="1:8" x14ac:dyDescent="0.25">
      <c r="A2295" s="1">
        <v>44818</v>
      </c>
      <c r="B2295" t="s">
        <v>1718</v>
      </c>
      <c r="C2295" t="s">
        <v>35</v>
      </c>
      <c r="D2295" t="s">
        <v>10</v>
      </c>
      <c r="E2295" t="s">
        <v>11</v>
      </c>
      <c r="F2295" s="2">
        <v>1</v>
      </c>
      <c r="G2295" t="s">
        <v>46</v>
      </c>
      <c r="H2295" t="s">
        <v>13</v>
      </c>
    </row>
    <row r="2296" spans="1:8" x14ac:dyDescent="0.25">
      <c r="A2296" s="1">
        <v>44818</v>
      </c>
      <c r="B2296" t="s">
        <v>1718</v>
      </c>
      <c r="C2296" t="s">
        <v>96</v>
      </c>
      <c r="D2296" t="s">
        <v>10</v>
      </c>
      <c r="E2296" t="s">
        <v>11</v>
      </c>
      <c r="F2296" s="2">
        <v>1</v>
      </c>
      <c r="G2296" t="s">
        <v>46</v>
      </c>
      <c r="H2296" t="s">
        <v>13</v>
      </c>
    </row>
    <row r="2297" spans="1:8" x14ac:dyDescent="0.25">
      <c r="A2297" s="1">
        <v>44817</v>
      </c>
      <c r="B2297" t="s">
        <v>1719</v>
      </c>
      <c r="C2297" t="s">
        <v>249</v>
      </c>
      <c r="D2297" t="s">
        <v>10</v>
      </c>
      <c r="E2297" t="s">
        <v>11</v>
      </c>
      <c r="F2297" s="2">
        <v>1</v>
      </c>
      <c r="G2297" t="s">
        <v>111</v>
      </c>
      <c r="H2297" t="s">
        <v>13</v>
      </c>
    </row>
    <row r="2298" spans="1:8" x14ac:dyDescent="0.25">
      <c r="A2298" s="1">
        <v>44816</v>
      </c>
      <c r="B2298" t="s">
        <v>1720</v>
      </c>
      <c r="C2298" t="s">
        <v>9</v>
      </c>
      <c r="D2298" t="s">
        <v>10</v>
      </c>
      <c r="E2298" t="s">
        <v>11</v>
      </c>
      <c r="F2298" s="2">
        <v>1</v>
      </c>
      <c r="G2298" t="s">
        <v>113</v>
      </c>
      <c r="H2298" t="s">
        <v>13</v>
      </c>
    </row>
    <row r="2299" spans="1:8" x14ac:dyDescent="0.25">
      <c r="A2299" s="1">
        <v>44816</v>
      </c>
      <c r="B2299" t="s">
        <v>1720</v>
      </c>
      <c r="C2299" t="s">
        <v>35</v>
      </c>
      <c r="D2299" t="s">
        <v>10</v>
      </c>
      <c r="E2299" t="s">
        <v>11</v>
      </c>
      <c r="F2299" s="2">
        <v>1</v>
      </c>
      <c r="G2299" t="s">
        <v>113</v>
      </c>
      <c r="H2299" t="s">
        <v>13</v>
      </c>
    </row>
    <row r="2300" spans="1:8" x14ac:dyDescent="0.25">
      <c r="A2300" s="1">
        <v>44816</v>
      </c>
      <c r="B2300" t="s">
        <v>1721</v>
      </c>
      <c r="C2300" t="s">
        <v>1698</v>
      </c>
      <c r="D2300" t="s">
        <v>10</v>
      </c>
      <c r="E2300" t="s">
        <v>11</v>
      </c>
      <c r="F2300" s="2">
        <v>1</v>
      </c>
      <c r="G2300" t="s">
        <v>46</v>
      </c>
      <c r="H2300" t="s">
        <v>13</v>
      </c>
    </row>
    <row r="2301" spans="1:8" x14ac:dyDescent="0.25">
      <c r="A2301" s="1">
        <v>44812</v>
      </c>
      <c r="B2301" t="s">
        <v>1722</v>
      </c>
      <c r="C2301" t="s">
        <v>28</v>
      </c>
      <c r="D2301" t="s">
        <v>10</v>
      </c>
      <c r="E2301" t="s">
        <v>11</v>
      </c>
      <c r="F2301" s="2">
        <v>1</v>
      </c>
      <c r="G2301" t="s">
        <v>569</v>
      </c>
      <c r="H2301" t="s">
        <v>13</v>
      </c>
    </row>
    <row r="2302" spans="1:8" x14ac:dyDescent="0.25">
      <c r="A2302" s="1">
        <v>44812</v>
      </c>
      <c r="B2302" t="s">
        <v>1722</v>
      </c>
      <c r="C2302" t="s">
        <v>563</v>
      </c>
      <c r="D2302" t="s">
        <v>10</v>
      </c>
      <c r="E2302" t="s">
        <v>11</v>
      </c>
      <c r="F2302" s="2">
        <v>1</v>
      </c>
      <c r="G2302" t="s">
        <v>569</v>
      </c>
      <c r="H2302" t="s">
        <v>13</v>
      </c>
    </row>
    <row r="2303" spans="1:8" x14ac:dyDescent="0.25">
      <c r="A2303" s="1">
        <v>44812</v>
      </c>
      <c r="B2303" t="s">
        <v>1722</v>
      </c>
      <c r="C2303" t="s">
        <v>29</v>
      </c>
      <c r="D2303" t="s">
        <v>10</v>
      </c>
      <c r="E2303" t="s">
        <v>11</v>
      </c>
      <c r="F2303" s="2">
        <v>1</v>
      </c>
      <c r="G2303" t="s">
        <v>569</v>
      </c>
      <c r="H2303" t="s">
        <v>13</v>
      </c>
    </row>
    <row r="2304" spans="1:8" x14ac:dyDescent="0.25">
      <c r="A2304" s="1">
        <v>44812</v>
      </c>
      <c r="B2304" t="s">
        <v>1723</v>
      </c>
      <c r="C2304" t="s">
        <v>563</v>
      </c>
      <c r="D2304" t="s">
        <v>10</v>
      </c>
      <c r="E2304" t="s">
        <v>11</v>
      </c>
      <c r="F2304" s="2">
        <v>1</v>
      </c>
      <c r="G2304" t="s">
        <v>1290</v>
      </c>
      <c r="H2304" t="s">
        <v>13</v>
      </c>
    </row>
    <row r="2305" spans="1:8" x14ac:dyDescent="0.25">
      <c r="A2305" s="1">
        <v>44812</v>
      </c>
      <c r="B2305" t="s">
        <v>1724</v>
      </c>
      <c r="C2305" t="s">
        <v>9</v>
      </c>
      <c r="D2305" t="s">
        <v>10</v>
      </c>
      <c r="E2305" t="s">
        <v>11</v>
      </c>
      <c r="F2305" s="2">
        <v>1</v>
      </c>
      <c r="G2305" t="s">
        <v>447</v>
      </c>
      <c r="H2305" t="s">
        <v>13</v>
      </c>
    </row>
    <row r="2306" spans="1:8" x14ac:dyDescent="0.25">
      <c r="A2306" s="1">
        <v>44812</v>
      </c>
      <c r="B2306" t="s">
        <v>1725</v>
      </c>
      <c r="C2306" t="s">
        <v>9</v>
      </c>
      <c r="D2306" t="s">
        <v>10</v>
      </c>
      <c r="E2306" t="s">
        <v>11</v>
      </c>
      <c r="F2306" s="2">
        <v>1</v>
      </c>
      <c r="G2306" t="s">
        <v>100</v>
      </c>
      <c r="H2306" t="s">
        <v>13</v>
      </c>
    </row>
    <row r="2307" spans="1:8" x14ac:dyDescent="0.25">
      <c r="A2307" s="1">
        <v>44812</v>
      </c>
      <c r="B2307" t="s">
        <v>1725</v>
      </c>
      <c r="C2307" t="s">
        <v>35</v>
      </c>
      <c r="D2307" t="s">
        <v>10</v>
      </c>
      <c r="E2307" t="s">
        <v>11</v>
      </c>
      <c r="F2307" s="2">
        <v>1</v>
      </c>
      <c r="G2307" t="s">
        <v>100</v>
      </c>
      <c r="H2307" t="s">
        <v>13</v>
      </c>
    </row>
    <row r="2308" spans="1:8" x14ac:dyDescent="0.25">
      <c r="A2308" s="1">
        <v>44809</v>
      </c>
      <c r="B2308" t="s">
        <v>1726</v>
      </c>
      <c r="C2308" t="s">
        <v>52</v>
      </c>
      <c r="D2308" t="s">
        <v>10</v>
      </c>
      <c r="E2308" t="s">
        <v>11</v>
      </c>
      <c r="F2308" s="2">
        <v>1</v>
      </c>
      <c r="G2308" t="s">
        <v>135</v>
      </c>
      <c r="H2308" t="s">
        <v>13</v>
      </c>
    </row>
    <row r="2309" spans="1:8" x14ac:dyDescent="0.25">
      <c r="A2309" s="1">
        <v>44809</v>
      </c>
      <c r="B2309" t="s">
        <v>1726</v>
      </c>
      <c r="C2309" t="s">
        <v>52</v>
      </c>
      <c r="D2309" t="s">
        <v>10</v>
      </c>
      <c r="E2309" t="s">
        <v>11</v>
      </c>
      <c r="F2309" s="2">
        <v>1</v>
      </c>
      <c r="G2309" t="s">
        <v>135</v>
      </c>
      <c r="H2309" t="s">
        <v>13</v>
      </c>
    </row>
    <row r="2310" spans="1:8" x14ac:dyDescent="0.25">
      <c r="A2310" s="1">
        <v>44809</v>
      </c>
      <c r="B2310" t="s">
        <v>1726</v>
      </c>
      <c r="C2310" t="s">
        <v>47</v>
      </c>
      <c r="D2310" t="s">
        <v>10</v>
      </c>
      <c r="E2310" t="s">
        <v>11</v>
      </c>
      <c r="F2310" s="2">
        <v>1</v>
      </c>
      <c r="G2310" t="s">
        <v>135</v>
      </c>
      <c r="H2310" t="s">
        <v>13</v>
      </c>
    </row>
    <row r="2311" spans="1:8" x14ac:dyDescent="0.25">
      <c r="A2311" s="1">
        <v>44809</v>
      </c>
      <c r="B2311" t="s">
        <v>1726</v>
      </c>
      <c r="C2311" t="s">
        <v>47</v>
      </c>
      <c r="D2311" t="s">
        <v>10</v>
      </c>
      <c r="E2311" t="s">
        <v>11</v>
      </c>
      <c r="F2311" s="2">
        <v>1</v>
      </c>
      <c r="G2311" t="s">
        <v>135</v>
      </c>
      <c r="H2311" t="s">
        <v>13</v>
      </c>
    </row>
    <row r="2312" spans="1:8" x14ac:dyDescent="0.25">
      <c r="A2312" s="1">
        <v>44809</v>
      </c>
      <c r="B2312" t="s">
        <v>1727</v>
      </c>
      <c r="C2312" t="s">
        <v>76</v>
      </c>
      <c r="D2312" t="s">
        <v>10</v>
      </c>
      <c r="E2312" t="s">
        <v>11</v>
      </c>
      <c r="F2312" s="2">
        <v>1</v>
      </c>
      <c r="G2312" t="s">
        <v>303</v>
      </c>
      <c r="H2312" t="s">
        <v>13</v>
      </c>
    </row>
    <row r="2313" spans="1:8" x14ac:dyDescent="0.25">
      <c r="A2313" s="1">
        <v>44809</v>
      </c>
      <c r="B2313" t="s">
        <v>1728</v>
      </c>
      <c r="C2313" t="s">
        <v>28</v>
      </c>
      <c r="D2313" t="s">
        <v>10</v>
      </c>
      <c r="E2313" t="s">
        <v>11</v>
      </c>
      <c r="F2313" s="2">
        <v>1</v>
      </c>
      <c r="G2313" t="s">
        <v>46</v>
      </c>
      <c r="H2313" t="s">
        <v>13</v>
      </c>
    </row>
    <row r="2314" spans="1:8" x14ac:dyDescent="0.25">
      <c r="A2314" s="1">
        <v>44808</v>
      </c>
      <c r="B2314" t="s">
        <v>1729</v>
      </c>
      <c r="C2314" t="s">
        <v>19</v>
      </c>
      <c r="D2314" t="s">
        <v>10</v>
      </c>
      <c r="E2314" t="s">
        <v>11</v>
      </c>
      <c r="F2314" s="2">
        <v>1</v>
      </c>
      <c r="G2314" t="s">
        <v>67</v>
      </c>
      <c r="H2314" t="s">
        <v>13</v>
      </c>
    </row>
    <row r="2315" spans="1:8" x14ac:dyDescent="0.25">
      <c r="A2315" s="1">
        <v>44807</v>
      </c>
      <c r="B2315" t="s">
        <v>1730</v>
      </c>
      <c r="C2315" t="s">
        <v>35</v>
      </c>
      <c r="D2315" t="s">
        <v>10</v>
      </c>
      <c r="E2315" t="s">
        <v>11</v>
      </c>
      <c r="F2315" s="2">
        <v>1</v>
      </c>
      <c r="G2315" t="s">
        <v>318</v>
      </c>
      <c r="H2315" t="s">
        <v>13</v>
      </c>
    </row>
    <row r="2316" spans="1:8" x14ac:dyDescent="0.25">
      <c r="A2316" s="1">
        <v>44807</v>
      </c>
      <c r="B2316" t="s">
        <v>1731</v>
      </c>
      <c r="C2316" t="s">
        <v>118</v>
      </c>
      <c r="D2316" t="s">
        <v>10</v>
      </c>
      <c r="E2316" t="s">
        <v>11</v>
      </c>
      <c r="F2316" s="2">
        <v>1</v>
      </c>
      <c r="G2316" t="s">
        <v>100</v>
      </c>
      <c r="H2316" t="s">
        <v>13</v>
      </c>
    </row>
    <row r="2317" spans="1:8" x14ac:dyDescent="0.25">
      <c r="A2317" s="1">
        <v>44807</v>
      </c>
      <c r="B2317" t="s">
        <v>1732</v>
      </c>
      <c r="C2317" t="s">
        <v>19</v>
      </c>
      <c r="D2317" t="s">
        <v>10</v>
      </c>
      <c r="E2317" t="s">
        <v>11</v>
      </c>
      <c r="F2317" s="2">
        <v>1</v>
      </c>
      <c r="G2317" t="s">
        <v>72</v>
      </c>
      <c r="H2317" t="s">
        <v>13</v>
      </c>
    </row>
    <row r="2318" spans="1:8" x14ac:dyDescent="0.25">
      <c r="A2318" s="1">
        <v>44807</v>
      </c>
      <c r="B2318" t="s">
        <v>1733</v>
      </c>
      <c r="C2318" t="s">
        <v>9</v>
      </c>
      <c r="D2318" t="s">
        <v>10</v>
      </c>
      <c r="E2318" t="s">
        <v>11</v>
      </c>
      <c r="F2318" s="2">
        <v>1</v>
      </c>
      <c r="G2318" t="s">
        <v>181</v>
      </c>
      <c r="H2318" t="s">
        <v>13</v>
      </c>
    </row>
    <row r="2319" spans="1:8" x14ac:dyDescent="0.25">
      <c r="A2319" s="1">
        <v>44805</v>
      </c>
      <c r="B2319" t="s">
        <v>1734</v>
      </c>
      <c r="C2319" t="s">
        <v>481</v>
      </c>
      <c r="D2319" t="s">
        <v>10</v>
      </c>
      <c r="E2319" t="s">
        <v>11</v>
      </c>
      <c r="F2319" s="2">
        <v>1</v>
      </c>
      <c r="G2319" t="s">
        <v>303</v>
      </c>
      <c r="H2319" t="s">
        <v>13</v>
      </c>
    </row>
    <row r="2320" spans="1:8" x14ac:dyDescent="0.25">
      <c r="A2320" s="1">
        <v>44804</v>
      </c>
      <c r="B2320" t="s">
        <v>1735</v>
      </c>
      <c r="C2320" t="s">
        <v>74</v>
      </c>
      <c r="D2320" t="s">
        <v>10</v>
      </c>
      <c r="E2320" t="s">
        <v>11</v>
      </c>
      <c r="F2320" s="2">
        <v>1</v>
      </c>
      <c r="G2320" t="s">
        <v>20</v>
      </c>
      <c r="H2320" t="s">
        <v>13</v>
      </c>
    </row>
    <row r="2321" spans="1:8" x14ac:dyDescent="0.25">
      <c r="A2321" s="1">
        <v>44804</v>
      </c>
      <c r="B2321" t="s">
        <v>1735</v>
      </c>
      <c r="C2321" t="s">
        <v>58</v>
      </c>
      <c r="D2321" t="s">
        <v>10</v>
      </c>
      <c r="E2321" t="s">
        <v>11</v>
      </c>
      <c r="F2321" s="2">
        <v>1</v>
      </c>
      <c r="G2321" t="s">
        <v>20</v>
      </c>
      <c r="H2321" t="s">
        <v>13</v>
      </c>
    </row>
    <row r="2322" spans="1:8" x14ac:dyDescent="0.25">
      <c r="A2322" s="1">
        <v>44804</v>
      </c>
      <c r="B2322" t="s">
        <v>1735</v>
      </c>
      <c r="C2322" t="s">
        <v>1443</v>
      </c>
      <c r="D2322" t="s">
        <v>10</v>
      </c>
      <c r="E2322" t="s">
        <v>11</v>
      </c>
      <c r="F2322" s="2">
        <v>1</v>
      </c>
      <c r="G2322" t="s">
        <v>20</v>
      </c>
      <c r="H2322" t="s">
        <v>13</v>
      </c>
    </row>
    <row r="2323" spans="1:8" x14ac:dyDescent="0.25">
      <c r="A2323" s="1">
        <v>44804</v>
      </c>
      <c r="B2323" t="s">
        <v>1736</v>
      </c>
      <c r="C2323" t="s">
        <v>19</v>
      </c>
      <c r="D2323" t="s">
        <v>10</v>
      </c>
      <c r="E2323" t="s">
        <v>11</v>
      </c>
      <c r="F2323" s="2">
        <v>1</v>
      </c>
      <c r="G2323" t="s">
        <v>137</v>
      </c>
      <c r="H2323" t="s">
        <v>13</v>
      </c>
    </row>
    <row r="2324" spans="1:8" x14ac:dyDescent="0.25">
      <c r="A2324" s="1">
        <v>44804</v>
      </c>
      <c r="B2324" t="s">
        <v>1737</v>
      </c>
      <c r="C2324" t="s">
        <v>52</v>
      </c>
      <c r="D2324" t="s">
        <v>10</v>
      </c>
      <c r="E2324" t="s">
        <v>11</v>
      </c>
      <c r="F2324" s="2">
        <v>1</v>
      </c>
      <c r="G2324" t="s">
        <v>72</v>
      </c>
      <c r="H2324" t="s">
        <v>13</v>
      </c>
    </row>
    <row r="2325" spans="1:8" x14ac:dyDescent="0.25">
      <c r="A2325" s="1">
        <v>44804</v>
      </c>
      <c r="B2325" t="s">
        <v>1738</v>
      </c>
      <c r="C2325" t="s">
        <v>28</v>
      </c>
      <c r="D2325" t="s">
        <v>10</v>
      </c>
      <c r="E2325" t="s">
        <v>11</v>
      </c>
      <c r="F2325" s="2">
        <v>1</v>
      </c>
      <c r="G2325" t="s">
        <v>24</v>
      </c>
      <c r="H2325" t="s">
        <v>13</v>
      </c>
    </row>
    <row r="2326" spans="1:8" x14ac:dyDescent="0.25">
      <c r="A2326" s="1">
        <v>44804</v>
      </c>
      <c r="B2326" t="s">
        <v>1738</v>
      </c>
      <c r="C2326" t="s">
        <v>35</v>
      </c>
      <c r="D2326" t="s">
        <v>10</v>
      </c>
      <c r="E2326" t="s">
        <v>11</v>
      </c>
      <c r="F2326" s="2">
        <v>1</v>
      </c>
      <c r="G2326" t="s">
        <v>24</v>
      </c>
      <c r="H2326" t="s">
        <v>13</v>
      </c>
    </row>
    <row r="2327" spans="1:8" x14ac:dyDescent="0.25">
      <c r="A2327" s="1">
        <v>44803</v>
      </c>
      <c r="B2327" t="s">
        <v>1739</v>
      </c>
      <c r="C2327" t="s">
        <v>9</v>
      </c>
      <c r="D2327" t="s">
        <v>10</v>
      </c>
      <c r="E2327" t="s">
        <v>11</v>
      </c>
      <c r="F2327" s="2">
        <v>1</v>
      </c>
      <c r="G2327" t="s">
        <v>20</v>
      </c>
      <c r="H2327" t="s">
        <v>13</v>
      </c>
    </row>
    <row r="2328" spans="1:8" x14ac:dyDescent="0.25">
      <c r="A2328" s="1">
        <v>44803</v>
      </c>
      <c r="B2328" t="s">
        <v>1739</v>
      </c>
      <c r="C2328" t="s">
        <v>35</v>
      </c>
      <c r="D2328" t="s">
        <v>10</v>
      </c>
      <c r="E2328" t="s">
        <v>11</v>
      </c>
      <c r="F2328" s="2">
        <v>1</v>
      </c>
      <c r="G2328" t="s">
        <v>20</v>
      </c>
      <c r="H2328" t="s">
        <v>13</v>
      </c>
    </row>
    <row r="2329" spans="1:8" x14ac:dyDescent="0.25">
      <c r="A2329" s="1">
        <v>44803</v>
      </c>
      <c r="B2329" t="s">
        <v>1739</v>
      </c>
      <c r="C2329" t="s">
        <v>32</v>
      </c>
      <c r="D2329" t="s">
        <v>10</v>
      </c>
      <c r="E2329" t="s">
        <v>11</v>
      </c>
      <c r="F2329" s="2">
        <v>1</v>
      </c>
      <c r="G2329" t="s">
        <v>20</v>
      </c>
      <c r="H2329" t="s">
        <v>13</v>
      </c>
    </row>
    <row r="2330" spans="1:8" x14ac:dyDescent="0.25">
      <c r="A2330" s="1">
        <v>44803</v>
      </c>
      <c r="B2330" t="s">
        <v>1740</v>
      </c>
      <c r="C2330" t="s">
        <v>1741</v>
      </c>
      <c r="D2330" t="s">
        <v>10</v>
      </c>
      <c r="E2330" t="s">
        <v>11</v>
      </c>
      <c r="F2330" s="2">
        <v>1</v>
      </c>
      <c r="G2330" t="s">
        <v>145</v>
      </c>
      <c r="H2330" t="s">
        <v>13</v>
      </c>
    </row>
    <row r="2331" spans="1:8" x14ac:dyDescent="0.25">
      <c r="A2331" s="1">
        <v>44803</v>
      </c>
      <c r="B2331" t="s">
        <v>1740</v>
      </c>
      <c r="C2331" t="s">
        <v>1741</v>
      </c>
      <c r="D2331" t="s">
        <v>10</v>
      </c>
      <c r="E2331" t="s">
        <v>11</v>
      </c>
      <c r="F2331" s="2">
        <v>1</v>
      </c>
      <c r="G2331" t="s">
        <v>145</v>
      </c>
      <c r="H2331" t="s">
        <v>13</v>
      </c>
    </row>
    <row r="2332" spans="1:8" x14ac:dyDescent="0.25">
      <c r="A2332" s="1">
        <v>44802</v>
      </c>
      <c r="B2332" t="s">
        <v>1742</v>
      </c>
      <c r="C2332" t="s">
        <v>79</v>
      </c>
      <c r="D2332" t="s">
        <v>10</v>
      </c>
      <c r="E2332" t="s">
        <v>11</v>
      </c>
      <c r="F2332" s="2">
        <v>1</v>
      </c>
      <c r="G2332" t="s">
        <v>24</v>
      </c>
      <c r="H2332" t="s">
        <v>13</v>
      </c>
    </row>
    <row r="2333" spans="1:8" x14ac:dyDescent="0.25">
      <c r="A2333" s="1">
        <v>44802</v>
      </c>
      <c r="B2333" t="s">
        <v>1742</v>
      </c>
      <c r="C2333" t="s">
        <v>80</v>
      </c>
      <c r="D2333" t="s">
        <v>10</v>
      </c>
      <c r="E2333" t="s">
        <v>11</v>
      </c>
      <c r="F2333" s="2">
        <v>1</v>
      </c>
      <c r="G2333" t="s">
        <v>24</v>
      </c>
      <c r="H2333" t="s">
        <v>13</v>
      </c>
    </row>
    <row r="2334" spans="1:8" x14ac:dyDescent="0.25">
      <c r="A2334" s="1">
        <v>44802</v>
      </c>
      <c r="B2334" t="s">
        <v>1743</v>
      </c>
      <c r="C2334" t="s">
        <v>28</v>
      </c>
      <c r="D2334" t="s">
        <v>10</v>
      </c>
      <c r="E2334" t="s">
        <v>11</v>
      </c>
      <c r="F2334" s="2">
        <v>1</v>
      </c>
      <c r="G2334" t="s">
        <v>20</v>
      </c>
      <c r="H2334" t="s">
        <v>13</v>
      </c>
    </row>
    <row r="2335" spans="1:8" x14ac:dyDescent="0.25">
      <c r="A2335" s="1">
        <v>44802</v>
      </c>
      <c r="B2335" t="s">
        <v>1743</v>
      </c>
      <c r="C2335" t="s">
        <v>29</v>
      </c>
      <c r="D2335" t="s">
        <v>10</v>
      </c>
      <c r="E2335" t="s">
        <v>11</v>
      </c>
      <c r="F2335" s="2">
        <v>1</v>
      </c>
      <c r="G2335" t="s">
        <v>20</v>
      </c>
      <c r="H2335" t="s">
        <v>13</v>
      </c>
    </row>
    <row r="2336" spans="1:8" x14ac:dyDescent="0.25">
      <c r="A2336" s="1">
        <v>44801</v>
      </c>
      <c r="B2336" t="s">
        <v>1744</v>
      </c>
      <c r="C2336" t="s">
        <v>9</v>
      </c>
      <c r="D2336" t="s">
        <v>10</v>
      </c>
      <c r="E2336" t="s">
        <v>11</v>
      </c>
      <c r="F2336" s="2">
        <v>1</v>
      </c>
      <c r="G2336" t="s">
        <v>20</v>
      </c>
      <c r="H2336" t="s">
        <v>13</v>
      </c>
    </row>
    <row r="2337" spans="1:8" x14ac:dyDescent="0.25">
      <c r="A2337" s="1">
        <v>44801</v>
      </c>
      <c r="B2337" t="s">
        <v>1744</v>
      </c>
      <c r="C2337" t="s">
        <v>86</v>
      </c>
      <c r="D2337" t="s">
        <v>10</v>
      </c>
      <c r="E2337" t="s">
        <v>11</v>
      </c>
      <c r="F2337" s="2">
        <v>1</v>
      </c>
      <c r="G2337" t="s">
        <v>20</v>
      </c>
      <c r="H2337" t="s">
        <v>13</v>
      </c>
    </row>
    <row r="2338" spans="1:8" x14ac:dyDescent="0.25">
      <c r="A2338" s="1">
        <v>44800</v>
      </c>
      <c r="B2338" t="s">
        <v>1745</v>
      </c>
      <c r="C2338" t="s">
        <v>9</v>
      </c>
      <c r="D2338" t="s">
        <v>10</v>
      </c>
      <c r="E2338" t="s">
        <v>11</v>
      </c>
      <c r="F2338" s="2">
        <v>1</v>
      </c>
      <c r="G2338" t="s">
        <v>205</v>
      </c>
      <c r="H2338" t="s">
        <v>13</v>
      </c>
    </row>
    <row r="2339" spans="1:8" x14ac:dyDescent="0.25">
      <c r="A2339" s="1">
        <v>44800</v>
      </c>
      <c r="B2339" t="s">
        <v>1745</v>
      </c>
      <c r="C2339" t="s">
        <v>16</v>
      </c>
      <c r="D2339" t="s">
        <v>10</v>
      </c>
      <c r="E2339" t="s">
        <v>11</v>
      </c>
      <c r="F2339" s="2">
        <v>1</v>
      </c>
      <c r="G2339" t="s">
        <v>205</v>
      </c>
      <c r="H2339" t="s">
        <v>13</v>
      </c>
    </row>
    <row r="2340" spans="1:8" x14ac:dyDescent="0.25">
      <c r="A2340" s="1">
        <v>44800</v>
      </c>
      <c r="B2340" t="s">
        <v>1746</v>
      </c>
      <c r="C2340" t="s">
        <v>16</v>
      </c>
      <c r="D2340" t="s">
        <v>10</v>
      </c>
      <c r="E2340" t="s">
        <v>11</v>
      </c>
      <c r="F2340" s="2">
        <v>1</v>
      </c>
      <c r="G2340" t="s">
        <v>100</v>
      </c>
      <c r="H2340" t="s">
        <v>13</v>
      </c>
    </row>
    <row r="2341" spans="1:8" x14ac:dyDescent="0.25">
      <c r="A2341" s="1">
        <v>44799</v>
      </c>
      <c r="B2341" t="s">
        <v>1747</v>
      </c>
      <c r="C2341" t="s">
        <v>47</v>
      </c>
      <c r="D2341" t="s">
        <v>26</v>
      </c>
      <c r="E2341" t="s">
        <v>11</v>
      </c>
      <c r="F2341" s="2">
        <v>1</v>
      </c>
      <c r="G2341" t="s">
        <v>197</v>
      </c>
      <c r="H2341" t="s">
        <v>13</v>
      </c>
    </row>
    <row r="2342" spans="1:8" x14ac:dyDescent="0.25">
      <c r="A2342" s="1">
        <v>44799</v>
      </c>
      <c r="B2342" t="s">
        <v>1747</v>
      </c>
      <c r="C2342" t="s">
        <v>14</v>
      </c>
      <c r="D2342" t="s">
        <v>26</v>
      </c>
      <c r="E2342" t="s">
        <v>11</v>
      </c>
      <c r="F2342" s="2">
        <v>1</v>
      </c>
      <c r="G2342" t="s">
        <v>197</v>
      </c>
      <c r="H2342" t="s">
        <v>13</v>
      </c>
    </row>
    <row r="2343" spans="1:8" x14ac:dyDescent="0.25">
      <c r="A2343" s="1">
        <v>44799</v>
      </c>
      <c r="B2343" t="s">
        <v>1748</v>
      </c>
      <c r="C2343" t="s">
        <v>92</v>
      </c>
      <c r="D2343" t="s">
        <v>10</v>
      </c>
      <c r="E2343" t="s">
        <v>11</v>
      </c>
      <c r="F2343" s="2">
        <v>1</v>
      </c>
      <c r="G2343" t="s">
        <v>342</v>
      </c>
      <c r="H2343" t="s">
        <v>13</v>
      </c>
    </row>
    <row r="2344" spans="1:8" x14ac:dyDescent="0.25">
      <c r="A2344" s="1">
        <v>44798</v>
      </c>
      <c r="B2344" t="s">
        <v>1749</v>
      </c>
      <c r="C2344" t="s">
        <v>52</v>
      </c>
      <c r="D2344" t="s">
        <v>10</v>
      </c>
      <c r="E2344" t="s">
        <v>11</v>
      </c>
      <c r="F2344" s="2">
        <v>1</v>
      </c>
      <c r="G2344" t="s">
        <v>447</v>
      </c>
      <c r="H2344" t="s">
        <v>13</v>
      </c>
    </row>
    <row r="2345" spans="1:8" x14ac:dyDescent="0.25">
      <c r="A2345" s="1">
        <v>44798</v>
      </c>
      <c r="B2345" t="s">
        <v>1749</v>
      </c>
      <c r="C2345" t="s">
        <v>50</v>
      </c>
      <c r="D2345" t="s">
        <v>10</v>
      </c>
      <c r="E2345" t="s">
        <v>11</v>
      </c>
      <c r="F2345" s="2">
        <v>1</v>
      </c>
      <c r="G2345" t="s">
        <v>447</v>
      </c>
      <c r="H2345" t="s">
        <v>13</v>
      </c>
    </row>
    <row r="2346" spans="1:8" x14ac:dyDescent="0.25">
      <c r="A2346" s="1">
        <v>44796</v>
      </c>
      <c r="B2346" t="s">
        <v>1750</v>
      </c>
      <c r="C2346" t="s">
        <v>79</v>
      </c>
      <c r="D2346" t="s">
        <v>10</v>
      </c>
      <c r="E2346" t="s">
        <v>11</v>
      </c>
      <c r="F2346" s="2">
        <v>1</v>
      </c>
      <c r="G2346" t="s">
        <v>1650</v>
      </c>
      <c r="H2346" t="s">
        <v>13</v>
      </c>
    </row>
    <row r="2347" spans="1:8" x14ac:dyDescent="0.25">
      <c r="A2347" s="1">
        <v>44796</v>
      </c>
      <c r="B2347" t="s">
        <v>1750</v>
      </c>
      <c r="C2347" t="s">
        <v>80</v>
      </c>
      <c r="D2347" t="s">
        <v>10</v>
      </c>
      <c r="E2347" t="s">
        <v>11</v>
      </c>
      <c r="F2347" s="2">
        <v>1</v>
      </c>
      <c r="G2347" t="s">
        <v>1650</v>
      </c>
      <c r="H2347" t="s">
        <v>13</v>
      </c>
    </row>
    <row r="2348" spans="1:8" x14ac:dyDescent="0.25">
      <c r="A2348" s="1">
        <v>44796</v>
      </c>
      <c r="B2348" t="s">
        <v>1751</v>
      </c>
      <c r="C2348" t="s">
        <v>19</v>
      </c>
      <c r="D2348" t="s">
        <v>10</v>
      </c>
      <c r="E2348" t="s">
        <v>11</v>
      </c>
      <c r="F2348" s="2">
        <v>1</v>
      </c>
      <c r="G2348" t="s">
        <v>788</v>
      </c>
      <c r="H2348" t="s">
        <v>13</v>
      </c>
    </row>
    <row r="2349" spans="1:8" x14ac:dyDescent="0.25">
      <c r="A2349" s="1">
        <v>44796</v>
      </c>
      <c r="B2349" t="s">
        <v>1752</v>
      </c>
      <c r="C2349" t="s">
        <v>96</v>
      </c>
      <c r="D2349" t="s">
        <v>10</v>
      </c>
      <c r="E2349" t="s">
        <v>11</v>
      </c>
      <c r="F2349" s="2">
        <v>1</v>
      </c>
      <c r="G2349" t="s">
        <v>46</v>
      </c>
      <c r="H2349" t="s">
        <v>13</v>
      </c>
    </row>
    <row r="2350" spans="1:8" x14ac:dyDescent="0.25">
      <c r="A2350" s="1">
        <v>44796</v>
      </c>
      <c r="B2350" t="s">
        <v>1753</v>
      </c>
      <c r="C2350" t="s">
        <v>58</v>
      </c>
      <c r="D2350" t="s">
        <v>10</v>
      </c>
      <c r="E2350" t="s">
        <v>11</v>
      </c>
      <c r="F2350" s="2">
        <v>1</v>
      </c>
      <c r="G2350" t="s">
        <v>100</v>
      </c>
      <c r="H2350" t="s">
        <v>13</v>
      </c>
    </row>
    <row r="2351" spans="1:8" x14ac:dyDescent="0.25">
      <c r="A2351" s="1">
        <v>44795</v>
      </c>
      <c r="B2351" t="s">
        <v>1754</v>
      </c>
      <c r="C2351" t="s">
        <v>79</v>
      </c>
      <c r="D2351" t="s">
        <v>10</v>
      </c>
      <c r="E2351" t="s">
        <v>11</v>
      </c>
      <c r="F2351" s="2">
        <v>1</v>
      </c>
      <c r="G2351" t="s">
        <v>100</v>
      </c>
      <c r="H2351" t="s">
        <v>13</v>
      </c>
    </row>
    <row r="2352" spans="1:8" x14ac:dyDescent="0.25">
      <c r="A2352" s="1">
        <v>44795</v>
      </c>
      <c r="B2352" t="s">
        <v>1754</v>
      </c>
      <c r="C2352" t="s">
        <v>80</v>
      </c>
      <c r="D2352" t="s">
        <v>10</v>
      </c>
      <c r="E2352" t="s">
        <v>11</v>
      </c>
      <c r="F2352" s="2">
        <v>1</v>
      </c>
      <c r="G2352" t="s">
        <v>100</v>
      </c>
      <c r="H2352" t="s">
        <v>13</v>
      </c>
    </row>
    <row r="2353" spans="1:8" x14ac:dyDescent="0.25">
      <c r="A2353" s="1">
        <v>44794</v>
      </c>
      <c r="B2353" t="s">
        <v>1755</v>
      </c>
      <c r="C2353" t="s">
        <v>9</v>
      </c>
      <c r="D2353" t="s">
        <v>10</v>
      </c>
      <c r="E2353" t="s">
        <v>11</v>
      </c>
      <c r="F2353" s="2">
        <v>1</v>
      </c>
      <c r="G2353" t="s">
        <v>411</v>
      </c>
      <c r="H2353" t="s">
        <v>13</v>
      </c>
    </row>
    <row r="2354" spans="1:8" x14ac:dyDescent="0.25">
      <c r="A2354" s="1">
        <v>44794</v>
      </c>
      <c r="B2354" t="s">
        <v>1756</v>
      </c>
      <c r="C2354" t="s">
        <v>76</v>
      </c>
      <c r="D2354" t="s">
        <v>10</v>
      </c>
      <c r="E2354" t="s">
        <v>11</v>
      </c>
      <c r="F2354" s="2">
        <v>1</v>
      </c>
      <c r="G2354" t="s">
        <v>515</v>
      </c>
      <c r="H2354" t="s">
        <v>13</v>
      </c>
    </row>
    <row r="2355" spans="1:8" x14ac:dyDescent="0.25">
      <c r="A2355" s="1">
        <v>44794</v>
      </c>
      <c r="B2355" t="s">
        <v>1757</v>
      </c>
      <c r="C2355" t="s">
        <v>47</v>
      </c>
      <c r="D2355" t="s">
        <v>10</v>
      </c>
      <c r="E2355" t="s">
        <v>11</v>
      </c>
      <c r="F2355" s="2">
        <v>1</v>
      </c>
      <c r="G2355" t="s">
        <v>111</v>
      </c>
      <c r="H2355" t="s">
        <v>13</v>
      </c>
    </row>
    <row r="2356" spans="1:8" x14ac:dyDescent="0.25">
      <c r="A2356" s="1">
        <v>44793</v>
      </c>
      <c r="B2356" t="s">
        <v>1758</v>
      </c>
      <c r="C2356" t="s">
        <v>413</v>
      </c>
      <c r="D2356" t="s">
        <v>10</v>
      </c>
      <c r="E2356" t="s">
        <v>11</v>
      </c>
      <c r="F2356" s="2">
        <v>1</v>
      </c>
      <c r="G2356" t="s">
        <v>63</v>
      </c>
      <c r="H2356" t="s">
        <v>13</v>
      </c>
    </row>
    <row r="2357" spans="1:8" x14ac:dyDescent="0.25">
      <c r="A2357" s="1">
        <v>44793</v>
      </c>
      <c r="B2357" t="s">
        <v>1759</v>
      </c>
      <c r="C2357" t="s">
        <v>481</v>
      </c>
      <c r="D2357" t="s">
        <v>10</v>
      </c>
      <c r="E2357" t="s">
        <v>11</v>
      </c>
      <c r="F2357" s="2">
        <v>1</v>
      </c>
      <c r="G2357" t="s">
        <v>303</v>
      </c>
      <c r="H2357" t="s">
        <v>13</v>
      </c>
    </row>
    <row r="2358" spans="1:8" x14ac:dyDescent="0.25">
      <c r="A2358" s="1">
        <v>44792</v>
      </c>
      <c r="B2358" t="s">
        <v>1760</v>
      </c>
      <c r="C2358" t="s">
        <v>19</v>
      </c>
      <c r="D2358" t="s">
        <v>10</v>
      </c>
      <c r="E2358" t="s">
        <v>11</v>
      </c>
      <c r="F2358" s="2">
        <v>1</v>
      </c>
      <c r="G2358" t="s">
        <v>72</v>
      </c>
      <c r="H2358" t="s">
        <v>13</v>
      </c>
    </row>
    <row r="2359" spans="1:8" x14ac:dyDescent="0.25">
      <c r="A2359" s="1">
        <v>44792</v>
      </c>
      <c r="B2359" t="s">
        <v>1761</v>
      </c>
      <c r="C2359" t="s">
        <v>74</v>
      </c>
      <c r="D2359" t="s">
        <v>10</v>
      </c>
      <c r="E2359" t="s">
        <v>11</v>
      </c>
      <c r="F2359" s="2">
        <v>1</v>
      </c>
      <c r="G2359" t="s">
        <v>123</v>
      </c>
      <c r="H2359" t="s">
        <v>13</v>
      </c>
    </row>
    <row r="2360" spans="1:8" x14ac:dyDescent="0.25">
      <c r="A2360" s="1">
        <v>44792</v>
      </c>
      <c r="B2360" t="s">
        <v>1762</v>
      </c>
      <c r="C2360" t="s">
        <v>9</v>
      </c>
      <c r="D2360" t="s">
        <v>10</v>
      </c>
      <c r="E2360" t="s">
        <v>11</v>
      </c>
      <c r="F2360" s="2">
        <v>1</v>
      </c>
      <c r="G2360" t="s">
        <v>70</v>
      </c>
      <c r="H2360" t="s">
        <v>13</v>
      </c>
    </row>
    <row r="2361" spans="1:8" x14ac:dyDescent="0.25">
      <c r="A2361" s="1">
        <v>44792</v>
      </c>
      <c r="B2361" t="s">
        <v>1762</v>
      </c>
      <c r="C2361" t="s">
        <v>52</v>
      </c>
      <c r="D2361" t="s">
        <v>10</v>
      </c>
      <c r="E2361" t="s">
        <v>11</v>
      </c>
      <c r="F2361" s="2">
        <v>1</v>
      </c>
      <c r="G2361" t="s">
        <v>70</v>
      </c>
      <c r="H2361" t="s">
        <v>13</v>
      </c>
    </row>
    <row r="2362" spans="1:8" x14ac:dyDescent="0.25">
      <c r="A2362" s="1">
        <v>44792</v>
      </c>
      <c r="B2362" t="s">
        <v>1762</v>
      </c>
      <c r="C2362" t="s">
        <v>1353</v>
      </c>
      <c r="D2362" t="s">
        <v>10</v>
      </c>
      <c r="E2362" t="s">
        <v>11</v>
      </c>
      <c r="F2362" s="2">
        <v>1</v>
      </c>
      <c r="G2362" t="s">
        <v>70</v>
      </c>
      <c r="H2362" t="s">
        <v>13</v>
      </c>
    </row>
    <row r="2363" spans="1:8" x14ac:dyDescent="0.25">
      <c r="A2363" s="1">
        <v>44792</v>
      </c>
      <c r="B2363" t="s">
        <v>1762</v>
      </c>
      <c r="C2363" t="s">
        <v>220</v>
      </c>
      <c r="D2363" t="s">
        <v>10</v>
      </c>
      <c r="E2363" t="s">
        <v>11</v>
      </c>
      <c r="F2363" s="2">
        <v>1</v>
      </c>
      <c r="G2363" t="s">
        <v>70</v>
      </c>
      <c r="H2363" t="s">
        <v>13</v>
      </c>
    </row>
    <row r="2364" spans="1:8" x14ac:dyDescent="0.25">
      <c r="A2364" s="1">
        <v>44792</v>
      </c>
      <c r="B2364" t="s">
        <v>1763</v>
      </c>
      <c r="C2364" t="s">
        <v>9</v>
      </c>
      <c r="D2364" t="s">
        <v>10</v>
      </c>
      <c r="E2364" t="s">
        <v>11</v>
      </c>
      <c r="F2364" s="2">
        <v>1</v>
      </c>
      <c r="G2364" t="s">
        <v>555</v>
      </c>
      <c r="H2364" t="s">
        <v>13</v>
      </c>
    </row>
    <row r="2365" spans="1:8" x14ac:dyDescent="0.25">
      <c r="A2365" s="1">
        <v>44791</v>
      </c>
      <c r="B2365" t="s">
        <v>1764</v>
      </c>
      <c r="C2365" t="s">
        <v>222</v>
      </c>
      <c r="D2365" t="s">
        <v>10</v>
      </c>
      <c r="E2365" t="s">
        <v>11</v>
      </c>
      <c r="F2365" s="2">
        <v>1</v>
      </c>
      <c r="G2365" t="s">
        <v>53</v>
      </c>
      <c r="H2365" t="s">
        <v>13</v>
      </c>
    </row>
    <row r="2366" spans="1:8" x14ac:dyDescent="0.25">
      <c r="A2366" s="1">
        <v>44790</v>
      </c>
      <c r="B2366" t="s">
        <v>1765</v>
      </c>
      <c r="C2366" t="s">
        <v>35</v>
      </c>
      <c r="D2366" t="s">
        <v>10</v>
      </c>
      <c r="E2366" t="s">
        <v>11</v>
      </c>
      <c r="F2366" s="2">
        <v>1</v>
      </c>
      <c r="G2366" t="s">
        <v>93</v>
      </c>
      <c r="H2366" t="s">
        <v>13</v>
      </c>
    </row>
    <row r="2367" spans="1:8" x14ac:dyDescent="0.25">
      <c r="A2367" s="1">
        <v>44790</v>
      </c>
      <c r="B2367" t="s">
        <v>1766</v>
      </c>
      <c r="C2367" t="s">
        <v>9</v>
      </c>
      <c r="D2367" t="s">
        <v>10</v>
      </c>
      <c r="E2367" t="s">
        <v>11</v>
      </c>
      <c r="F2367" s="2">
        <v>1</v>
      </c>
      <c r="G2367" t="s">
        <v>72</v>
      </c>
      <c r="H2367" t="s">
        <v>13</v>
      </c>
    </row>
    <row r="2368" spans="1:8" x14ac:dyDescent="0.25">
      <c r="A2368" s="1">
        <v>44790</v>
      </c>
      <c r="B2368" t="s">
        <v>1766</v>
      </c>
      <c r="C2368" t="s">
        <v>35</v>
      </c>
      <c r="D2368" t="s">
        <v>10</v>
      </c>
      <c r="E2368" t="s">
        <v>11</v>
      </c>
      <c r="F2368" s="2">
        <v>1</v>
      </c>
      <c r="G2368" t="s">
        <v>72</v>
      </c>
      <c r="H2368" t="s">
        <v>13</v>
      </c>
    </row>
    <row r="2369" spans="1:8" x14ac:dyDescent="0.25">
      <c r="A2369" s="1">
        <v>44790</v>
      </c>
      <c r="B2369" t="s">
        <v>1767</v>
      </c>
      <c r="C2369" t="s">
        <v>79</v>
      </c>
      <c r="D2369" t="s">
        <v>10</v>
      </c>
      <c r="E2369" t="s">
        <v>11</v>
      </c>
      <c r="F2369" s="2">
        <v>1</v>
      </c>
      <c r="G2369" t="s">
        <v>100</v>
      </c>
      <c r="H2369" t="s">
        <v>13</v>
      </c>
    </row>
    <row r="2370" spans="1:8" x14ac:dyDescent="0.25">
      <c r="A2370" s="1">
        <v>44790</v>
      </c>
      <c r="B2370" t="s">
        <v>1767</v>
      </c>
      <c r="C2370" t="s">
        <v>80</v>
      </c>
      <c r="D2370" t="s">
        <v>10</v>
      </c>
      <c r="E2370" t="s">
        <v>11</v>
      </c>
      <c r="F2370" s="2">
        <v>1</v>
      </c>
      <c r="G2370" t="s">
        <v>100</v>
      </c>
      <c r="H2370" t="s">
        <v>13</v>
      </c>
    </row>
    <row r="2371" spans="1:8" x14ac:dyDescent="0.25">
      <c r="A2371" s="1">
        <v>44790</v>
      </c>
      <c r="B2371" t="s">
        <v>1768</v>
      </c>
      <c r="C2371" t="s">
        <v>282</v>
      </c>
      <c r="D2371" t="s">
        <v>10</v>
      </c>
      <c r="E2371" t="s">
        <v>11</v>
      </c>
      <c r="F2371" s="2">
        <v>1</v>
      </c>
      <c r="G2371" t="s">
        <v>165</v>
      </c>
      <c r="H2371" t="s">
        <v>13</v>
      </c>
    </row>
    <row r="2372" spans="1:8" x14ac:dyDescent="0.25">
      <c r="A2372" s="1">
        <v>44790</v>
      </c>
      <c r="B2372" t="s">
        <v>1768</v>
      </c>
      <c r="C2372" t="s">
        <v>1769</v>
      </c>
      <c r="D2372" t="s">
        <v>10</v>
      </c>
      <c r="E2372" t="s">
        <v>11</v>
      </c>
      <c r="F2372" s="2">
        <v>1</v>
      </c>
      <c r="G2372" t="s">
        <v>165</v>
      </c>
      <c r="H2372" t="s">
        <v>13</v>
      </c>
    </row>
    <row r="2373" spans="1:8" x14ac:dyDescent="0.25">
      <c r="A2373" s="1">
        <v>44790</v>
      </c>
      <c r="B2373" t="s">
        <v>1770</v>
      </c>
      <c r="C2373" t="s">
        <v>96</v>
      </c>
      <c r="D2373" t="s">
        <v>10</v>
      </c>
      <c r="E2373" t="s">
        <v>11</v>
      </c>
      <c r="F2373" s="2">
        <v>1</v>
      </c>
      <c r="G2373" t="s">
        <v>445</v>
      </c>
      <c r="H2373" t="s">
        <v>13</v>
      </c>
    </row>
    <row r="2374" spans="1:8" x14ac:dyDescent="0.25">
      <c r="A2374" s="1">
        <v>44789</v>
      </c>
      <c r="B2374" t="s">
        <v>1771</v>
      </c>
      <c r="C2374" t="s">
        <v>142</v>
      </c>
      <c r="D2374" t="s">
        <v>10</v>
      </c>
      <c r="E2374" t="s">
        <v>11</v>
      </c>
      <c r="F2374" s="2">
        <v>1</v>
      </c>
      <c r="G2374" t="s">
        <v>93</v>
      </c>
      <c r="H2374" t="s">
        <v>13</v>
      </c>
    </row>
    <row r="2375" spans="1:8" x14ac:dyDescent="0.25">
      <c r="A2375" s="1">
        <v>44789</v>
      </c>
      <c r="B2375" t="s">
        <v>1771</v>
      </c>
      <c r="C2375" t="s">
        <v>142</v>
      </c>
      <c r="D2375" t="s">
        <v>10</v>
      </c>
      <c r="E2375" t="s">
        <v>11</v>
      </c>
      <c r="F2375" s="2">
        <v>1</v>
      </c>
      <c r="G2375" t="s">
        <v>93</v>
      </c>
      <c r="H2375" t="s">
        <v>13</v>
      </c>
    </row>
    <row r="2376" spans="1:8" x14ac:dyDescent="0.25">
      <c r="A2376" s="1">
        <v>44789</v>
      </c>
      <c r="B2376" t="s">
        <v>1771</v>
      </c>
      <c r="C2376" t="s">
        <v>622</v>
      </c>
      <c r="D2376" t="s">
        <v>10</v>
      </c>
      <c r="E2376" t="s">
        <v>11</v>
      </c>
      <c r="F2376" s="2">
        <v>1</v>
      </c>
      <c r="G2376" t="s">
        <v>93</v>
      </c>
      <c r="H2376" t="s">
        <v>13</v>
      </c>
    </row>
    <row r="2377" spans="1:8" x14ac:dyDescent="0.25">
      <c r="A2377" s="1">
        <v>44789</v>
      </c>
      <c r="B2377" t="s">
        <v>1771</v>
      </c>
      <c r="C2377" t="s">
        <v>622</v>
      </c>
      <c r="D2377" t="s">
        <v>10</v>
      </c>
      <c r="E2377" t="s">
        <v>11</v>
      </c>
      <c r="F2377" s="2">
        <v>1</v>
      </c>
      <c r="G2377" t="s">
        <v>93</v>
      </c>
      <c r="H2377" t="s">
        <v>13</v>
      </c>
    </row>
    <row r="2378" spans="1:8" x14ac:dyDescent="0.25">
      <c r="A2378" s="1">
        <v>44789</v>
      </c>
      <c r="B2378" t="s">
        <v>1772</v>
      </c>
      <c r="C2378" t="s">
        <v>1773</v>
      </c>
      <c r="D2378" t="s">
        <v>10</v>
      </c>
      <c r="E2378" t="s">
        <v>11</v>
      </c>
      <c r="F2378" s="2">
        <v>1</v>
      </c>
      <c r="G2378" t="s">
        <v>53</v>
      </c>
      <c r="H2378" t="s">
        <v>13</v>
      </c>
    </row>
    <row r="2379" spans="1:8" x14ac:dyDescent="0.25">
      <c r="A2379" s="1">
        <v>44788</v>
      </c>
      <c r="B2379" t="s">
        <v>1774</v>
      </c>
      <c r="C2379" t="s">
        <v>79</v>
      </c>
      <c r="D2379" t="s">
        <v>10</v>
      </c>
      <c r="E2379" t="s">
        <v>11</v>
      </c>
      <c r="F2379" s="2">
        <v>1</v>
      </c>
      <c r="G2379" t="s">
        <v>181</v>
      </c>
      <c r="H2379" t="s">
        <v>13</v>
      </c>
    </row>
    <row r="2380" spans="1:8" x14ac:dyDescent="0.25">
      <c r="A2380" s="1">
        <v>44788</v>
      </c>
      <c r="B2380" t="s">
        <v>1774</v>
      </c>
      <c r="C2380" t="s">
        <v>80</v>
      </c>
      <c r="D2380" t="s">
        <v>10</v>
      </c>
      <c r="E2380" t="s">
        <v>11</v>
      </c>
      <c r="F2380" s="2">
        <v>1</v>
      </c>
      <c r="G2380" t="s">
        <v>181</v>
      </c>
      <c r="H2380" t="s">
        <v>13</v>
      </c>
    </row>
    <row r="2381" spans="1:8" x14ac:dyDescent="0.25">
      <c r="A2381" s="1">
        <v>44787</v>
      </c>
      <c r="B2381" t="s">
        <v>1775</v>
      </c>
      <c r="C2381" t="s">
        <v>9</v>
      </c>
      <c r="D2381" t="s">
        <v>10</v>
      </c>
      <c r="E2381" t="s">
        <v>11</v>
      </c>
      <c r="F2381" s="2">
        <v>1</v>
      </c>
      <c r="G2381" t="s">
        <v>37</v>
      </c>
      <c r="H2381" t="s">
        <v>13</v>
      </c>
    </row>
    <row r="2382" spans="1:8" x14ac:dyDescent="0.25">
      <c r="A2382" s="1">
        <v>44787</v>
      </c>
      <c r="B2382" t="s">
        <v>1776</v>
      </c>
      <c r="C2382" t="s">
        <v>16</v>
      </c>
      <c r="D2382" t="s">
        <v>10</v>
      </c>
      <c r="E2382" t="s">
        <v>11</v>
      </c>
      <c r="F2382" s="2">
        <v>1</v>
      </c>
      <c r="G2382" t="s">
        <v>111</v>
      </c>
      <c r="H2382" t="s">
        <v>13</v>
      </c>
    </row>
    <row r="2383" spans="1:8" x14ac:dyDescent="0.25">
      <c r="A2383" s="1">
        <v>44787</v>
      </c>
      <c r="B2383" t="s">
        <v>1777</v>
      </c>
      <c r="C2383" t="s">
        <v>35</v>
      </c>
      <c r="D2383" t="s">
        <v>10</v>
      </c>
      <c r="E2383" t="s">
        <v>11</v>
      </c>
      <c r="F2383" s="2">
        <v>1</v>
      </c>
      <c r="G2383" t="s">
        <v>31</v>
      </c>
      <c r="H2383" t="s">
        <v>13</v>
      </c>
    </row>
    <row r="2384" spans="1:8" x14ac:dyDescent="0.25">
      <c r="A2384" s="1">
        <v>44787</v>
      </c>
      <c r="B2384" t="s">
        <v>1778</v>
      </c>
      <c r="C2384" t="s">
        <v>9</v>
      </c>
      <c r="D2384" t="s">
        <v>10</v>
      </c>
      <c r="E2384" t="s">
        <v>11</v>
      </c>
      <c r="F2384" s="2">
        <v>1</v>
      </c>
      <c r="G2384" t="s">
        <v>123</v>
      </c>
      <c r="H2384" t="s">
        <v>13</v>
      </c>
    </row>
    <row r="2385" spans="1:8" x14ac:dyDescent="0.25">
      <c r="A2385" s="1">
        <v>44787</v>
      </c>
      <c r="B2385" t="s">
        <v>1778</v>
      </c>
      <c r="C2385" t="s">
        <v>96</v>
      </c>
      <c r="D2385" t="s">
        <v>10</v>
      </c>
      <c r="E2385" t="s">
        <v>11</v>
      </c>
      <c r="F2385" s="2">
        <v>1</v>
      </c>
      <c r="G2385" t="s">
        <v>123</v>
      </c>
      <c r="H2385" t="s">
        <v>13</v>
      </c>
    </row>
    <row r="2386" spans="1:8" x14ac:dyDescent="0.25">
      <c r="A2386" s="1">
        <v>44785</v>
      </c>
      <c r="B2386" t="s">
        <v>1779</v>
      </c>
      <c r="C2386" t="s">
        <v>79</v>
      </c>
      <c r="D2386" t="s">
        <v>10</v>
      </c>
      <c r="E2386" t="s">
        <v>11</v>
      </c>
      <c r="F2386" s="2">
        <v>1</v>
      </c>
      <c r="G2386" t="s">
        <v>61</v>
      </c>
      <c r="H2386" t="s">
        <v>13</v>
      </c>
    </row>
    <row r="2387" spans="1:8" x14ac:dyDescent="0.25">
      <c r="A2387" s="1">
        <v>44785</v>
      </c>
      <c r="B2387" t="s">
        <v>1779</v>
      </c>
      <c r="C2387" t="s">
        <v>80</v>
      </c>
      <c r="D2387" t="s">
        <v>10</v>
      </c>
      <c r="E2387" t="s">
        <v>11</v>
      </c>
      <c r="F2387" s="2">
        <v>1</v>
      </c>
      <c r="G2387" t="s">
        <v>61</v>
      </c>
      <c r="H2387" t="s">
        <v>13</v>
      </c>
    </row>
    <row r="2388" spans="1:8" x14ac:dyDescent="0.25">
      <c r="A2388" s="1">
        <v>44785</v>
      </c>
      <c r="B2388" t="s">
        <v>1780</v>
      </c>
      <c r="C2388" t="s">
        <v>19</v>
      </c>
      <c r="D2388" t="s">
        <v>10</v>
      </c>
      <c r="E2388" t="s">
        <v>11</v>
      </c>
      <c r="F2388" s="2">
        <v>1</v>
      </c>
      <c r="G2388" t="s">
        <v>100</v>
      </c>
      <c r="H2388" t="s">
        <v>13</v>
      </c>
    </row>
    <row r="2389" spans="1:8" x14ac:dyDescent="0.25">
      <c r="A2389" s="1">
        <v>44785</v>
      </c>
      <c r="B2389" t="s">
        <v>1781</v>
      </c>
      <c r="C2389" t="s">
        <v>9</v>
      </c>
      <c r="D2389" t="s">
        <v>10</v>
      </c>
      <c r="E2389" t="s">
        <v>11</v>
      </c>
      <c r="F2389" s="2">
        <v>1</v>
      </c>
      <c r="G2389" t="s">
        <v>24</v>
      </c>
      <c r="H2389" t="s">
        <v>13</v>
      </c>
    </row>
    <row r="2390" spans="1:8" x14ac:dyDescent="0.25">
      <c r="A2390" s="1">
        <v>44785</v>
      </c>
      <c r="B2390" t="s">
        <v>1781</v>
      </c>
      <c r="C2390" t="s">
        <v>28</v>
      </c>
      <c r="D2390" t="s">
        <v>10</v>
      </c>
      <c r="E2390" t="s">
        <v>11</v>
      </c>
      <c r="F2390" s="2">
        <v>1</v>
      </c>
      <c r="G2390" t="s">
        <v>24</v>
      </c>
      <c r="H2390" t="s">
        <v>13</v>
      </c>
    </row>
    <row r="2391" spans="1:8" x14ac:dyDescent="0.25">
      <c r="A2391" s="1">
        <v>44785</v>
      </c>
      <c r="B2391" t="s">
        <v>1781</v>
      </c>
      <c r="C2391" t="s">
        <v>29</v>
      </c>
      <c r="D2391" t="s">
        <v>10</v>
      </c>
      <c r="E2391" t="s">
        <v>11</v>
      </c>
      <c r="F2391" s="2">
        <v>1</v>
      </c>
      <c r="G2391" t="s">
        <v>24</v>
      </c>
      <c r="H2391" t="s">
        <v>13</v>
      </c>
    </row>
    <row r="2392" spans="1:8" x14ac:dyDescent="0.25">
      <c r="A2392" s="1">
        <v>44785</v>
      </c>
      <c r="B2392" t="s">
        <v>1781</v>
      </c>
      <c r="C2392" t="s">
        <v>35</v>
      </c>
      <c r="D2392" t="s">
        <v>10</v>
      </c>
      <c r="E2392" t="s">
        <v>11</v>
      </c>
      <c r="F2392" s="2">
        <v>1</v>
      </c>
      <c r="G2392" t="s">
        <v>24</v>
      </c>
      <c r="H2392" t="s">
        <v>13</v>
      </c>
    </row>
    <row r="2393" spans="1:8" x14ac:dyDescent="0.25">
      <c r="A2393" s="1">
        <v>44783</v>
      </c>
      <c r="B2393" t="s">
        <v>1782</v>
      </c>
      <c r="C2393" t="s">
        <v>74</v>
      </c>
      <c r="D2393" t="s">
        <v>10</v>
      </c>
      <c r="E2393" t="s">
        <v>11</v>
      </c>
      <c r="F2393" s="2">
        <v>1</v>
      </c>
      <c r="G2393" t="s">
        <v>1598</v>
      </c>
      <c r="H2393" t="s">
        <v>13</v>
      </c>
    </row>
    <row r="2394" spans="1:8" x14ac:dyDescent="0.25">
      <c r="A2394" s="1">
        <v>44783</v>
      </c>
      <c r="B2394" t="s">
        <v>1782</v>
      </c>
      <c r="C2394" t="s">
        <v>163</v>
      </c>
      <c r="D2394" t="s">
        <v>10</v>
      </c>
      <c r="E2394" t="s">
        <v>11</v>
      </c>
      <c r="F2394" s="2">
        <v>1</v>
      </c>
      <c r="G2394" t="s">
        <v>1598</v>
      </c>
      <c r="H2394" t="s">
        <v>13</v>
      </c>
    </row>
    <row r="2395" spans="1:8" x14ac:dyDescent="0.25">
      <c r="A2395" s="1">
        <v>44780</v>
      </c>
      <c r="B2395" t="s">
        <v>1783</v>
      </c>
      <c r="C2395" t="s">
        <v>79</v>
      </c>
      <c r="D2395" t="s">
        <v>10</v>
      </c>
      <c r="E2395" t="s">
        <v>11</v>
      </c>
      <c r="F2395" s="2">
        <v>1</v>
      </c>
      <c r="G2395" t="s">
        <v>137</v>
      </c>
      <c r="H2395" t="s">
        <v>13</v>
      </c>
    </row>
    <row r="2396" spans="1:8" x14ac:dyDescent="0.25">
      <c r="A2396" s="1">
        <v>44780</v>
      </c>
      <c r="B2396" t="s">
        <v>1783</v>
      </c>
      <c r="C2396" t="s">
        <v>80</v>
      </c>
      <c r="D2396" t="s">
        <v>10</v>
      </c>
      <c r="E2396" t="s">
        <v>11</v>
      </c>
      <c r="F2396" s="2">
        <v>1</v>
      </c>
      <c r="G2396" t="s">
        <v>137</v>
      </c>
      <c r="H2396" t="s">
        <v>13</v>
      </c>
    </row>
    <row r="2397" spans="1:8" x14ac:dyDescent="0.25">
      <c r="A2397" s="1">
        <v>44780</v>
      </c>
      <c r="B2397" t="s">
        <v>1784</v>
      </c>
      <c r="C2397" t="s">
        <v>9</v>
      </c>
      <c r="D2397" t="s">
        <v>10</v>
      </c>
      <c r="E2397" t="s">
        <v>11</v>
      </c>
      <c r="F2397" s="2">
        <v>1</v>
      </c>
      <c r="G2397" t="s">
        <v>135</v>
      </c>
      <c r="H2397" t="s">
        <v>13</v>
      </c>
    </row>
    <row r="2398" spans="1:8" x14ac:dyDescent="0.25">
      <c r="A2398" s="1">
        <v>44779</v>
      </c>
      <c r="B2398" t="s">
        <v>1785</v>
      </c>
      <c r="C2398" t="s">
        <v>79</v>
      </c>
      <c r="D2398" t="s">
        <v>10</v>
      </c>
      <c r="E2398" t="s">
        <v>11</v>
      </c>
      <c r="F2398" s="2">
        <v>1</v>
      </c>
      <c r="G2398" t="s">
        <v>856</v>
      </c>
      <c r="H2398" t="s">
        <v>13</v>
      </c>
    </row>
    <row r="2399" spans="1:8" x14ac:dyDescent="0.25">
      <c r="A2399" s="1">
        <v>44779</v>
      </c>
      <c r="B2399" t="s">
        <v>1785</v>
      </c>
      <c r="C2399" t="s">
        <v>1177</v>
      </c>
      <c r="D2399" t="s">
        <v>10</v>
      </c>
      <c r="E2399" t="s">
        <v>11</v>
      </c>
      <c r="F2399" s="2">
        <v>1</v>
      </c>
      <c r="G2399" t="s">
        <v>856</v>
      </c>
      <c r="H2399" t="s">
        <v>13</v>
      </c>
    </row>
    <row r="2400" spans="1:8" x14ac:dyDescent="0.25">
      <c r="A2400" s="1">
        <v>44779</v>
      </c>
      <c r="B2400" t="s">
        <v>1785</v>
      </c>
      <c r="C2400" t="s">
        <v>80</v>
      </c>
      <c r="D2400" t="s">
        <v>10</v>
      </c>
      <c r="E2400" t="s">
        <v>11</v>
      </c>
      <c r="F2400" s="2">
        <v>1</v>
      </c>
      <c r="G2400" t="s">
        <v>856</v>
      </c>
      <c r="H2400" t="s">
        <v>13</v>
      </c>
    </row>
    <row r="2401" spans="1:8" x14ac:dyDescent="0.25">
      <c r="A2401" s="1">
        <v>44779</v>
      </c>
      <c r="B2401" t="s">
        <v>1785</v>
      </c>
      <c r="C2401" t="s">
        <v>731</v>
      </c>
      <c r="D2401" t="s">
        <v>10</v>
      </c>
      <c r="E2401" t="s">
        <v>11</v>
      </c>
      <c r="F2401" s="2">
        <v>1</v>
      </c>
      <c r="G2401" t="s">
        <v>856</v>
      </c>
      <c r="H2401" t="s">
        <v>13</v>
      </c>
    </row>
    <row r="2402" spans="1:8" x14ac:dyDescent="0.25">
      <c r="A2402" s="1">
        <v>44779</v>
      </c>
      <c r="B2402" t="s">
        <v>1786</v>
      </c>
      <c r="C2402" t="s">
        <v>52</v>
      </c>
      <c r="D2402" t="s">
        <v>10</v>
      </c>
      <c r="E2402" t="s">
        <v>11</v>
      </c>
      <c r="F2402" s="2">
        <v>1</v>
      </c>
      <c r="G2402" t="s">
        <v>1787</v>
      </c>
      <c r="H2402" t="s">
        <v>13</v>
      </c>
    </row>
    <row r="2403" spans="1:8" x14ac:dyDescent="0.25">
      <c r="A2403" s="1">
        <v>44779</v>
      </c>
      <c r="B2403" t="s">
        <v>1786</v>
      </c>
      <c r="C2403" t="s">
        <v>149</v>
      </c>
      <c r="D2403" t="s">
        <v>10</v>
      </c>
      <c r="E2403" t="s">
        <v>11</v>
      </c>
      <c r="F2403" s="2">
        <v>1</v>
      </c>
      <c r="G2403" t="s">
        <v>1787</v>
      </c>
      <c r="H2403" t="s">
        <v>13</v>
      </c>
    </row>
    <row r="2404" spans="1:8" x14ac:dyDescent="0.25">
      <c r="A2404" s="1">
        <v>44779</v>
      </c>
      <c r="B2404" t="s">
        <v>1786</v>
      </c>
      <c r="C2404" t="s">
        <v>150</v>
      </c>
      <c r="D2404" t="s">
        <v>10</v>
      </c>
      <c r="E2404" t="s">
        <v>11</v>
      </c>
      <c r="F2404" s="2">
        <v>1</v>
      </c>
      <c r="G2404" t="s">
        <v>1787</v>
      </c>
      <c r="H2404" t="s">
        <v>13</v>
      </c>
    </row>
    <row r="2405" spans="1:8" x14ac:dyDescent="0.25">
      <c r="A2405" s="1">
        <v>44778</v>
      </c>
      <c r="B2405" t="s">
        <v>1788</v>
      </c>
      <c r="C2405" t="s">
        <v>413</v>
      </c>
      <c r="D2405" t="s">
        <v>10</v>
      </c>
      <c r="E2405" t="s">
        <v>11</v>
      </c>
      <c r="F2405" s="2">
        <v>1</v>
      </c>
      <c r="G2405" t="s">
        <v>100</v>
      </c>
      <c r="H2405" t="s">
        <v>13</v>
      </c>
    </row>
    <row r="2406" spans="1:8" x14ac:dyDescent="0.25">
      <c r="A2406" s="1">
        <v>44778</v>
      </c>
      <c r="B2406" t="s">
        <v>1788</v>
      </c>
      <c r="C2406" t="s">
        <v>47</v>
      </c>
      <c r="D2406" t="s">
        <v>10</v>
      </c>
      <c r="E2406" t="s">
        <v>11</v>
      </c>
      <c r="F2406" s="2">
        <v>1</v>
      </c>
      <c r="G2406" t="s">
        <v>100</v>
      </c>
      <c r="H2406" t="s">
        <v>13</v>
      </c>
    </row>
    <row r="2407" spans="1:8" x14ac:dyDescent="0.25">
      <c r="A2407" s="1">
        <v>44778</v>
      </c>
      <c r="B2407" t="s">
        <v>1788</v>
      </c>
      <c r="C2407" t="s">
        <v>14</v>
      </c>
      <c r="D2407" t="s">
        <v>10</v>
      </c>
      <c r="E2407" t="s">
        <v>11</v>
      </c>
      <c r="F2407" s="2">
        <v>1</v>
      </c>
      <c r="G2407" t="s">
        <v>100</v>
      </c>
      <c r="H2407" t="s">
        <v>13</v>
      </c>
    </row>
    <row r="2408" spans="1:8" x14ac:dyDescent="0.25">
      <c r="A2408" s="1">
        <v>44777</v>
      </c>
      <c r="B2408" t="s">
        <v>1789</v>
      </c>
      <c r="C2408" t="s">
        <v>800</v>
      </c>
      <c r="D2408" t="s">
        <v>10</v>
      </c>
      <c r="E2408" t="s">
        <v>11</v>
      </c>
      <c r="F2408" s="2">
        <v>1</v>
      </c>
      <c r="G2408" t="s">
        <v>244</v>
      </c>
      <c r="H2408" t="s">
        <v>13</v>
      </c>
    </row>
    <row r="2409" spans="1:8" x14ac:dyDescent="0.25">
      <c r="A2409" s="1">
        <v>44777</v>
      </c>
      <c r="B2409" t="s">
        <v>1789</v>
      </c>
      <c r="C2409" t="s">
        <v>16</v>
      </c>
      <c r="D2409" t="s">
        <v>10</v>
      </c>
      <c r="E2409" t="s">
        <v>11</v>
      </c>
      <c r="F2409" s="2">
        <v>1</v>
      </c>
      <c r="G2409" t="s">
        <v>244</v>
      </c>
      <c r="H2409" t="s">
        <v>13</v>
      </c>
    </row>
    <row r="2410" spans="1:8" x14ac:dyDescent="0.25">
      <c r="A2410" s="1">
        <v>44777</v>
      </c>
      <c r="B2410" t="s">
        <v>1790</v>
      </c>
      <c r="C2410" t="s">
        <v>79</v>
      </c>
      <c r="D2410" t="s">
        <v>10</v>
      </c>
      <c r="E2410" t="s">
        <v>11</v>
      </c>
      <c r="F2410" s="2">
        <v>1</v>
      </c>
      <c r="G2410" t="s">
        <v>77</v>
      </c>
      <c r="H2410" t="s">
        <v>13</v>
      </c>
    </row>
    <row r="2411" spans="1:8" x14ac:dyDescent="0.25">
      <c r="A2411" s="1">
        <v>44777</v>
      </c>
      <c r="B2411" t="s">
        <v>1790</v>
      </c>
      <c r="C2411" t="s">
        <v>80</v>
      </c>
      <c r="D2411" t="s">
        <v>10</v>
      </c>
      <c r="E2411" t="s">
        <v>11</v>
      </c>
      <c r="F2411" s="2">
        <v>1</v>
      </c>
      <c r="G2411" t="s">
        <v>77</v>
      </c>
      <c r="H2411" t="s">
        <v>13</v>
      </c>
    </row>
    <row r="2412" spans="1:8" x14ac:dyDescent="0.25">
      <c r="A2412" s="1">
        <v>44776</v>
      </c>
      <c r="B2412" t="s">
        <v>1791</v>
      </c>
      <c r="C2412" t="s">
        <v>58</v>
      </c>
      <c r="D2412" t="s">
        <v>10</v>
      </c>
      <c r="E2412" t="s">
        <v>11</v>
      </c>
      <c r="F2412" s="2">
        <v>1</v>
      </c>
      <c r="G2412" t="s">
        <v>191</v>
      </c>
      <c r="H2412" t="s">
        <v>13</v>
      </c>
    </row>
    <row r="2413" spans="1:8" x14ac:dyDescent="0.25">
      <c r="A2413" s="1">
        <v>44776</v>
      </c>
      <c r="B2413" t="s">
        <v>1792</v>
      </c>
      <c r="C2413" t="s">
        <v>28</v>
      </c>
      <c r="D2413" t="s">
        <v>26</v>
      </c>
      <c r="E2413" t="s">
        <v>11</v>
      </c>
      <c r="F2413" s="2">
        <v>1</v>
      </c>
      <c r="G2413" t="s">
        <v>20</v>
      </c>
      <c r="H2413" t="s">
        <v>13</v>
      </c>
    </row>
    <row r="2414" spans="1:8" x14ac:dyDescent="0.25">
      <c r="A2414" s="1">
        <v>44775</v>
      </c>
      <c r="B2414" t="s">
        <v>1793</v>
      </c>
      <c r="C2414" t="s">
        <v>1394</v>
      </c>
      <c r="D2414" t="s">
        <v>10</v>
      </c>
      <c r="E2414" t="s">
        <v>11</v>
      </c>
      <c r="F2414" s="2">
        <v>1</v>
      </c>
      <c r="G2414" t="s">
        <v>100</v>
      </c>
      <c r="H2414" t="s">
        <v>13</v>
      </c>
    </row>
    <row r="2415" spans="1:8" x14ac:dyDescent="0.25">
      <c r="A2415" s="1">
        <v>44774</v>
      </c>
      <c r="B2415" t="s">
        <v>1794</v>
      </c>
      <c r="C2415" t="s">
        <v>9</v>
      </c>
      <c r="D2415" t="s">
        <v>10</v>
      </c>
      <c r="E2415" t="s">
        <v>11</v>
      </c>
      <c r="F2415" s="2">
        <v>1</v>
      </c>
      <c r="G2415" t="s">
        <v>46</v>
      </c>
      <c r="H2415" t="s">
        <v>13</v>
      </c>
    </row>
    <row r="2416" spans="1:8" x14ac:dyDescent="0.25">
      <c r="A2416" s="1">
        <v>44774</v>
      </c>
      <c r="B2416" t="s">
        <v>1795</v>
      </c>
      <c r="C2416" t="s">
        <v>222</v>
      </c>
      <c r="D2416" t="s">
        <v>10</v>
      </c>
      <c r="E2416" t="s">
        <v>11</v>
      </c>
      <c r="F2416" s="2">
        <v>1</v>
      </c>
      <c r="G2416" t="s">
        <v>53</v>
      </c>
      <c r="H2416" t="s">
        <v>13</v>
      </c>
    </row>
    <row r="2417" spans="1:8" x14ac:dyDescent="0.25">
      <c r="A2417" s="1">
        <v>44773</v>
      </c>
      <c r="B2417" t="s">
        <v>1796</v>
      </c>
      <c r="C2417" t="s">
        <v>19</v>
      </c>
      <c r="D2417" t="s">
        <v>10</v>
      </c>
      <c r="E2417" t="s">
        <v>11</v>
      </c>
      <c r="F2417" s="2">
        <v>1</v>
      </c>
      <c r="G2417" t="s">
        <v>37</v>
      </c>
      <c r="H2417" t="s">
        <v>13</v>
      </c>
    </row>
    <row r="2418" spans="1:8" x14ac:dyDescent="0.25">
      <c r="A2418" s="1">
        <v>44773</v>
      </c>
      <c r="B2418" t="s">
        <v>1796</v>
      </c>
      <c r="C2418" t="s">
        <v>103</v>
      </c>
      <c r="D2418" t="s">
        <v>10</v>
      </c>
      <c r="E2418" t="s">
        <v>11</v>
      </c>
      <c r="F2418" s="2">
        <v>1</v>
      </c>
      <c r="G2418" t="s">
        <v>37</v>
      </c>
      <c r="H2418" t="s">
        <v>13</v>
      </c>
    </row>
    <row r="2419" spans="1:8" x14ac:dyDescent="0.25">
      <c r="A2419" s="1">
        <v>44772</v>
      </c>
      <c r="B2419" t="s">
        <v>1797</v>
      </c>
      <c r="C2419" t="s">
        <v>222</v>
      </c>
      <c r="D2419" t="s">
        <v>10</v>
      </c>
      <c r="E2419" t="s">
        <v>11</v>
      </c>
      <c r="F2419" s="2">
        <v>1</v>
      </c>
      <c r="G2419" t="s">
        <v>53</v>
      </c>
      <c r="H2419" t="s">
        <v>13</v>
      </c>
    </row>
    <row r="2420" spans="1:8" x14ac:dyDescent="0.25">
      <c r="A2420" s="1">
        <v>44771</v>
      </c>
      <c r="B2420" t="s">
        <v>1798</v>
      </c>
      <c r="C2420" t="s">
        <v>16</v>
      </c>
      <c r="D2420" t="s">
        <v>10</v>
      </c>
      <c r="E2420" t="s">
        <v>11</v>
      </c>
      <c r="F2420" s="2">
        <v>1</v>
      </c>
      <c r="G2420" t="s">
        <v>20</v>
      </c>
      <c r="H2420" t="s">
        <v>13</v>
      </c>
    </row>
    <row r="2421" spans="1:8" x14ac:dyDescent="0.25">
      <c r="A2421" s="1">
        <v>44771</v>
      </c>
      <c r="B2421" t="s">
        <v>1798</v>
      </c>
      <c r="C2421" t="s">
        <v>410</v>
      </c>
      <c r="D2421" t="s">
        <v>10</v>
      </c>
      <c r="E2421" t="s">
        <v>11</v>
      </c>
      <c r="F2421" s="2">
        <v>1</v>
      </c>
      <c r="G2421" t="s">
        <v>20</v>
      </c>
      <c r="H2421" t="s">
        <v>13</v>
      </c>
    </row>
    <row r="2422" spans="1:8" x14ac:dyDescent="0.25">
      <c r="A2422" s="1">
        <v>44771</v>
      </c>
      <c r="B2422" t="s">
        <v>1799</v>
      </c>
      <c r="C2422" t="s">
        <v>76</v>
      </c>
      <c r="D2422" t="s">
        <v>10</v>
      </c>
      <c r="E2422" t="s">
        <v>11</v>
      </c>
      <c r="F2422" s="2">
        <v>1</v>
      </c>
      <c r="G2422" t="s">
        <v>83</v>
      </c>
      <c r="H2422" t="s">
        <v>13</v>
      </c>
    </row>
    <row r="2423" spans="1:8" x14ac:dyDescent="0.25">
      <c r="A2423" s="1">
        <v>44771</v>
      </c>
      <c r="B2423" t="s">
        <v>1800</v>
      </c>
      <c r="C2423" t="s">
        <v>92</v>
      </c>
      <c r="D2423" t="s">
        <v>10</v>
      </c>
      <c r="E2423" t="s">
        <v>11</v>
      </c>
      <c r="F2423" s="2">
        <v>1</v>
      </c>
      <c r="G2423" t="s">
        <v>342</v>
      </c>
      <c r="H2423" t="s">
        <v>13</v>
      </c>
    </row>
    <row r="2424" spans="1:8" x14ac:dyDescent="0.25">
      <c r="A2424" s="1">
        <v>44770</v>
      </c>
      <c r="B2424" t="s">
        <v>1801</v>
      </c>
      <c r="C2424" t="s">
        <v>9</v>
      </c>
      <c r="D2424" t="s">
        <v>10</v>
      </c>
      <c r="E2424" t="s">
        <v>11</v>
      </c>
      <c r="F2424" s="2">
        <v>1</v>
      </c>
      <c r="G2424" t="s">
        <v>31</v>
      </c>
      <c r="H2424" t="s">
        <v>13</v>
      </c>
    </row>
    <row r="2425" spans="1:8" x14ac:dyDescent="0.25">
      <c r="A2425" s="1">
        <v>44770</v>
      </c>
      <c r="B2425" t="s">
        <v>1801</v>
      </c>
      <c r="C2425" t="s">
        <v>35</v>
      </c>
      <c r="D2425" t="s">
        <v>10</v>
      </c>
      <c r="E2425" t="s">
        <v>11</v>
      </c>
      <c r="F2425" s="2">
        <v>1</v>
      </c>
      <c r="G2425" t="s">
        <v>31</v>
      </c>
      <c r="H2425" t="s">
        <v>13</v>
      </c>
    </row>
    <row r="2426" spans="1:8" x14ac:dyDescent="0.25">
      <c r="A2426" s="1">
        <v>44770</v>
      </c>
      <c r="B2426" t="s">
        <v>1802</v>
      </c>
      <c r="C2426" t="s">
        <v>19</v>
      </c>
      <c r="D2426" t="s">
        <v>10</v>
      </c>
      <c r="E2426" t="s">
        <v>11</v>
      </c>
      <c r="F2426" s="2">
        <v>1</v>
      </c>
      <c r="G2426" t="s">
        <v>72</v>
      </c>
      <c r="H2426" t="s">
        <v>13</v>
      </c>
    </row>
    <row r="2427" spans="1:8" x14ac:dyDescent="0.25">
      <c r="A2427" s="1">
        <v>44768</v>
      </c>
      <c r="B2427" t="s">
        <v>1803</v>
      </c>
      <c r="C2427" t="s">
        <v>629</v>
      </c>
      <c r="D2427" t="s">
        <v>10</v>
      </c>
      <c r="E2427" t="s">
        <v>11</v>
      </c>
      <c r="F2427" s="2">
        <v>1</v>
      </c>
      <c r="G2427" t="s">
        <v>67</v>
      </c>
      <c r="H2427" t="s">
        <v>13</v>
      </c>
    </row>
    <row r="2428" spans="1:8" x14ac:dyDescent="0.25">
      <c r="A2428" s="1">
        <v>44768</v>
      </c>
      <c r="B2428" t="s">
        <v>1804</v>
      </c>
      <c r="C2428" t="s">
        <v>9</v>
      </c>
      <c r="D2428" t="s">
        <v>10</v>
      </c>
      <c r="E2428" t="s">
        <v>11</v>
      </c>
      <c r="F2428" s="2">
        <v>1</v>
      </c>
      <c r="G2428" t="s">
        <v>20</v>
      </c>
      <c r="H2428" t="s">
        <v>13</v>
      </c>
    </row>
    <row r="2429" spans="1:8" x14ac:dyDescent="0.25">
      <c r="A2429" s="1">
        <v>44768</v>
      </c>
      <c r="B2429" t="s">
        <v>1805</v>
      </c>
      <c r="C2429" t="s">
        <v>47</v>
      </c>
      <c r="D2429" t="s">
        <v>10</v>
      </c>
      <c r="E2429" t="s">
        <v>11</v>
      </c>
      <c r="F2429" s="2">
        <v>1</v>
      </c>
      <c r="G2429" t="s">
        <v>20</v>
      </c>
      <c r="H2429" t="s">
        <v>13</v>
      </c>
    </row>
    <row r="2430" spans="1:8" x14ac:dyDescent="0.25">
      <c r="A2430" s="1">
        <v>44768</v>
      </c>
      <c r="B2430" t="s">
        <v>1806</v>
      </c>
      <c r="C2430" t="s">
        <v>9</v>
      </c>
      <c r="D2430" t="s">
        <v>10</v>
      </c>
      <c r="E2430" t="s">
        <v>11</v>
      </c>
      <c r="F2430" s="2">
        <v>1</v>
      </c>
      <c r="G2430" t="s">
        <v>20</v>
      </c>
      <c r="H2430" t="s">
        <v>13</v>
      </c>
    </row>
    <row r="2431" spans="1:8" x14ac:dyDescent="0.25">
      <c r="A2431" s="1">
        <v>44768</v>
      </c>
      <c r="B2431" t="s">
        <v>1806</v>
      </c>
      <c r="C2431" t="s">
        <v>47</v>
      </c>
      <c r="D2431" t="s">
        <v>10</v>
      </c>
      <c r="E2431" t="s">
        <v>11</v>
      </c>
      <c r="F2431" s="2">
        <v>1</v>
      </c>
      <c r="G2431" t="s">
        <v>20</v>
      </c>
      <c r="H2431" t="s">
        <v>13</v>
      </c>
    </row>
    <row r="2432" spans="1:8" x14ac:dyDescent="0.25">
      <c r="A2432" s="1">
        <v>44767</v>
      </c>
      <c r="B2432" t="s">
        <v>1807</v>
      </c>
      <c r="C2432" t="s">
        <v>79</v>
      </c>
      <c r="D2432" t="s">
        <v>10</v>
      </c>
      <c r="E2432" t="s">
        <v>11</v>
      </c>
      <c r="F2432" s="2">
        <v>1</v>
      </c>
      <c r="G2432" t="s">
        <v>135</v>
      </c>
      <c r="H2432" t="s">
        <v>13</v>
      </c>
    </row>
    <row r="2433" spans="1:8" x14ac:dyDescent="0.25">
      <c r="A2433" s="1">
        <v>44767</v>
      </c>
      <c r="B2433" t="s">
        <v>1808</v>
      </c>
      <c r="C2433" t="s">
        <v>1509</v>
      </c>
      <c r="D2433" t="s">
        <v>10</v>
      </c>
      <c r="E2433" t="s">
        <v>11</v>
      </c>
      <c r="F2433" s="2">
        <v>1</v>
      </c>
      <c r="G2433" t="s">
        <v>53</v>
      </c>
      <c r="H2433" t="s">
        <v>13</v>
      </c>
    </row>
    <row r="2434" spans="1:8" x14ac:dyDescent="0.25">
      <c r="A2434" s="1">
        <v>44767</v>
      </c>
      <c r="B2434" t="s">
        <v>1808</v>
      </c>
      <c r="C2434" t="s">
        <v>481</v>
      </c>
      <c r="D2434" t="s">
        <v>10</v>
      </c>
      <c r="E2434" t="s">
        <v>11</v>
      </c>
      <c r="F2434" s="2">
        <v>1</v>
      </c>
      <c r="G2434" t="s">
        <v>53</v>
      </c>
      <c r="H2434" t="s">
        <v>13</v>
      </c>
    </row>
    <row r="2435" spans="1:8" x14ac:dyDescent="0.25">
      <c r="A2435" s="1">
        <v>44766</v>
      </c>
      <c r="B2435" t="s">
        <v>1809</v>
      </c>
      <c r="C2435" t="s">
        <v>19</v>
      </c>
      <c r="D2435" t="s">
        <v>26</v>
      </c>
      <c r="E2435" t="s">
        <v>11</v>
      </c>
      <c r="F2435" s="2">
        <v>1</v>
      </c>
      <c r="G2435" t="s">
        <v>20</v>
      </c>
      <c r="H2435" t="s">
        <v>13</v>
      </c>
    </row>
    <row r="2436" spans="1:8" x14ac:dyDescent="0.25">
      <c r="A2436" s="1">
        <v>44766</v>
      </c>
      <c r="B2436" t="s">
        <v>1810</v>
      </c>
      <c r="C2436" t="s">
        <v>115</v>
      </c>
      <c r="D2436" t="s">
        <v>10</v>
      </c>
      <c r="E2436" t="s">
        <v>11</v>
      </c>
      <c r="F2436" s="2">
        <v>1</v>
      </c>
      <c r="G2436" t="s">
        <v>111</v>
      </c>
      <c r="H2436" t="s">
        <v>13</v>
      </c>
    </row>
    <row r="2437" spans="1:8" x14ac:dyDescent="0.25">
      <c r="A2437" s="1">
        <v>44766</v>
      </c>
      <c r="B2437" t="s">
        <v>1811</v>
      </c>
      <c r="C2437" t="s">
        <v>14</v>
      </c>
      <c r="D2437" t="s">
        <v>26</v>
      </c>
      <c r="E2437" t="s">
        <v>11</v>
      </c>
      <c r="F2437" s="2">
        <v>1</v>
      </c>
      <c r="G2437" t="s">
        <v>1650</v>
      </c>
      <c r="H2437" t="s">
        <v>13</v>
      </c>
    </row>
    <row r="2438" spans="1:8" x14ac:dyDescent="0.25">
      <c r="A2438" s="1">
        <v>44766</v>
      </c>
      <c r="B2438" t="s">
        <v>1812</v>
      </c>
      <c r="C2438" t="s">
        <v>9</v>
      </c>
      <c r="D2438" t="s">
        <v>26</v>
      </c>
      <c r="E2438" t="s">
        <v>11</v>
      </c>
      <c r="F2438" s="2">
        <v>1</v>
      </c>
      <c r="G2438" t="s">
        <v>111</v>
      </c>
      <c r="H2438" t="s">
        <v>13</v>
      </c>
    </row>
    <row r="2439" spans="1:8" x14ac:dyDescent="0.25">
      <c r="A2439" s="1">
        <v>44766</v>
      </c>
      <c r="B2439" t="s">
        <v>1812</v>
      </c>
      <c r="C2439" t="s">
        <v>35</v>
      </c>
      <c r="D2439" t="s">
        <v>26</v>
      </c>
      <c r="E2439" t="s">
        <v>11</v>
      </c>
      <c r="F2439" s="2">
        <v>1</v>
      </c>
      <c r="G2439" t="s">
        <v>111</v>
      </c>
      <c r="H2439" t="s">
        <v>13</v>
      </c>
    </row>
    <row r="2440" spans="1:8" x14ac:dyDescent="0.25">
      <c r="A2440" s="1">
        <v>44765</v>
      </c>
      <c r="B2440" t="s">
        <v>1813</v>
      </c>
      <c r="C2440" t="s">
        <v>9</v>
      </c>
      <c r="D2440" t="s">
        <v>10</v>
      </c>
      <c r="E2440" t="s">
        <v>11</v>
      </c>
      <c r="F2440" s="2">
        <v>1</v>
      </c>
      <c r="G2440" t="s">
        <v>20</v>
      </c>
      <c r="H2440" t="s">
        <v>13</v>
      </c>
    </row>
    <row r="2441" spans="1:8" x14ac:dyDescent="0.25">
      <c r="A2441" s="1">
        <v>44764</v>
      </c>
      <c r="B2441" t="s">
        <v>1814</v>
      </c>
      <c r="C2441" t="s">
        <v>1043</v>
      </c>
      <c r="D2441" t="s">
        <v>10</v>
      </c>
      <c r="E2441" t="s">
        <v>11</v>
      </c>
      <c r="F2441" s="2">
        <v>1</v>
      </c>
      <c r="G2441" t="s">
        <v>191</v>
      </c>
      <c r="H2441" t="s">
        <v>13</v>
      </c>
    </row>
    <row r="2442" spans="1:8" x14ac:dyDescent="0.25">
      <c r="A2442" s="1">
        <v>44764</v>
      </c>
      <c r="B2442" t="s">
        <v>1815</v>
      </c>
      <c r="C2442" t="s">
        <v>28</v>
      </c>
      <c r="D2442" t="s">
        <v>10</v>
      </c>
      <c r="E2442" t="s">
        <v>11</v>
      </c>
      <c r="F2442" s="2">
        <v>1</v>
      </c>
      <c r="G2442" t="s">
        <v>20</v>
      </c>
      <c r="H2442" t="s">
        <v>13</v>
      </c>
    </row>
    <row r="2443" spans="1:8" x14ac:dyDescent="0.25">
      <c r="A2443" s="1">
        <v>44764</v>
      </c>
      <c r="B2443" t="s">
        <v>1815</v>
      </c>
      <c r="C2443" t="s">
        <v>29</v>
      </c>
      <c r="D2443" t="s">
        <v>10</v>
      </c>
      <c r="E2443" t="s">
        <v>11</v>
      </c>
      <c r="F2443" s="2">
        <v>1</v>
      </c>
      <c r="G2443" t="s">
        <v>20</v>
      </c>
      <c r="H2443" t="s">
        <v>13</v>
      </c>
    </row>
    <row r="2444" spans="1:8" x14ac:dyDescent="0.25">
      <c r="A2444" s="1">
        <v>44763</v>
      </c>
      <c r="B2444" t="s">
        <v>1816</v>
      </c>
      <c r="C2444" t="s">
        <v>58</v>
      </c>
      <c r="D2444" t="s">
        <v>10</v>
      </c>
      <c r="E2444" t="s">
        <v>11</v>
      </c>
      <c r="F2444" s="2">
        <v>1</v>
      </c>
      <c r="G2444" t="s">
        <v>859</v>
      </c>
      <c r="H2444" t="s">
        <v>13</v>
      </c>
    </row>
    <row r="2445" spans="1:8" x14ac:dyDescent="0.25">
      <c r="A2445" s="1">
        <v>44763</v>
      </c>
      <c r="B2445" t="s">
        <v>1817</v>
      </c>
      <c r="C2445" t="s">
        <v>14</v>
      </c>
      <c r="D2445" t="s">
        <v>10</v>
      </c>
      <c r="E2445" t="s">
        <v>11</v>
      </c>
      <c r="F2445" s="2">
        <v>1</v>
      </c>
      <c r="G2445" t="s">
        <v>31</v>
      </c>
      <c r="H2445" t="s">
        <v>13</v>
      </c>
    </row>
    <row r="2446" spans="1:8" x14ac:dyDescent="0.25">
      <c r="A2446" s="1">
        <v>44763</v>
      </c>
      <c r="B2446" t="s">
        <v>1817</v>
      </c>
      <c r="C2446" t="s">
        <v>14</v>
      </c>
      <c r="D2446" t="s">
        <v>10</v>
      </c>
      <c r="E2446" t="s">
        <v>11</v>
      </c>
      <c r="F2446" s="2">
        <v>1</v>
      </c>
      <c r="G2446" t="s">
        <v>31</v>
      </c>
      <c r="H2446" t="s">
        <v>13</v>
      </c>
    </row>
    <row r="2447" spans="1:8" x14ac:dyDescent="0.25">
      <c r="A2447" s="1">
        <v>44763</v>
      </c>
      <c r="B2447" t="s">
        <v>1818</v>
      </c>
      <c r="C2447" t="s">
        <v>58</v>
      </c>
      <c r="D2447" t="s">
        <v>10</v>
      </c>
      <c r="E2447" t="s">
        <v>11</v>
      </c>
      <c r="F2447" s="2">
        <v>1</v>
      </c>
      <c r="G2447" t="s">
        <v>197</v>
      </c>
      <c r="H2447" t="s">
        <v>13</v>
      </c>
    </row>
    <row r="2448" spans="1:8" x14ac:dyDescent="0.25">
      <c r="A2448" s="1">
        <v>44762</v>
      </c>
      <c r="B2448" t="s">
        <v>1819</v>
      </c>
      <c r="C2448" t="s">
        <v>322</v>
      </c>
      <c r="D2448" t="s">
        <v>10</v>
      </c>
      <c r="E2448" t="s">
        <v>11</v>
      </c>
      <c r="F2448" s="2">
        <v>1</v>
      </c>
      <c r="G2448" t="s">
        <v>197</v>
      </c>
      <c r="H2448" t="s">
        <v>13</v>
      </c>
    </row>
    <row r="2449" spans="1:8" x14ac:dyDescent="0.25">
      <c r="A2449" s="1">
        <v>44762</v>
      </c>
      <c r="B2449" t="s">
        <v>1820</v>
      </c>
      <c r="C2449" t="s">
        <v>9</v>
      </c>
      <c r="D2449" t="s">
        <v>10</v>
      </c>
      <c r="E2449" t="s">
        <v>11</v>
      </c>
      <c r="F2449" s="2">
        <v>1</v>
      </c>
      <c r="G2449" t="s">
        <v>24</v>
      </c>
      <c r="H2449" t="s">
        <v>13</v>
      </c>
    </row>
    <row r="2450" spans="1:8" x14ac:dyDescent="0.25">
      <c r="A2450" s="1">
        <v>44761</v>
      </c>
      <c r="B2450" t="s">
        <v>1821</v>
      </c>
      <c r="C2450" t="s">
        <v>19</v>
      </c>
      <c r="D2450" t="s">
        <v>10</v>
      </c>
      <c r="E2450" t="s">
        <v>11</v>
      </c>
      <c r="F2450" s="2">
        <v>1</v>
      </c>
      <c r="G2450" t="s">
        <v>20</v>
      </c>
      <c r="H2450" t="s">
        <v>13</v>
      </c>
    </row>
    <row r="2451" spans="1:8" x14ac:dyDescent="0.25">
      <c r="A2451" s="1">
        <v>44761</v>
      </c>
      <c r="B2451" t="s">
        <v>1822</v>
      </c>
      <c r="C2451" t="s">
        <v>222</v>
      </c>
      <c r="D2451" t="s">
        <v>10</v>
      </c>
      <c r="E2451" t="s">
        <v>11</v>
      </c>
      <c r="F2451" s="2">
        <v>1</v>
      </c>
      <c r="G2451" t="s">
        <v>187</v>
      </c>
      <c r="H2451" t="s">
        <v>13</v>
      </c>
    </row>
    <row r="2452" spans="1:8" x14ac:dyDescent="0.25">
      <c r="A2452" s="1">
        <v>44759</v>
      </c>
      <c r="B2452" t="s">
        <v>1823</v>
      </c>
      <c r="C2452" t="s">
        <v>1824</v>
      </c>
      <c r="D2452" t="s">
        <v>10</v>
      </c>
      <c r="E2452" t="s">
        <v>11</v>
      </c>
      <c r="F2452" s="2">
        <v>1</v>
      </c>
      <c r="G2452" t="s">
        <v>24</v>
      </c>
      <c r="H2452" t="s">
        <v>13</v>
      </c>
    </row>
    <row r="2453" spans="1:8" x14ac:dyDescent="0.25">
      <c r="A2453" s="1">
        <v>44759</v>
      </c>
      <c r="B2453" t="s">
        <v>1825</v>
      </c>
      <c r="C2453" t="s">
        <v>52</v>
      </c>
      <c r="D2453" t="s">
        <v>10</v>
      </c>
      <c r="E2453" t="s">
        <v>11</v>
      </c>
      <c r="F2453" s="2">
        <v>1</v>
      </c>
      <c r="G2453" t="s">
        <v>125</v>
      </c>
      <c r="H2453" t="s">
        <v>13</v>
      </c>
    </row>
    <row r="2454" spans="1:8" x14ac:dyDescent="0.25">
      <c r="A2454" s="1">
        <v>44759</v>
      </c>
      <c r="B2454" t="s">
        <v>1825</v>
      </c>
      <c r="C2454" t="s">
        <v>416</v>
      </c>
      <c r="D2454" t="s">
        <v>10</v>
      </c>
      <c r="E2454" t="s">
        <v>11</v>
      </c>
      <c r="F2454" s="2">
        <v>1</v>
      </c>
      <c r="G2454" t="s">
        <v>125</v>
      </c>
      <c r="H2454" t="s">
        <v>13</v>
      </c>
    </row>
    <row r="2455" spans="1:8" x14ac:dyDescent="0.25">
      <c r="A2455" s="1">
        <v>44759</v>
      </c>
      <c r="B2455" t="s">
        <v>1825</v>
      </c>
      <c r="C2455" t="s">
        <v>220</v>
      </c>
      <c r="D2455" t="s">
        <v>10</v>
      </c>
      <c r="E2455" t="s">
        <v>11</v>
      </c>
      <c r="F2455" s="2">
        <v>1</v>
      </c>
      <c r="G2455" t="s">
        <v>125</v>
      </c>
      <c r="H2455" t="s">
        <v>13</v>
      </c>
    </row>
    <row r="2456" spans="1:8" x14ac:dyDescent="0.25">
      <c r="A2456" s="1">
        <v>44759</v>
      </c>
      <c r="B2456" t="s">
        <v>1826</v>
      </c>
      <c r="C2456" t="s">
        <v>9</v>
      </c>
      <c r="D2456" t="s">
        <v>10</v>
      </c>
      <c r="E2456" t="s">
        <v>11</v>
      </c>
      <c r="F2456" s="2">
        <v>1</v>
      </c>
      <c r="G2456" t="s">
        <v>100</v>
      </c>
      <c r="H2456" t="s">
        <v>13</v>
      </c>
    </row>
    <row r="2457" spans="1:8" x14ac:dyDescent="0.25">
      <c r="A2457" s="1">
        <v>44758</v>
      </c>
      <c r="B2457" t="s">
        <v>1827</v>
      </c>
      <c r="C2457" t="s">
        <v>9</v>
      </c>
      <c r="D2457" t="s">
        <v>10</v>
      </c>
      <c r="E2457" t="s">
        <v>11</v>
      </c>
      <c r="F2457" s="2">
        <v>1</v>
      </c>
      <c r="G2457" t="s">
        <v>63</v>
      </c>
      <c r="H2457" t="s">
        <v>13</v>
      </c>
    </row>
    <row r="2458" spans="1:8" x14ac:dyDescent="0.25">
      <c r="A2458" s="1">
        <v>44757</v>
      </c>
      <c r="B2458" t="s">
        <v>1828</v>
      </c>
      <c r="C2458" t="s">
        <v>58</v>
      </c>
      <c r="D2458" t="s">
        <v>10</v>
      </c>
      <c r="E2458" t="s">
        <v>11</v>
      </c>
      <c r="F2458" s="2">
        <v>1</v>
      </c>
      <c r="G2458" t="s">
        <v>135</v>
      </c>
      <c r="H2458" t="s">
        <v>13</v>
      </c>
    </row>
    <row r="2459" spans="1:8" x14ac:dyDescent="0.25">
      <c r="A2459" s="1">
        <v>44755</v>
      </c>
      <c r="B2459" t="s">
        <v>1829</v>
      </c>
      <c r="C2459" t="s">
        <v>439</v>
      </c>
      <c r="D2459" t="s">
        <v>26</v>
      </c>
      <c r="E2459" t="s">
        <v>11</v>
      </c>
      <c r="F2459" s="2">
        <v>1</v>
      </c>
      <c r="G2459" t="s">
        <v>492</v>
      </c>
      <c r="H2459" t="s">
        <v>13</v>
      </c>
    </row>
    <row r="2460" spans="1:8" x14ac:dyDescent="0.25">
      <c r="A2460" s="1">
        <v>44755</v>
      </c>
      <c r="B2460" t="s">
        <v>1830</v>
      </c>
      <c r="C2460" t="s">
        <v>16</v>
      </c>
      <c r="D2460" t="s">
        <v>10</v>
      </c>
      <c r="E2460" t="s">
        <v>11</v>
      </c>
      <c r="F2460" s="2">
        <v>1</v>
      </c>
      <c r="G2460" t="s">
        <v>22</v>
      </c>
      <c r="H2460" t="s">
        <v>13</v>
      </c>
    </row>
    <row r="2461" spans="1:8" x14ac:dyDescent="0.25">
      <c r="A2461" s="1">
        <v>44755</v>
      </c>
      <c r="B2461" t="s">
        <v>1831</v>
      </c>
      <c r="C2461" t="s">
        <v>333</v>
      </c>
      <c r="D2461" t="s">
        <v>10</v>
      </c>
      <c r="E2461" t="s">
        <v>11</v>
      </c>
      <c r="F2461" s="2">
        <v>1</v>
      </c>
      <c r="G2461" t="s">
        <v>31</v>
      </c>
      <c r="H2461" t="s">
        <v>13</v>
      </c>
    </row>
    <row r="2462" spans="1:8" x14ac:dyDescent="0.25">
      <c r="A2462" s="1">
        <v>44755</v>
      </c>
      <c r="B2462" t="s">
        <v>1832</v>
      </c>
      <c r="C2462" t="s">
        <v>9</v>
      </c>
      <c r="D2462" t="s">
        <v>10</v>
      </c>
      <c r="E2462" t="s">
        <v>11</v>
      </c>
      <c r="F2462" s="2">
        <v>1</v>
      </c>
      <c r="G2462" t="s">
        <v>1011</v>
      </c>
      <c r="H2462" t="s">
        <v>13</v>
      </c>
    </row>
    <row r="2463" spans="1:8" x14ac:dyDescent="0.25">
      <c r="A2463" s="1">
        <v>44755</v>
      </c>
      <c r="B2463" t="s">
        <v>1832</v>
      </c>
      <c r="C2463" t="s">
        <v>35</v>
      </c>
      <c r="D2463" t="s">
        <v>10</v>
      </c>
      <c r="E2463" t="s">
        <v>11</v>
      </c>
      <c r="F2463" s="2">
        <v>1</v>
      </c>
      <c r="G2463" t="s">
        <v>1011</v>
      </c>
      <c r="H2463" t="s">
        <v>13</v>
      </c>
    </row>
    <row r="2464" spans="1:8" x14ac:dyDescent="0.25">
      <c r="A2464" s="1">
        <v>44754</v>
      </c>
      <c r="B2464" t="s">
        <v>1833</v>
      </c>
      <c r="C2464" t="s">
        <v>47</v>
      </c>
      <c r="D2464" t="s">
        <v>10</v>
      </c>
      <c r="E2464" t="s">
        <v>11</v>
      </c>
      <c r="F2464" s="2">
        <v>1</v>
      </c>
      <c r="G2464" t="s">
        <v>20</v>
      </c>
      <c r="H2464" t="s">
        <v>13</v>
      </c>
    </row>
    <row r="2465" spans="1:8" x14ac:dyDescent="0.25">
      <c r="A2465" s="1">
        <v>44753</v>
      </c>
      <c r="B2465" t="s">
        <v>1834</v>
      </c>
      <c r="C2465" t="s">
        <v>103</v>
      </c>
      <c r="D2465" t="s">
        <v>10</v>
      </c>
      <c r="E2465" t="s">
        <v>11</v>
      </c>
      <c r="F2465" s="2">
        <v>1</v>
      </c>
      <c r="G2465" t="s">
        <v>191</v>
      </c>
      <c r="H2465" t="s">
        <v>13</v>
      </c>
    </row>
    <row r="2466" spans="1:8" x14ac:dyDescent="0.25">
      <c r="A2466" s="1">
        <v>44753</v>
      </c>
      <c r="B2466" t="s">
        <v>1834</v>
      </c>
      <c r="C2466" t="s">
        <v>80</v>
      </c>
      <c r="D2466" t="s">
        <v>10</v>
      </c>
      <c r="E2466" t="s">
        <v>11</v>
      </c>
      <c r="F2466" s="2">
        <v>1</v>
      </c>
      <c r="G2466" t="s">
        <v>191</v>
      </c>
      <c r="H2466" t="s">
        <v>13</v>
      </c>
    </row>
    <row r="2467" spans="1:8" x14ac:dyDescent="0.25">
      <c r="A2467" s="1">
        <v>44753</v>
      </c>
      <c r="B2467" t="s">
        <v>1835</v>
      </c>
      <c r="C2467" t="s">
        <v>174</v>
      </c>
      <c r="D2467" t="s">
        <v>10</v>
      </c>
      <c r="E2467" t="s">
        <v>11</v>
      </c>
      <c r="F2467" s="2">
        <v>1</v>
      </c>
      <c r="G2467" t="s">
        <v>496</v>
      </c>
      <c r="H2467" t="s">
        <v>13</v>
      </c>
    </row>
    <row r="2468" spans="1:8" x14ac:dyDescent="0.25">
      <c r="A2468" s="1">
        <v>44753</v>
      </c>
      <c r="B2468" t="s">
        <v>1836</v>
      </c>
      <c r="C2468" t="s">
        <v>9</v>
      </c>
      <c r="D2468" t="s">
        <v>10</v>
      </c>
      <c r="E2468" t="s">
        <v>11</v>
      </c>
      <c r="F2468" s="2">
        <v>1</v>
      </c>
      <c r="G2468" t="s">
        <v>37</v>
      </c>
      <c r="H2468" t="s">
        <v>13</v>
      </c>
    </row>
    <row r="2469" spans="1:8" x14ac:dyDescent="0.25">
      <c r="A2469" s="1">
        <v>44753</v>
      </c>
      <c r="B2469" t="s">
        <v>1836</v>
      </c>
      <c r="C2469" t="s">
        <v>42</v>
      </c>
      <c r="D2469" t="s">
        <v>10</v>
      </c>
      <c r="E2469" t="s">
        <v>11</v>
      </c>
      <c r="F2469" s="2">
        <v>1</v>
      </c>
      <c r="G2469" t="s">
        <v>37</v>
      </c>
      <c r="H2469" t="s">
        <v>13</v>
      </c>
    </row>
    <row r="2470" spans="1:8" x14ac:dyDescent="0.25">
      <c r="A2470" s="1">
        <v>44752</v>
      </c>
      <c r="B2470" t="s">
        <v>1837</v>
      </c>
      <c r="C2470" t="s">
        <v>19</v>
      </c>
      <c r="D2470" t="s">
        <v>10</v>
      </c>
      <c r="E2470" t="s">
        <v>11</v>
      </c>
      <c r="F2470" s="2">
        <v>1</v>
      </c>
      <c r="G2470" t="s">
        <v>72</v>
      </c>
      <c r="H2470" t="s">
        <v>13</v>
      </c>
    </row>
    <row r="2471" spans="1:8" x14ac:dyDescent="0.25">
      <c r="A2471" s="1">
        <v>44751</v>
      </c>
      <c r="B2471" t="s">
        <v>1838</v>
      </c>
      <c r="C2471" t="s">
        <v>47</v>
      </c>
      <c r="D2471" t="s">
        <v>10</v>
      </c>
      <c r="E2471" t="s">
        <v>11</v>
      </c>
      <c r="F2471" s="2">
        <v>1</v>
      </c>
      <c r="G2471" t="s">
        <v>197</v>
      </c>
      <c r="H2471" t="s">
        <v>13</v>
      </c>
    </row>
    <row r="2472" spans="1:8" x14ac:dyDescent="0.25">
      <c r="A2472" s="1">
        <v>44750</v>
      </c>
      <c r="B2472" t="s">
        <v>1839</v>
      </c>
      <c r="C2472" t="s">
        <v>74</v>
      </c>
      <c r="D2472" t="s">
        <v>10</v>
      </c>
      <c r="E2472" t="s">
        <v>11</v>
      </c>
      <c r="F2472" s="2">
        <v>1</v>
      </c>
      <c r="G2472" t="s">
        <v>492</v>
      </c>
      <c r="H2472" t="s">
        <v>13</v>
      </c>
    </row>
    <row r="2473" spans="1:8" x14ac:dyDescent="0.25">
      <c r="A2473" s="1">
        <v>44750</v>
      </c>
      <c r="B2473" t="s">
        <v>1840</v>
      </c>
      <c r="C2473" t="s">
        <v>249</v>
      </c>
      <c r="D2473" t="s">
        <v>10</v>
      </c>
      <c r="E2473" t="s">
        <v>11</v>
      </c>
      <c r="F2473" s="2">
        <v>1</v>
      </c>
      <c r="G2473" t="s">
        <v>197</v>
      </c>
      <c r="H2473" t="s">
        <v>13</v>
      </c>
    </row>
    <row r="2474" spans="1:8" x14ac:dyDescent="0.25">
      <c r="A2474" s="1">
        <v>44749</v>
      </c>
      <c r="B2474" t="s">
        <v>1841</v>
      </c>
      <c r="C2474" t="s">
        <v>79</v>
      </c>
      <c r="D2474" t="s">
        <v>10</v>
      </c>
      <c r="E2474" t="s">
        <v>11</v>
      </c>
      <c r="F2474" s="2">
        <v>1</v>
      </c>
      <c r="G2474" t="s">
        <v>191</v>
      </c>
      <c r="H2474" t="s">
        <v>13</v>
      </c>
    </row>
    <row r="2475" spans="1:8" x14ac:dyDescent="0.25">
      <c r="A2475" s="1">
        <v>44749</v>
      </c>
      <c r="B2475" t="s">
        <v>1841</v>
      </c>
      <c r="C2475" t="s">
        <v>80</v>
      </c>
      <c r="D2475" t="s">
        <v>10</v>
      </c>
      <c r="E2475" t="s">
        <v>11</v>
      </c>
      <c r="F2475" s="2">
        <v>1</v>
      </c>
      <c r="G2475" t="s">
        <v>191</v>
      </c>
      <c r="H2475" t="s">
        <v>13</v>
      </c>
    </row>
    <row r="2476" spans="1:8" x14ac:dyDescent="0.25">
      <c r="A2476" s="1">
        <v>44749</v>
      </c>
      <c r="B2476" t="s">
        <v>1842</v>
      </c>
      <c r="C2476" t="s">
        <v>174</v>
      </c>
      <c r="D2476" t="s">
        <v>10</v>
      </c>
      <c r="E2476" t="s">
        <v>11</v>
      </c>
      <c r="F2476" s="2">
        <v>1</v>
      </c>
      <c r="G2476" t="s">
        <v>1843</v>
      </c>
      <c r="H2476" t="s">
        <v>13</v>
      </c>
    </row>
    <row r="2477" spans="1:8" x14ac:dyDescent="0.25">
      <c r="A2477" s="1">
        <v>44749</v>
      </c>
      <c r="B2477" t="s">
        <v>1844</v>
      </c>
      <c r="C2477" t="s">
        <v>9</v>
      </c>
      <c r="D2477" t="s">
        <v>10</v>
      </c>
      <c r="E2477" t="s">
        <v>11</v>
      </c>
      <c r="F2477" s="2">
        <v>1</v>
      </c>
      <c r="G2477" t="s">
        <v>1843</v>
      </c>
      <c r="H2477" t="s">
        <v>13</v>
      </c>
    </row>
    <row r="2478" spans="1:8" x14ac:dyDescent="0.25">
      <c r="A2478" s="1">
        <v>44749</v>
      </c>
      <c r="B2478" t="s">
        <v>1845</v>
      </c>
      <c r="C2478" t="s">
        <v>9</v>
      </c>
      <c r="D2478" t="s">
        <v>10</v>
      </c>
      <c r="E2478" t="s">
        <v>11</v>
      </c>
      <c r="F2478" s="2">
        <v>1</v>
      </c>
      <c r="G2478" t="s">
        <v>63</v>
      </c>
      <c r="H2478" t="s">
        <v>13</v>
      </c>
    </row>
    <row r="2479" spans="1:8" x14ac:dyDescent="0.25">
      <c r="A2479" s="1">
        <v>44748</v>
      </c>
      <c r="B2479" t="s">
        <v>1846</v>
      </c>
      <c r="C2479" t="s">
        <v>9</v>
      </c>
      <c r="D2479" t="s">
        <v>10</v>
      </c>
      <c r="E2479" t="s">
        <v>11</v>
      </c>
      <c r="F2479" s="2">
        <v>1</v>
      </c>
      <c r="G2479" t="s">
        <v>125</v>
      </c>
      <c r="H2479" t="s">
        <v>13</v>
      </c>
    </row>
    <row r="2480" spans="1:8" x14ac:dyDescent="0.25">
      <c r="A2480" s="1">
        <v>44748</v>
      </c>
      <c r="B2480" t="s">
        <v>1846</v>
      </c>
      <c r="C2480" t="s">
        <v>52</v>
      </c>
      <c r="D2480" t="s">
        <v>10</v>
      </c>
      <c r="E2480" t="s">
        <v>11</v>
      </c>
      <c r="F2480" s="2">
        <v>1</v>
      </c>
      <c r="G2480" t="s">
        <v>125</v>
      </c>
      <c r="H2480" t="s">
        <v>13</v>
      </c>
    </row>
    <row r="2481" spans="1:8" x14ac:dyDescent="0.25">
      <c r="A2481" s="1">
        <v>44748</v>
      </c>
      <c r="B2481" t="s">
        <v>1846</v>
      </c>
      <c r="C2481" t="s">
        <v>47</v>
      </c>
      <c r="D2481" t="s">
        <v>10</v>
      </c>
      <c r="E2481" t="s">
        <v>11</v>
      </c>
      <c r="F2481" s="2">
        <v>1</v>
      </c>
      <c r="G2481" t="s">
        <v>125</v>
      </c>
      <c r="H2481" t="s">
        <v>13</v>
      </c>
    </row>
    <row r="2482" spans="1:8" x14ac:dyDescent="0.25">
      <c r="A2482" s="1">
        <v>44748</v>
      </c>
      <c r="B2482" t="s">
        <v>1846</v>
      </c>
      <c r="C2482" t="s">
        <v>65</v>
      </c>
      <c r="D2482" t="s">
        <v>10</v>
      </c>
      <c r="E2482" t="s">
        <v>11</v>
      </c>
      <c r="F2482" s="2">
        <v>1</v>
      </c>
      <c r="G2482" t="s">
        <v>125</v>
      </c>
      <c r="H2482" t="s">
        <v>13</v>
      </c>
    </row>
    <row r="2483" spans="1:8" x14ac:dyDescent="0.25">
      <c r="A2483" s="1">
        <v>44748</v>
      </c>
      <c r="B2483" t="s">
        <v>1847</v>
      </c>
      <c r="C2483" t="s">
        <v>76</v>
      </c>
      <c r="D2483" t="s">
        <v>10</v>
      </c>
      <c r="E2483" t="s">
        <v>11</v>
      </c>
      <c r="F2483" s="2">
        <v>1</v>
      </c>
      <c r="G2483" t="s">
        <v>793</v>
      </c>
      <c r="H2483" t="s">
        <v>13</v>
      </c>
    </row>
    <row r="2484" spans="1:8" x14ac:dyDescent="0.25">
      <c r="A2484" s="1">
        <v>44748</v>
      </c>
      <c r="B2484" t="s">
        <v>1848</v>
      </c>
      <c r="C2484" t="s">
        <v>35</v>
      </c>
      <c r="D2484" t="s">
        <v>10</v>
      </c>
      <c r="E2484" t="s">
        <v>11</v>
      </c>
      <c r="F2484" s="2">
        <v>1</v>
      </c>
      <c r="G2484" t="s">
        <v>37</v>
      </c>
      <c r="H2484" t="s">
        <v>13</v>
      </c>
    </row>
    <row r="2485" spans="1:8" x14ac:dyDescent="0.25">
      <c r="A2485" s="1">
        <v>44747</v>
      </c>
      <c r="B2485" t="s">
        <v>1849</v>
      </c>
      <c r="C2485" t="s">
        <v>47</v>
      </c>
      <c r="D2485" t="s">
        <v>10</v>
      </c>
      <c r="E2485" t="s">
        <v>11</v>
      </c>
      <c r="F2485" s="2">
        <v>1</v>
      </c>
      <c r="G2485" t="s">
        <v>83</v>
      </c>
      <c r="H2485" t="s">
        <v>13</v>
      </c>
    </row>
    <row r="2486" spans="1:8" x14ac:dyDescent="0.25">
      <c r="A2486" s="1">
        <v>44747</v>
      </c>
      <c r="B2486" t="s">
        <v>1850</v>
      </c>
      <c r="C2486" t="s">
        <v>79</v>
      </c>
      <c r="D2486" t="s">
        <v>10</v>
      </c>
      <c r="E2486" t="s">
        <v>11</v>
      </c>
      <c r="F2486" s="2">
        <v>1</v>
      </c>
      <c r="G2486" t="s">
        <v>111</v>
      </c>
      <c r="H2486" t="s">
        <v>13</v>
      </c>
    </row>
    <row r="2487" spans="1:8" x14ac:dyDescent="0.25">
      <c r="A2487" s="1">
        <v>44747</v>
      </c>
      <c r="B2487" t="s">
        <v>1850</v>
      </c>
      <c r="C2487" t="s">
        <v>80</v>
      </c>
      <c r="D2487" t="s">
        <v>10</v>
      </c>
      <c r="E2487" t="s">
        <v>11</v>
      </c>
      <c r="F2487" s="2">
        <v>1</v>
      </c>
      <c r="G2487" t="s">
        <v>111</v>
      </c>
      <c r="H2487" t="s">
        <v>13</v>
      </c>
    </row>
    <row r="2488" spans="1:8" x14ac:dyDescent="0.25">
      <c r="A2488" s="1">
        <v>44746</v>
      </c>
      <c r="B2488" t="s">
        <v>1851</v>
      </c>
      <c r="C2488" t="s">
        <v>14</v>
      </c>
      <c r="D2488" t="s">
        <v>10</v>
      </c>
      <c r="E2488" t="s">
        <v>11</v>
      </c>
      <c r="F2488" s="2">
        <v>1</v>
      </c>
      <c r="G2488" t="s">
        <v>24</v>
      </c>
      <c r="H2488" t="s">
        <v>13</v>
      </c>
    </row>
    <row r="2489" spans="1:8" x14ac:dyDescent="0.25">
      <c r="A2489" s="1">
        <v>44746</v>
      </c>
      <c r="B2489" t="s">
        <v>1852</v>
      </c>
      <c r="C2489" t="s">
        <v>9</v>
      </c>
      <c r="D2489" t="s">
        <v>26</v>
      </c>
      <c r="E2489" t="s">
        <v>11</v>
      </c>
      <c r="F2489" s="2">
        <v>1</v>
      </c>
      <c r="G2489" t="s">
        <v>24</v>
      </c>
      <c r="H2489" t="s">
        <v>13</v>
      </c>
    </row>
    <row r="2490" spans="1:8" x14ac:dyDescent="0.25">
      <c r="A2490" s="1">
        <v>44746</v>
      </c>
      <c r="B2490" t="s">
        <v>1852</v>
      </c>
      <c r="C2490" t="s">
        <v>35</v>
      </c>
      <c r="D2490" t="s">
        <v>26</v>
      </c>
      <c r="E2490" t="s">
        <v>11</v>
      </c>
      <c r="F2490" s="2">
        <v>1</v>
      </c>
      <c r="G2490" t="s">
        <v>24</v>
      </c>
      <c r="H2490" t="s">
        <v>13</v>
      </c>
    </row>
    <row r="2491" spans="1:8" x14ac:dyDescent="0.25">
      <c r="A2491" s="1">
        <v>44744</v>
      </c>
      <c r="B2491" t="s">
        <v>1853</v>
      </c>
      <c r="C2491" t="s">
        <v>47</v>
      </c>
      <c r="D2491" t="s">
        <v>10</v>
      </c>
      <c r="E2491" t="s">
        <v>11</v>
      </c>
      <c r="F2491" s="2">
        <v>1</v>
      </c>
      <c r="G2491" t="s">
        <v>100</v>
      </c>
      <c r="H2491" t="s">
        <v>13</v>
      </c>
    </row>
    <row r="2492" spans="1:8" x14ac:dyDescent="0.25">
      <c r="A2492" s="1">
        <v>44744</v>
      </c>
      <c r="B2492" t="s">
        <v>1854</v>
      </c>
      <c r="C2492" t="s">
        <v>9</v>
      </c>
      <c r="D2492" t="s">
        <v>10</v>
      </c>
      <c r="E2492" t="s">
        <v>11</v>
      </c>
      <c r="F2492" s="2">
        <v>1</v>
      </c>
      <c r="G2492" t="s">
        <v>100</v>
      </c>
      <c r="H2492" t="s">
        <v>13</v>
      </c>
    </row>
    <row r="2493" spans="1:8" x14ac:dyDescent="0.25">
      <c r="A2493" s="1">
        <v>44744</v>
      </c>
      <c r="B2493" t="s">
        <v>1854</v>
      </c>
      <c r="C2493" t="s">
        <v>282</v>
      </c>
      <c r="D2493" t="s">
        <v>10</v>
      </c>
      <c r="E2493" t="s">
        <v>11</v>
      </c>
      <c r="F2493" s="2">
        <v>1</v>
      </c>
      <c r="G2493" t="s">
        <v>100</v>
      </c>
      <c r="H2493" t="s">
        <v>13</v>
      </c>
    </row>
    <row r="2494" spans="1:8" x14ac:dyDescent="0.25">
      <c r="A2494" s="1">
        <v>44744</v>
      </c>
      <c r="B2494" t="s">
        <v>1854</v>
      </c>
      <c r="C2494" t="s">
        <v>14</v>
      </c>
      <c r="D2494" t="s">
        <v>10</v>
      </c>
      <c r="E2494" t="s">
        <v>11</v>
      </c>
      <c r="F2494" s="2">
        <v>1</v>
      </c>
      <c r="G2494" t="s">
        <v>100</v>
      </c>
      <c r="H2494" t="s">
        <v>13</v>
      </c>
    </row>
    <row r="2495" spans="1:8" x14ac:dyDescent="0.25">
      <c r="A2495" s="1">
        <v>44744</v>
      </c>
      <c r="B2495" t="s">
        <v>1855</v>
      </c>
      <c r="C2495" t="s">
        <v>50</v>
      </c>
      <c r="D2495" t="s">
        <v>10</v>
      </c>
      <c r="E2495" t="s">
        <v>11</v>
      </c>
      <c r="F2495" s="2">
        <v>1</v>
      </c>
      <c r="G2495" t="s">
        <v>37</v>
      </c>
      <c r="H2495" t="s">
        <v>13</v>
      </c>
    </row>
    <row r="2496" spans="1:8" x14ac:dyDescent="0.25">
      <c r="A2496" s="1">
        <v>44744</v>
      </c>
      <c r="B2496" t="s">
        <v>1855</v>
      </c>
      <c r="C2496" t="s">
        <v>50</v>
      </c>
      <c r="D2496" t="s">
        <v>10</v>
      </c>
      <c r="E2496" t="s">
        <v>11</v>
      </c>
      <c r="F2496" s="2">
        <v>1</v>
      </c>
      <c r="G2496" t="s">
        <v>37</v>
      </c>
      <c r="H2496" t="s">
        <v>13</v>
      </c>
    </row>
    <row r="2497" spans="1:8" x14ac:dyDescent="0.25">
      <c r="A2497" s="1">
        <v>44743</v>
      </c>
      <c r="B2497" t="s">
        <v>1856</v>
      </c>
      <c r="C2497" t="s">
        <v>9</v>
      </c>
      <c r="D2497" t="s">
        <v>10</v>
      </c>
      <c r="E2497" t="s">
        <v>11</v>
      </c>
      <c r="F2497" s="2">
        <v>1</v>
      </c>
      <c r="G2497" t="s">
        <v>46</v>
      </c>
      <c r="H2497" t="s">
        <v>13</v>
      </c>
    </row>
    <row r="2498" spans="1:8" x14ac:dyDescent="0.25">
      <c r="A2498" s="1">
        <v>44743</v>
      </c>
      <c r="B2498" t="s">
        <v>1857</v>
      </c>
      <c r="C2498" t="s">
        <v>35</v>
      </c>
      <c r="D2498" t="s">
        <v>10</v>
      </c>
      <c r="E2498" t="s">
        <v>11</v>
      </c>
      <c r="F2498" s="2">
        <v>1</v>
      </c>
      <c r="G2498" t="s">
        <v>72</v>
      </c>
      <c r="H2498" t="s">
        <v>13</v>
      </c>
    </row>
    <row r="2499" spans="1:8" x14ac:dyDescent="0.25">
      <c r="A2499" s="1">
        <v>44743</v>
      </c>
      <c r="B2499" t="s">
        <v>1857</v>
      </c>
      <c r="C2499" t="s">
        <v>32</v>
      </c>
      <c r="D2499" t="s">
        <v>10</v>
      </c>
      <c r="E2499" t="s">
        <v>11</v>
      </c>
      <c r="F2499" s="2">
        <v>1</v>
      </c>
      <c r="G2499" t="s">
        <v>72</v>
      </c>
      <c r="H2499" t="s">
        <v>13</v>
      </c>
    </row>
    <row r="2500" spans="1:8" x14ac:dyDescent="0.25">
      <c r="A2500" s="1">
        <v>44743</v>
      </c>
      <c r="B2500" t="s">
        <v>1858</v>
      </c>
      <c r="C2500" t="s">
        <v>174</v>
      </c>
      <c r="D2500" t="s">
        <v>10</v>
      </c>
      <c r="E2500" t="s">
        <v>11</v>
      </c>
      <c r="F2500" s="2">
        <v>1</v>
      </c>
      <c r="G2500" t="s">
        <v>46</v>
      </c>
      <c r="H2500" t="s">
        <v>13</v>
      </c>
    </row>
    <row r="2501" spans="1:8" x14ac:dyDescent="0.25">
      <c r="A2501" s="1">
        <v>44743</v>
      </c>
      <c r="B2501" t="s">
        <v>1859</v>
      </c>
      <c r="C2501" t="s">
        <v>1860</v>
      </c>
      <c r="D2501" t="s">
        <v>10</v>
      </c>
      <c r="E2501" t="s">
        <v>11</v>
      </c>
      <c r="F2501" s="2">
        <v>1</v>
      </c>
      <c r="G2501" t="s">
        <v>20</v>
      </c>
      <c r="H2501" t="s">
        <v>13</v>
      </c>
    </row>
    <row r="2502" spans="1:8" x14ac:dyDescent="0.25">
      <c r="A2502" s="1">
        <v>44742</v>
      </c>
      <c r="B2502" t="s">
        <v>1861</v>
      </c>
      <c r="C2502" t="s">
        <v>9</v>
      </c>
      <c r="D2502" t="s">
        <v>10</v>
      </c>
      <c r="E2502" t="s">
        <v>11</v>
      </c>
      <c r="F2502" s="2">
        <v>1</v>
      </c>
      <c r="G2502" t="s">
        <v>20</v>
      </c>
      <c r="H2502" t="s">
        <v>13</v>
      </c>
    </row>
    <row r="2503" spans="1:8" x14ac:dyDescent="0.25">
      <c r="A2503" s="1">
        <v>44742</v>
      </c>
      <c r="B2503" t="s">
        <v>1862</v>
      </c>
      <c r="C2503" t="s">
        <v>79</v>
      </c>
      <c r="D2503" t="s">
        <v>10</v>
      </c>
      <c r="E2503" t="s">
        <v>11</v>
      </c>
      <c r="F2503" s="2">
        <v>1</v>
      </c>
      <c r="G2503" t="s">
        <v>135</v>
      </c>
      <c r="H2503" t="s">
        <v>13</v>
      </c>
    </row>
    <row r="2504" spans="1:8" x14ac:dyDescent="0.25">
      <c r="A2504" s="1">
        <v>44742</v>
      </c>
      <c r="B2504" t="s">
        <v>1862</v>
      </c>
      <c r="C2504" t="s">
        <v>80</v>
      </c>
      <c r="D2504" t="s">
        <v>10</v>
      </c>
      <c r="E2504" t="s">
        <v>11</v>
      </c>
      <c r="F2504" s="2">
        <v>1</v>
      </c>
      <c r="G2504" t="s">
        <v>135</v>
      </c>
      <c r="H2504" t="s">
        <v>13</v>
      </c>
    </row>
    <row r="2505" spans="1:8" x14ac:dyDescent="0.25">
      <c r="A2505" s="1">
        <v>44742</v>
      </c>
      <c r="B2505" t="s">
        <v>1863</v>
      </c>
      <c r="C2505" t="s">
        <v>96</v>
      </c>
      <c r="D2505" t="s">
        <v>10</v>
      </c>
      <c r="E2505" t="s">
        <v>11</v>
      </c>
      <c r="F2505" s="2">
        <v>1</v>
      </c>
      <c r="G2505" t="s">
        <v>347</v>
      </c>
      <c r="H2505" t="s">
        <v>13</v>
      </c>
    </row>
    <row r="2506" spans="1:8" x14ac:dyDescent="0.25">
      <c r="A2506" s="1">
        <v>44741</v>
      </c>
      <c r="B2506" t="s">
        <v>1864</v>
      </c>
      <c r="C2506" t="s">
        <v>9</v>
      </c>
      <c r="D2506" t="s">
        <v>10</v>
      </c>
      <c r="E2506" t="s">
        <v>11</v>
      </c>
      <c r="F2506" s="2">
        <v>1</v>
      </c>
      <c r="G2506" t="s">
        <v>181</v>
      </c>
      <c r="H2506" t="s">
        <v>13</v>
      </c>
    </row>
    <row r="2507" spans="1:8" x14ac:dyDescent="0.25">
      <c r="A2507" s="1">
        <v>44741</v>
      </c>
      <c r="B2507" t="s">
        <v>1865</v>
      </c>
      <c r="C2507" t="s">
        <v>19</v>
      </c>
      <c r="D2507" t="s">
        <v>26</v>
      </c>
      <c r="E2507" t="s">
        <v>11</v>
      </c>
      <c r="F2507" s="2">
        <v>1</v>
      </c>
      <c r="G2507" t="s">
        <v>20</v>
      </c>
      <c r="H2507" t="s">
        <v>13</v>
      </c>
    </row>
    <row r="2508" spans="1:8" x14ac:dyDescent="0.25">
      <c r="A2508" s="1">
        <v>44740</v>
      </c>
      <c r="B2508" t="s">
        <v>1866</v>
      </c>
      <c r="C2508" t="s">
        <v>79</v>
      </c>
      <c r="D2508" t="s">
        <v>10</v>
      </c>
      <c r="E2508" t="s">
        <v>11</v>
      </c>
      <c r="F2508" s="2">
        <v>1</v>
      </c>
      <c r="G2508" t="s">
        <v>100</v>
      </c>
      <c r="H2508" t="s">
        <v>13</v>
      </c>
    </row>
    <row r="2509" spans="1:8" x14ac:dyDescent="0.25">
      <c r="A2509" s="1">
        <v>44740</v>
      </c>
      <c r="B2509" t="s">
        <v>1866</v>
      </c>
      <c r="C2509" t="s">
        <v>80</v>
      </c>
      <c r="D2509" t="s">
        <v>10</v>
      </c>
      <c r="E2509" t="s">
        <v>11</v>
      </c>
      <c r="F2509" s="2">
        <v>1</v>
      </c>
      <c r="G2509" t="s">
        <v>100</v>
      </c>
      <c r="H2509" t="s">
        <v>13</v>
      </c>
    </row>
    <row r="2510" spans="1:8" x14ac:dyDescent="0.25">
      <c r="A2510" s="1">
        <v>44740</v>
      </c>
      <c r="B2510" t="s">
        <v>1867</v>
      </c>
      <c r="C2510" t="s">
        <v>52</v>
      </c>
      <c r="D2510" t="s">
        <v>10</v>
      </c>
      <c r="E2510" t="s">
        <v>11</v>
      </c>
      <c r="F2510" s="2">
        <v>1</v>
      </c>
      <c r="G2510" t="s">
        <v>100</v>
      </c>
      <c r="H2510" t="s">
        <v>13</v>
      </c>
    </row>
    <row r="2511" spans="1:8" x14ac:dyDescent="0.25">
      <c r="A2511" s="1">
        <v>44740</v>
      </c>
      <c r="B2511" t="s">
        <v>1867</v>
      </c>
      <c r="C2511" t="s">
        <v>35</v>
      </c>
      <c r="D2511" t="s">
        <v>10</v>
      </c>
      <c r="E2511" t="s">
        <v>11</v>
      </c>
      <c r="F2511" s="2">
        <v>1</v>
      </c>
      <c r="G2511" t="s">
        <v>100</v>
      </c>
      <c r="H2511" t="s">
        <v>13</v>
      </c>
    </row>
    <row r="2512" spans="1:8" x14ac:dyDescent="0.25">
      <c r="A2512" s="1">
        <v>44740</v>
      </c>
      <c r="B2512" t="s">
        <v>1867</v>
      </c>
      <c r="C2512" t="s">
        <v>14</v>
      </c>
      <c r="D2512" t="s">
        <v>10</v>
      </c>
      <c r="E2512" t="s">
        <v>11</v>
      </c>
      <c r="F2512" s="2">
        <v>1</v>
      </c>
      <c r="G2512" t="s">
        <v>100</v>
      </c>
      <c r="H2512" t="s">
        <v>13</v>
      </c>
    </row>
    <row r="2513" spans="1:8" x14ac:dyDescent="0.25">
      <c r="A2513" s="1">
        <v>44739</v>
      </c>
      <c r="B2513" t="s">
        <v>1868</v>
      </c>
      <c r="C2513" t="s">
        <v>1869</v>
      </c>
      <c r="D2513" t="s">
        <v>10</v>
      </c>
      <c r="E2513" t="s">
        <v>11</v>
      </c>
      <c r="F2513" s="2">
        <v>1</v>
      </c>
      <c r="G2513" t="s">
        <v>100</v>
      </c>
      <c r="H2513" t="s">
        <v>13</v>
      </c>
    </row>
    <row r="2514" spans="1:8" x14ac:dyDescent="0.25">
      <c r="A2514" s="1">
        <v>44739</v>
      </c>
      <c r="B2514" t="s">
        <v>1870</v>
      </c>
      <c r="C2514" t="s">
        <v>35</v>
      </c>
      <c r="D2514" t="s">
        <v>10</v>
      </c>
      <c r="E2514" t="s">
        <v>11</v>
      </c>
      <c r="F2514" s="2">
        <v>1</v>
      </c>
      <c r="G2514" t="s">
        <v>27</v>
      </c>
      <c r="H2514" t="s">
        <v>13</v>
      </c>
    </row>
    <row r="2515" spans="1:8" x14ac:dyDescent="0.25">
      <c r="A2515" s="1">
        <v>44739</v>
      </c>
      <c r="B2515" t="s">
        <v>1871</v>
      </c>
      <c r="C2515" t="s">
        <v>999</v>
      </c>
      <c r="D2515" t="s">
        <v>10</v>
      </c>
      <c r="E2515" t="s">
        <v>11</v>
      </c>
      <c r="F2515" s="2">
        <v>1</v>
      </c>
      <c r="G2515" t="s">
        <v>1872</v>
      </c>
      <c r="H2515" t="s">
        <v>13</v>
      </c>
    </row>
    <row r="2516" spans="1:8" x14ac:dyDescent="0.25">
      <c r="A2516" s="1">
        <v>44739</v>
      </c>
      <c r="B2516" t="s">
        <v>1873</v>
      </c>
      <c r="C2516" t="s">
        <v>410</v>
      </c>
      <c r="D2516" t="s">
        <v>10</v>
      </c>
      <c r="E2516" t="s">
        <v>11</v>
      </c>
      <c r="F2516" s="2">
        <v>1</v>
      </c>
      <c r="G2516" t="s">
        <v>131</v>
      </c>
      <c r="H2516" t="s">
        <v>13</v>
      </c>
    </row>
    <row r="2517" spans="1:8" x14ac:dyDescent="0.25">
      <c r="A2517" s="1">
        <v>44739</v>
      </c>
      <c r="B2517" t="s">
        <v>1874</v>
      </c>
      <c r="C2517" t="s">
        <v>9</v>
      </c>
      <c r="D2517" t="s">
        <v>26</v>
      </c>
      <c r="E2517" t="s">
        <v>11</v>
      </c>
      <c r="F2517" s="2">
        <v>1</v>
      </c>
      <c r="G2517" t="s">
        <v>113</v>
      </c>
      <c r="H2517" t="s">
        <v>13</v>
      </c>
    </row>
    <row r="2518" spans="1:8" x14ac:dyDescent="0.25">
      <c r="A2518" s="1">
        <v>44739</v>
      </c>
      <c r="B2518" t="s">
        <v>1874</v>
      </c>
      <c r="C2518" t="s">
        <v>35</v>
      </c>
      <c r="D2518" t="s">
        <v>26</v>
      </c>
      <c r="E2518" t="s">
        <v>11</v>
      </c>
      <c r="F2518" s="2">
        <v>1</v>
      </c>
      <c r="G2518" t="s">
        <v>113</v>
      </c>
      <c r="H2518" t="s">
        <v>13</v>
      </c>
    </row>
    <row r="2519" spans="1:8" x14ac:dyDescent="0.25">
      <c r="A2519" s="1">
        <v>44739</v>
      </c>
      <c r="B2519" t="s">
        <v>1874</v>
      </c>
      <c r="C2519" t="s">
        <v>47</v>
      </c>
      <c r="D2519" t="s">
        <v>26</v>
      </c>
      <c r="E2519" t="s">
        <v>11</v>
      </c>
      <c r="F2519" s="2">
        <v>1</v>
      </c>
      <c r="G2519" t="s">
        <v>113</v>
      </c>
      <c r="H2519" t="s">
        <v>13</v>
      </c>
    </row>
    <row r="2520" spans="1:8" x14ac:dyDescent="0.25">
      <c r="A2520" s="1">
        <v>44738</v>
      </c>
      <c r="B2520" t="s">
        <v>1875</v>
      </c>
      <c r="C2520" t="s">
        <v>16</v>
      </c>
      <c r="D2520" t="s">
        <v>10</v>
      </c>
      <c r="E2520" t="s">
        <v>11</v>
      </c>
      <c r="F2520" s="2">
        <v>1</v>
      </c>
      <c r="G2520" t="s">
        <v>37</v>
      </c>
      <c r="H2520" t="s">
        <v>13</v>
      </c>
    </row>
    <row r="2521" spans="1:8" x14ac:dyDescent="0.25">
      <c r="A2521" s="1">
        <v>44737</v>
      </c>
      <c r="B2521" t="s">
        <v>1876</v>
      </c>
      <c r="C2521" t="s">
        <v>14</v>
      </c>
      <c r="D2521" t="s">
        <v>10</v>
      </c>
      <c r="E2521" t="s">
        <v>11</v>
      </c>
      <c r="F2521" s="2">
        <v>1</v>
      </c>
      <c r="G2521" t="s">
        <v>44</v>
      </c>
      <c r="H2521" t="s">
        <v>13</v>
      </c>
    </row>
    <row r="2522" spans="1:8" x14ac:dyDescent="0.25">
      <c r="A2522" s="1">
        <v>44737</v>
      </c>
      <c r="B2522" t="s">
        <v>1877</v>
      </c>
      <c r="C2522" t="s">
        <v>19</v>
      </c>
      <c r="D2522" t="s">
        <v>10</v>
      </c>
      <c r="E2522" t="s">
        <v>11</v>
      </c>
      <c r="F2522" s="2">
        <v>1</v>
      </c>
      <c r="G2522" t="s">
        <v>100</v>
      </c>
      <c r="H2522" t="s">
        <v>13</v>
      </c>
    </row>
    <row r="2523" spans="1:8" x14ac:dyDescent="0.25">
      <c r="A2523" s="1">
        <v>44737</v>
      </c>
      <c r="B2523" t="s">
        <v>1877</v>
      </c>
      <c r="C2523" t="s">
        <v>103</v>
      </c>
      <c r="D2523" t="s">
        <v>10</v>
      </c>
      <c r="E2523" t="s">
        <v>11</v>
      </c>
      <c r="F2523" s="2">
        <v>1</v>
      </c>
      <c r="G2523" t="s">
        <v>100</v>
      </c>
      <c r="H2523" t="s">
        <v>13</v>
      </c>
    </row>
    <row r="2524" spans="1:8" x14ac:dyDescent="0.25">
      <c r="A2524" s="1">
        <v>44737</v>
      </c>
      <c r="B2524" t="s">
        <v>1878</v>
      </c>
      <c r="C2524" t="s">
        <v>9</v>
      </c>
      <c r="D2524" t="s">
        <v>26</v>
      </c>
      <c r="E2524" t="s">
        <v>11</v>
      </c>
      <c r="F2524" s="2">
        <v>1</v>
      </c>
      <c r="G2524" t="s">
        <v>157</v>
      </c>
      <c r="H2524" t="s">
        <v>13</v>
      </c>
    </row>
    <row r="2525" spans="1:8" x14ac:dyDescent="0.25">
      <c r="A2525" s="1">
        <v>44737</v>
      </c>
      <c r="B2525" t="s">
        <v>1878</v>
      </c>
      <c r="C2525" t="s">
        <v>47</v>
      </c>
      <c r="D2525" t="s">
        <v>26</v>
      </c>
      <c r="E2525" t="s">
        <v>11</v>
      </c>
      <c r="F2525" s="2">
        <v>1</v>
      </c>
      <c r="G2525" t="s">
        <v>157</v>
      </c>
      <c r="H2525" t="s">
        <v>13</v>
      </c>
    </row>
    <row r="2526" spans="1:8" x14ac:dyDescent="0.25">
      <c r="A2526" s="1">
        <v>44736</v>
      </c>
      <c r="B2526" t="s">
        <v>1879</v>
      </c>
      <c r="C2526" t="s">
        <v>79</v>
      </c>
      <c r="D2526" t="s">
        <v>10</v>
      </c>
      <c r="E2526" t="s">
        <v>11</v>
      </c>
      <c r="F2526" s="2">
        <v>1</v>
      </c>
      <c r="G2526" t="s">
        <v>20</v>
      </c>
      <c r="H2526" t="s">
        <v>13</v>
      </c>
    </row>
    <row r="2527" spans="1:8" x14ac:dyDescent="0.25">
      <c r="A2527" s="1">
        <v>44736</v>
      </c>
      <c r="B2527" t="s">
        <v>1879</v>
      </c>
      <c r="C2527" t="s">
        <v>79</v>
      </c>
      <c r="D2527" t="s">
        <v>10</v>
      </c>
      <c r="E2527" t="s">
        <v>11</v>
      </c>
      <c r="F2527" s="2">
        <v>1</v>
      </c>
      <c r="G2527" t="s">
        <v>20</v>
      </c>
      <c r="H2527" t="s">
        <v>13</v>
      </c>
    </row>
    <row r="2528" spans="1:8" x14ac:dyDescent="0.25">
      <c r="A2528" s="1">
        <v>44734</v>
      </c>
      <c r="B2528" t="s">
        <v>1880</v>
      </c>
      <c r="C2528" t="s">
        <v>510</v>
      </c>
      <c r="D2528" t="s">
        <v>10</v>
      </c>
      <c r="E2528" t="s">
        <v>11</v>
      </c>
      <c r="F2528" s="2">
        <v>1</v>
      </c>
      <c r="G2528" t="s">
        <v>20</v>
      </c>
      <c r="H2528" t="s">
        <v>13</v>
      </c>
    </row>
    <row r="2529" spans="1:8" x14ac:dyDescent="0.25">
      <c r="A2529" s="1">
        <v>44733</v>
      </c>
      <c r="B2529" t="s">
        <v>1881</v>
      </c>
      <c r="C2529" t="s">
        <v>416</v>
      </c>
      <c r="D2529" t="s">
        <v>10</v>
      </c>
      <c r="E2529" t="s">
        <v>11</v>
      </c>
      <c r="F2529" s="2">
        <v>1</v>
      </c>
      <c r="G2529" t="s">
        <v>37</v>
      </c>
      <c r="H2529" t="s">
        <v>13</v>
      </c>
    </row>
    <row r="2530" spans="1:8" x14ac:dyDescent="0.25">
      <c r="A2530" s="1">
        <v>44732</v>
      </c>
      <c r="B2530" t="s">
        <v>1882</v>
      </c>
      <c r="C2530" t="s">
        <v>9</v>
      </c>
      <c r="D2530" t="s">
        <v>10</v>
      </c>
      <c r="E2530" t="s">
        <v>11</v>
      </c>
      <c r="F2530" s="2">
        <v>1</v>
      </c>
      <c r="G2530" t="s">
        <v>61</v>
      </c>
      <c r="H2530" t="s">
        <v>13</v>
      </c>
    </row>
    <row r="2531" spans="1:8" x14ac:dyDescent="0.25">
      <c r="A2531" s="1">
        <v>44732</v>
      </c>
      <c r="B2531" t="s">
        <v>1882</v>
      </c>
      <c r="C2531" t="s">
        <v>1883</v>
      </c>
      <c r="D2531" t="s">
        <v>10</v>
      </c>
      <c r="E2531" t="s">
        <v>11</v>
      </c>
      <c r="F2531" s="2">
        <v>1</v>
      </c>
      <c r="G2531" t="s">
        <v>61</v>
      </c>
      <c r="H2531" t="s">
        <v>13</v>
      </c>
    </row>
    <row r="2532" spans="1:8" x14ac:dyDescent="0.25">
      <c r="A2532" s="1">
        <v>44732</v>
      </c>
      <c r="B2532" t="s">
        <v>1884</v>
      </c>
      <c r="C2532" t="s">
        <v>249</v>
      </c>
      <c r="D2532" t="s">
        <v>10</v>
      </c>
      <c r="E2532" t="s">
        <v>11</v>
      </c>
      <c r="F2532" s="2">
        <v>1</v>
      </c>
      <c r="G2532" t="s">
        <v>31</v>
      </c>
      <c r="H2532" t="s">
        <v>13</v>
      </c>
    </row>
    <row r="2533" spans="1:8" x14ac:dyDescent="0.25">
      <c r="A2533" s="1">
        <v>44732</v>
      </c>
      <c r="B2533" t="s">
        <v>1885</v>
      </c>
      <c r="C2533" t="s">
        <v>9</v>
      </c>
      <c r="D2533" t="s">
        <v>10</v>
      </c>
      <c r="E2533" t="s">
        <v>11</v>
      </c>
      <c r="F2533" s="2">
        <v>1</v>
      </c>
      <c r="G2533" t="s">
        <v>95</v>
      </c>
      <c r="H2533" t="s">
        <v>13</v>
      </c>
    </row>
    <row r="2534" spans="1:8" x14ac:dyDescent="0.25">
      <c r="A2534" s="1">
        <v>44731</v>
      </c>
      <c r="B2534" t="s">
        <v>1886</v>
      </c>
      <c r="C2534" t="s">
        <v>142</v>
      </c>
      <c r="D2534" t="s">
        <v>10</v>
      </c>
      <c r="E2534" t="s">
        <v>11</v>
      </c>
      <c r="F2534" s="2">
        <v>1</v>
      </c>
      <c r="G2534" t="s">
        <v>125</v>
      </c>
      <c r="H2534" t="s">
        <v>13</v>
      </c>
    </row>
    <row r="2535" spans="1:8" x14ac:dyDescent="0.25">
      <c r="A2535" s="1">
        <v>44731</v>
      </c>
      <c r="B2535" t="s">
        <v>1886</v>
      </c>
      <c r="C2535" t="s">
        <v>47</v>
      </c>
      <c r="D2535" t="s">
        <v>10</v>
      </c>
      <c r="E2535" t="s">
        <v>11</v>
      </c>
      <c r="F2535" s="2">
        <v>1</v>
      </c>
      <c r="G2535" t="s">
        <v>125</v>
      </c>
      <c r="H2535" t="s">
        <v>13</v>
      </c>
    </row>
    <row r="2536" spans="1:8" x14ac:dyDescent="0.25">
      <c r="A2536" s="1">
        <v>44731</v>
      </c>
      <c r="B2536" t="s">
        <v>1886</v>
      </c>
      <c r="C2536" t="s">
        <v>14</v>
      </c>
      <c r="D2536" t="s">
        <v>10</v>
      </c>
      <c r="E2536" t="s">
        <v>11</v>
      </c>
      <c r="F2536" s="2">
        <v>1</v>
      </c>
      <c r="G2536" t="s">
        <v>125</v>
      </c>
      <c r="H2536" t="s">
        <v>13</v>
      </c>
    </row>
    <row r="2537" spans="1:8" x14ac:dyDescent="0.25">
      <c r="A2537" s="1">
        <v>44730</v>
      </c>
      <c r="B2537" t="s">
        <v>1887</v>
      </c>
      <c r="C2537" t="s">
        <v>174</v>
      </c>
      <c r="D2537" t="s">
        <v>10</v>
      </c>
      <c r="E2537" t="s">
        <v>11</v>
      </c>
      <c r="F2537" s="2">
        <v>1</v>
      </c>
      <c r="G2537" t="s">
        <v>46</v>
      </c>
      <c r="H2537" t="s">
        <v>13</v>
      </c>
    </row>
    <row r="2538" spans="1:8" x14ac:dyDescent="0.25">
      <c r="A2538" s="1">
        <v>44730</v>
      </c>
      <c r="B2538" t="s">
        <v>1888</v>
      </c>
      <c r="C2538" t="s">
        <v>79</v>
      </c>
      <c r="D2538" t="s">
        <v>10</v>
      </c>
      <c r="E2538" t="s">
        <v>11</v>
      </c>
      <c r="F2538" s="2">
        <v>1</v>
      </c>
      <c r="G2538" t="s">
        <v>111</v>
      </c>
      <c r="H2538" t="s">
        <v>13</v>
      </c>
    </row>
    <row r="2539" spans="1:8" x14ac:dyDescent="0.25">
      <c r="A2539" s="1">
        <v>44730</v>
      </c>
      <c r="B2539" t="s">
        <v>1888</v>
      </c>
      <c r="C2539" t="s">
        <v>80</v>
      </c>
      <c r="D2539" t="s">
        <v>10</v>
      </c>
      <c r="E2539" t="s">
        <v>11</v>
      </c>
      <c r="F2539" s="2">
        <v>1</v>
      </c>
      <c r="G2539" t="s">
        <v>111</v>
      </c>
      <c r="H2539" t="s">
        <v>13</v>
      </c>
    </row>
    <row r="2540" spans="1:8" x14ac:dyDescent="0.25">
      <c r="A2540" s="1">
        <v>44729</v>
      </c>
      <c r="B2540" t="s">
        <v>1889</v>
      </c>
      <c r="C2540" t="s">
        <v>103</v>
      </c>
      <c r="D2540" t="s">
        <v>10</v>
      </c>
      <c r="E2540" t="s">
        <v>11</v>
      </c>
      <c r="F2540" s="2">
        <v>1</v>
      </c>
      <c r="G2540" t="s">
        <v>100</v>
      </c>
      <c r="H2540" t="s">
        <v>13</v>
      </c>
    </row>
    <row r="2541" spans="1:8" x14ac:dyDescent="0.25">
      <c r="A2541" s="1">
        <v>44729</v>
      </c>
      <c r="B2541" t="s">
        <v>1889</v>
      </c>
      <c r="C2541" t="s">
        <v>870</v>
      </c>
      <c r="D2541" t="s">
        <v>10</v>
      </c>
      <c r="E2541" t="s">
        <v>11</v>
      </c>
      <c r="F2541" s="2">
        <v>1</v>
      </c>
      <c r="G2541" t="s">
        <v>100</v>
      </c>
      <c r="H2541" t="s">
        <v>13</v>
      </c>
    </row>
    <row r="2542" spans="1:8" x14ac:dyDescent="0.25">
      <c r="A2542" s="1">
        <v>44729</v>
      </c>
      <c r="B2542" t="s">
        <v>1890</v>
      </c>
      <c r="C2542" t="s">
        <v>9</v>
      </c>
      <c r="D2542" t="s">
        <v>10</v>
      </c>
      <c r="E2542" t="s">
        <v>11</v>
      </c>
      <c r="F2542" s="2">
        <v>1</v>
      </c>
      <c r="G2542" t="s">
        <v>37</v>
      </c>
      <c r="H2542" t="s">
        <v>13</v>
      </c>
    </row>
    <row r="2543" spans="1:8" x14ac:dyDescent="0.25">
      <c r="A2543" s="1">
        <v>44728</v>
      </c>
      <c r="B2543" t="s">
        <v>1891</v>
      </c>
      <c r="C2543" t="s">
        <v>47</v>
      </c>
      <c r="D2543" t="s">
        <v>10</v>
      </c>
      <c r="E2543" t="s">
        <v>11</v>
      </c>
      <c r="F2543" s="2">
        <v>1</v>
      </c>
      <c r="G2543" t="s">
        <v>100</v>
      </c>
      <c r="H2543" t="s">
        <v>13</v>
      </c>
    </row>
    <row r="2544" spans="1:8" x14ac:dyDescent="0.25">
      <c r="A2544" s="1">
        <v>44728</v>
      </c>
      <c r="B2544" t="s">
        <v>1892</v>
      </c>
      <c r="C2544" t="s">
        <v>9</v>
      </c>
      <c r="D2544" t="s">
        <v>10</v>
      </c>
      <c r="E2544" t="s">
        <v>11</v>
      </c>
      <c r="F2544" s="2">
        <v>1</v>
      </c>
      <c r="G2544" t="s">
        <v>72</v>
      </c>
      <c r="H2544" t="s">
        <v>13</v>
      </c>
    </row>
    <row r="2545" spans="1:8" x14ac:dyDescent="0.25">
      <c r="A2545" s="1">
        <v>44728</v>
      </c>
      <c r="B2545" t="s">
        <v>1892</v>
      </c>
      <c r="C2545" t="s">
        <v>52</v>
      </c>
      <c r="D2545" t="s">
        <v>10</v>
      </c>
      <c r="E2545" t="s">
        <v>11</v>
      </c>
      <c r="F2545" s="2">
        <v>1</v>
      </c>
      <c r="G2545" t="s">
        <v>72</v>
      </c>
      <c r="H2545" t="s">
        <v>13</v>
      </c>
    </row>
    <row r="2546" spans="1:8" x14ac:dyDescent="0.25">
      <c r="A2546" s="1">
        <v>44728</v>
      </c>
      <c r="B2546" t="s">
        <v>1892</v>
      </c>
      <c r="C2546" t="s">
        <v>416</v>
      </c>
      <c r="D2546" t="s">
        <v>10</v>
      </c>
      <c r="E2546" t="s">
        <v>11</v>
      </c>
      <c r="F2546" s="2">
        <v>1</v>
      </c>
      <c r="G2546" t="s">
        <v>72</v>
      </c>
      <c r="H2546" t="s">
        <v>13</v>
      </c>
    </row>
    <row r="2547" spans="1:8" x14ac:dyDescent="0.25">
      <c r="A2547" s="1">
        <v>44728</v>
      </c>
      <c r="B2547" t="s">
        <v>1893</v>
      </c>
      <c r="C2547" t="s">
        <v>481</v>
      </c>
      <c r="D2547" t="s">
        <v>10</v>
      </c>
      <c r="E2547" t="s">
        <v>11</v>
      </c>
      <c r="F2547" s="2">
        <v>1</v>
      </c>
      <c r="G2547" t="s">
        <v>24</v>
      </c>
      <c r="H2547" t="s">
        <v>13</v>
      </c>
    </row>
    <row r="2548" spans="1:8" x14ac:dyDescent="0.25">
      <c r="A2548" s="1">
        <v>44728</v>
      </c>
      <c r="B2548" t="s">
        <v>1893</v>
      </c>
      <c r="C2548" t="s">
        <v>481</v>
      </c>
      <c r="D2548" t="s">
        <v>10</v>
      </c>
      <c r="E2548" t="s">
        <v>11</v>
      </c>
      <c r="F2548" s="2">
        <v>1</v>
      </c>
      <c r="G2548" t="s">
        <v>24</v>
      </c>
      <c r="H2548" t="s">
        <v>13</v>
      </c>
    </row>
    <row r="2549" spans="1:8" x14ac:dyDescent="0.25">
      <c r="A2549" s="1">
        <v>44727</v>
      </c>
      <c r="B2549" t="s">
        <v>1894</v>
      </c>
      <c r="C2549" t="s">
        <v>9</v>
      </c>
      <c r="D2549" t="s">
        <v>10</v>
      </c>
      <c r="E2549" t="s">
        <v>11</v>
      </c>
      <c r="F2549" s="2">
        <v>1</v>
      </c>
      <c r="G2549" t="s">
        <v>279</v>
      </c>
      <c r="H2549" t="s">
        <v>13</v>
      </c>
    </row>
    <row r="2550" spans="1:8" x14ac:dyDescent="0.25">
      <c r="A2550" s="1">
        <v>44727</v>
      </c>
      <c r="B2550" t="s">
        <v>1894</v>
      </c>
      <c r="C2550" t="s">
        <v>484</v>
      </c>
      <c r="D2550" t="s">
        <v>10</v>
      </c>
      <c r="E2550" t="s">
        <v>11</v>
      </c>
      <c r="F2550" s="2">
        <v>1</v>
      </c>
      <c r="G2550" t="s">
        <v>279</v>
      </c>
      <c r="H2550" t="s">
        <v>13</v>
      </c>
    </row>
    <row r="2551" spans="1:8" x14ac:dyDescent="0.25">
      <c r="A2551" s="1">
        <v>44727</v>
      </c>
      <c r="B2551" t="s">
        <v>1895</v>
      </c>
      <c r="C2551" t="s">
        <v>9</v>
      </c>
      <c r="D2551" t="s">
        <v>10</v>
      </c>
      <c r="E2551" t="s">
        <v>11</v>
      </c>
      <c r="F2551" s="2">
        <v>1</v>
      </c>
      <c r="G2551" t="s">
        <v>37</v>
      </c>
      <c r="H2551" t="s">
        <v>13</v>
      </c>
    </row>
    <row r="2552" spans="1:8" x14ac:dyDescent="0.25">
      <c r="A2552" s="1">
        <v>44727</v>
      </c>
      <c r="B2552" t="s">
        <v>1895</v>
      </c>
      <c r="C2552" t="s">
        <v>52</v>
      </c>
      <c r="D2552" t="s">
        <v>10</v>
      </c>
      <c r="E2552" t="s">
        <v>11</v>
      </c>
      <c r="F2552" s="2">
        <v>1</v>
      </c>
      <c r="G2552" t="s">
        <v>37</v>
      </c>
      <c r="H2552" t="s">
        <v>13</v>
      </c>
    </row>
    <row r="2553" spans="1:8" x14ac:dyDescent="0.25">
      <c r="A2553" s="1">
        <v>44727</v>
      </c>
      <c r="B2553" t="s">
        <v>1895</v>
      </c>
      <c r="C2553" t="s">
        <v>301</v>
      </c>
      <c r="D2553" t="s">
        <v>10</v>
      </c>
      <c r="E2553" t="s">
        <v>11</v>
      </c>
      <c r="F2553" s="2">
        <v>1</v>
      </c>
      <c r="G2553" t="s">
        <v>37</v>
      </c>
      <c r="H2553" t="s">
        <v>13</v>
      </c>
    </row>
    <row r="2554" spans="1:8" x14ac:dyDescent="0.25">
      <c r="A2554" s="1">
        <v>44727</v>
      </c>
      <c r="B2554" t="s">
        <v>1896</v>
      </c>
      <c r="C2554" t="s">
        <v>9</v>
      </c>
      <c r="D2554" t="s">
        <v>10</v>
      </c>
      <c r="E2554" t="s">
        <v>11</v>
      </c>
      <c r="F2554" s="2">
        <v>1</v>
      </c>
      <c r="G2554" t="s">
        <v>636</v>
      </c>
      <c r="H2554" t="s">
        <v>13</v>
      </c>
    </row>
    <row r="2555" spans="1:8" x14ac:dyDescent="0.25">
      <c r="A2555" s="1">
        <v>44727</v>
      </c>
      <c r="B2555" t="s">
        <v>1896</v>
      </c>
      <c r="C2555" t="s">
        <v>9</v>
      </c>
      <c r="D2555" t="s">
        <v>10</v>
      </c>
      <c r="E2555" t="s">
        <v>11</v>
      </c>
      <c r="F2555" s="2">
        <v>1</v>
      </c>
      <c r="G2555" t="s">
        <v>636</v>
      </c>
      <c r="H2555" t="s">
        <v>13</v>
      </c>
    </row>
    <row r="2556" spans="1:8" x14ac:dyDescent="0.25">
      <c r="A2556" s="1">
        <v>44727</v>
      </c>
      <c r="B2556" t="s">
        <v>1896</v>
      </c>
      <c r="C2556" t="s">
        <v>96</v>
      </c>
      <c r="D2556" t="s">
        <v>10</v>
      </c>
      <c r="E2556" t="s">
        <v>11</v>
      </c>
      <c r="F2556" s="2">
        <v>1</v>
      </c>
      <c r="G2556" t="s">
        <v>636</v>
      </c>
      <c r="H2556" t="s">
        <v>13</v>
      </c>
    </row>
    <row r="2557" spans="1:8" x14ac:dyDescent="0.25">
      <c r="A2557" s="1">
        <v>44727</v>
      </c>
      <c r="B2557" t="s">
        <v>1896</v>
      </c>
      <c r="C2557" t="s">
        <v>96</v>
      </c>
      <c r="D2557" t="s">
        <v>10</v>
      </c>
      <c r="E2557" t="s">
        <v>11</v>
      </c>
      <c r="F2557" s="2">
        <v>1</v>
      </c>
      <c r="G2557" t="s">
        <v>636</v>
      </c>
      <c r="H2557" t="s">
        <v>13</v>
      </c>
    </row>
    <row r="2558" spans="1:8" x14ac:dyDescent="0.25">
      <c r="A2558" s="1">
        <v>44726</v>
      </c>
      <c r="B2558" t="s">
        <v>1897</v>
      </c>
      <c r="C2558" t="s">
        <v>9</v>
      </c>
      <c r="D2558" t="s">
        <v>10</v>
      </c>
      <c r="E2558" t="s">
        <v>11</v>
      </c>
      <c r="F2558" s="2">
        <v>1</v>
      </c>
      <c r="G2558" t="s">
        <v>859</v>
      </c>
      <c r="H2558" t="s">
        <v>13</v>
      </c>
    </row>
    <row r="2559" spans="1:8" x14ac:dyDescent="0.25">
      <c r="A2559" s="1">
        <v>44726</v>
      </c>
      <c r="B2559" t="s">
        <v>1898</v>
      </c>
      <c r="C2559" t="s">
        <v>19</v>
      </c>
      <c r="D2559" t="s">
        <v>10</v>
      </c>
      <c r="E2559" t="s">
        <v>11</v>
      </c>
      <c r="F2559" s="2">
        <v>1</v>
      </c>
      <c r="G2559" t="s">
        <v>135</v>
      </c>
      <c r="H2559" t="s">
        <v>13</v>
      </c>
    </row>
    <row r="2560" spans="1:8" x14ac:dyDescent="0.25">
      <c r="A2560" s="1">
        <v>44726</v>
      </c>
      <c r="B2560" t="s">
        <v>1898</v>
      </c>
      <c r="C2560" t="s">
        <v>103</v>
      </c>
      <c r="D2560" t="s">
        <v>10</v>
      </c>
      <c r="E2560" t="s">
        <v>11</v>
      </c>
      <c r="F2560" s="2">
        <v>1</v>
      </c>
      <c r="G2560" t="s">
        <v>135</v>
      </c>
      <c r="H2560" t="s">
        <v>13</v>
      </c>
    </row>
    <row r="2561" spans="1:8" x14ac:dyDescent="0.25">
      <c r="A2561" s="1">
        <v>44726</v>
      </c>
      <c r="B2561" t="s">
        <v>1898</v>
      </c>
      <c r="C2561" t="s">
        <v>35</v>
      </c>
      <c r="D2561" t="s">
        <v>10</v>
      </c>
      <c r="E2561" t="s">
        <v>11</v>
      </c>
      <c r="F2561" s="2">
        <v>1</v>
      </c>
      <c r="G2561" t="s">
        <v>135</v>
      </c>
      <c r="H2561" t="s">
        <v>13</v>
      </c>
    </row>
    <row r="2562" spans="1:8" x14ac:dyDescent="0.25">
      <c r="A2562" s="1">
        <v>44726</v>
      </c>
      <c r="B2562" t="s">
        <v>1898</v>
      </c>
      <c r="C2562" t="s">
        <v>47</v>
      </c>
      <c r="D2562" t="s">
        <v>10</v>
      </c>
      <c r="E2562" t="s">
        <v>11</v>
      </c>
      <c r="F2562" s="2">
        <v>1</v>
      </c>
      <c r="G2562" t="s">
        <v>135</v>
      </c>
      <c r="H2562" t="s">
        <v>13</v>
      </c>
    </row>
    <row r="2563" spans="1:8" x14ac:dyDescent="0.25">
      <c r="A2563" s="1">
        <v>44726</v>
      </c>
      <c r="B2563" t="s">
        <v>1899</v>
      </c>
      <c r="C2563" t="s">
        <v>47</v>
      </c>
      <c r="D2563" t="s">
        <v>10</v>
      </c>
      <c r="E2563" t="s">
        <v>11</v>
      </c>
      <c r="F2563" s="2">
        <v>1</v>
      </c>
      <c r="G2563" t="s">
        <v>137</v>
      </c>
      <c r="H2563" t="s">
        <v>13</v>
      </c>
    </row>
    <row r="2564" spans="1:8" x14ac:dyDescent="0.25">
      <c r="A2564" s="1">
        <v>44725</v>
      </c>
      <c r="B2564" t="s">
        <v>1900</v>
      </c>
      <c r="C2564" t="s">
        <v>174</v>
      </c>
      <c r="D2564" t="s">
        <v>10</v>
      </c>
      <c r="E2564" t="s">
        <v>11</v>
      </c>
      <c r="F2564" s="2">
        <v>1</v>
      </c>
      <c r="G2564" t="s">
        <v>859</v>
      </c>
      <c r="H2564" t="s">
        <v>13</v>
      </c>
    </row>
    <row r="2565" spans="1:8" x14ac:dyDescent="0.25">
      <c r="A2565" s="1">
        <v>44724</v>
      </c>
      <c r="B2565" t="s">
        <v>1901</v>
      </c>
      <c r="C2565" t="s">
        <v>9</v>
      </c>
      <c r="D2565" t="s">
        <v>10</v>
      </c>
      <c r="E2565" t="s">
        <v>11</v>
      </c>
      <c r="F2565" s="2">
        <v>1</v>
      </c>
      <c r="G2565" t="s">
        <v>53</v>
      </c>
      <c r="H2565" t="s">
        <v>13</v>
      </c>
    </row>
    <row r="2566" spans="1:8" x14ac:dyDescent="0.25">
      <c r="A2566" s="1">
        <v>44724</v>
      </c>
      <c r="B2566" t="s">
        <v>1901</v>
      </c>
      <c r="C2566" t="s">
        <v>282</v>
      </c>
      <c r="D2566" t="s">
        <v>10</v>
      </c>
      <c r="E2566" t="s">
        <v>11</v>
      </c>
      <c r="F2566" s="2">
        <v>1</v>
      </c>
      <c r="G2566" t="s">
        <v>53</v>
      </c>
      <c r="H2566" t="s">
        <v>13</v>
      </c>
    </row>
    <row r="2567" spans="1:8" x14ac:dyDescent="0.25">
      <c r="A2567" s="1">
        <v>44724</v>
      </c>
      <c r="B2567" t="s">
        <v>1902</v>
      </c>
      <c r="C2567" t="s">
        <v>9</v>
      </c>
      <c r="D2567" t="s">
        <v>10</v>
      </c>
      <c r="E2567" t="s">
        <v>11</v>
      </c>
      <c r="F2567" s="2">
        <v>1</v>
      </c>
      <c r="G2567" t="s">
        <v>53</v>
      </c>
      <c r="H2567" t="s">
        <v>13</v>
      </c>
    </row>
    <row r="2568" spans="1:8" x14ac:dyDescent="0.25">
      <c r="A2568" s="1">
        <v>44724</v>
      </c>
      <c r="B2568" t="s">
        <v>1902</v>
      </c>
      <c r="C2568" t="s">
        <v>118</v>
      </c>
      <c r="D2568" t="s">
        <v>10</v>
      </c>
      <c r="E2568" t="s">
        <v>11</v>
      </c>
      <c r="F2568" s="2">
        <v>1</v>
      </c>
      <c r="G2568" t="s">
        <v>53</v>
      </c>
      <c r="H2568" t="s">
        <v>13</v>
      </c>
    </row>
    <row r="2569" spans="1:8" x14ac:dyDescent="0.25">
      <c r="A2569" s="1">
        <v>44724</v>
      </c>
      <c r="B2569" t="s">
        <v>1902</v>
      </c>
      <c r="C2569" t="s">
        <v>35</v>
      </c>
      <c r="D2569" t="s">
        <v>10</v>
      </c>
      <c r="E2569" t="s">
        <v>11</v>
      </c>
      <c r="F2569" s="2">
        <v>1</v>
      </c>
      <c r="G2569" t="s">
        <v>53</v>
      </c>
      <c r="H2569" t="s">
        <v>13</v>
      </c>
    </row>
    <row r="2570" spans="1:8" x14ac:dyDescent="0.25">
      <c r="A2570" s="1">
        <v>44724</v>
      </c>
      <c r="B2570" t="s">
        <v>1902</v>
      </c>
      <c r="C2570" t="s">
        <v>14</v>
      </c>
      <c r="D2570" t="s">
        <v>10</v>
      </c>
      <c r="E2570" t="s">
        <v>11</v>
      </c>
      <c r="F2570" s="2">
        <v>1</v>
      </c>
      <c r="G2570" t="s">
        <v>53</v>
      </c>
      <c r="H2570" t="s">
        <v>13</v>
      </c>
    </row>
    <row r="2571" spans="1:8" x14ac:dyDescent="0.25">
      <c r="A2571" s="1">
        <v>44723</v>
      </c>
      <c r="B2571" t="s">
        <v>1903</v>
      </c>
      <c r="C2571" t="s">
        <v>9</v>
      </c>
      <c r="D2571" t="s">
        <v>10</v>
      </c>
      <c r="E2571" t="s">
        <v>11</v>
      </c>
      <c r="F2571" s="2">
        <v>1</v>
      </c>
      <c r="G2571" t="s">
        <v>49</v>
      </c>
      <c r="H2571" t="s">
        <v>13</v>
      </c>
    </row>
    <row r="2572" spans="1:8" x14ac:dyDescent="0.25">
      <c r="A2572" s="1">
        <v>44723</v>
      </c>
      <c r="B2572" t="s">
        <v>1903</v>
      </c>
      <c r="C2572" t="s">
        <v>52</v>
      </c>
      <c r="D2572" t="s">
        <v>10</v>
      </c>
      <c r="E2572" t="s">
        <v>11</v>
      </c>
      <c r="F2572" s="2">
        <v>1</v>
      </c>
      <c r="G2572" t="s">
        <v>49</v>
      </c>
      <c r="H2572" t="s">
        <v>13</v>
      </c>
    </row>
    <row r="2573" spans="1:8" x14ac:dyDescent="0.25">
      <c r="A2573" s="1">
        <v>44723</v>
      </c>
      <c r="B2573" t="s">
        <v>1903</v>
      </c>
      <c r="C2573" t="s">
        <v>35</v>
      </c>
      <c r="D2573" t="s">
        <v>10</v>
      </c>
      <c r="E2573" t="s">
        <v>11</v>
      </c>
      <c r="F2573" s="2">
        <v>1</v>
      </c>
      <c r="G2573" t="s">
        <v>49</v>
      </c>
      <c r="H2573" t="s">
        <v>13</v>
      </c>
    </row>
    <row r="2574" spans="1:8" x14ac:dyDescent="0.25">
      <c r="A2574" s="1">
        <v>44723</v>
      </c>
      <c r="B2574" t="s">
        <v>1903</v>
      </c>
      <c r="C2574" t="s">
        <v>47</v>
      </c>
      <c r="D2574" t="s">
        <v>10</v>
      </c>
      <c r="E2574" t="s">
        <v>11</v>
      </c>
      <c r="F2574" s="2">
        <v>1</v>
      </c>
      <c r="G2574" t="s">
        <v>49</v>
      </c>
      <c r="H2574" t="s">
        <v>13</v>
      </c>
    </row>
    <row r="2575" spans="1:8" x14ac:dyDescent="0.25">
      <c r="A2575" s="1">
        <v>44723</v>
      </c>
      <c r="B2575" t="s">
        <v>1903</v>
      </c>
      <c r="C2575" t="s">
        <v>65</v>
      </c>
      <c r="D2575" t="s">
        <v>10</v>
      </c>
      <c r="E2575" t="s">
        <v>11</v>
      </c>
      <c r="F2575" s="2">
        <v>1</v>
      </c>
      <c r="G2575" t="s">
        <v>49</v>
      </c>
      <c r="H2575" t="s">
        <v>13</v>
      </c>
    </row>
    <row r="2576" spans="1:8" x14ac:dyDescent="0.25">
      <c r="A2576" s="1">
        <v>44722</v>
      </c>
      <c r="B2576" t="s">
        <v>1904</v>
      </c>
      <c r="C2576" t="s">
        <v>9</v>
      </c>
      <c r="D2576" t="s">
        <v>10</v>
      </c>
      <c r="E2576" t="s">
        <v>11</v>
      </c>
      <c r="F2576" s="2">
        <v>1</v>
      </c>
      <c r="G2576" t="s">
        <v>194</v>
      </c>
      <c r="H2576" t="s">
        <v>13</v>
      </c>
    </row>
    <row r="2577" spans="1:8" x14ac:dyDescent="0.25">
      <c r="A2577" s="1">
        <v>44722</v>
      </c>
      <c r="B2577" t="s">
        <v>1905</v>
      </c>
      <c r="C2577" t="s">
        <v>96</v>
      </c>
      <c r="D2577" t="s">
        <v>10</v>
      </c>
      <c r="E2577" t="s">
        <v>11</v>
      </c>
      <c r="F2577" s="2">
        <v>1</v>
      </c>
      <c r="G2577" t="s">
        <v>111</v>
      </c>
      <c r="H2577" t="s">
        <v>13</v>
      </c>
    </row>
    <row r="2578" spans="1:8" x14ac:dyDescent="0.25">
      <c r="A2578" s="1">
        <v>44721</v>
      </c>
      <c r="B2578" t="s">
        <v>1906</v>
      </c>
      <c r="C2578" t="s">
        <v>1432</v>
      </c>
      <c r="D2578" t="s">
        <v>10</v>
      </c>
      <c r="E2578" t="s">
        <v>11</v>
      </c>
      <c r="F2578" s="2">
        <v>1</v>
      </c>
      <c r="G2578" t="s">
        <v>244</v>
      </c>
      <c r="H2578" t="s">
        <v>13</v>
      </c>
    </row>
    <row r="2579" spans="1:8" x14ac:dyDescent="0.25">
      <c r="A2579" s="1">
        <v>44720</v>
      </c>
      <c r="B2579" t="s">
        <v>1907</v>
      </c>
      <c r="C2579" t="s">
        <v>79</v>
      </c>
      <c r="D2579" t="s">
        <v>10</v>
      </c>
      <c r="E2579" t="s">
        <v>11</v>
      </c>
      <c r="F2579" s="2">
        <v>1</v>
      </c>
      <c r="G2579" t="s">
        <v>24</v>
      </c>
      <c r="H2579" t="s">
        <v>13</v>
      </c>
    </row>
    <row r="2580" spans="1:8" x14ac:dyDescent="0.25">
      <c r="A2580" s="1">
        <v>44719</v>
      </c>
      <c r="B2580" t="s">
        <v>1908</v>
      </c>
      <c r="C2580" t="s">
        <v>28</v>
      </c>
      <c r="D2580" t="s">
        <v>10</v>
      </c>
      <c r="E2580" t="s">
        <v>11</v>
      </c>
      <c r="F2580" s="2">
        <v>1</v>
      </c>
      <c r="G2580" t="s">
        <v>20</v>
      </c>
      <c r="H2580" t="s">
        <v>13</v>
      </c>
    </row>
    <row r="2581" spans="1:8" x14ac:dyDescent="0.25">
      <c r="A2581" s="1">
        <v>44719</v>
      </c>
      <c r="B2581" t="s">
        <v>1908</v>
      </c>
      <c r="C2581" t="s">
        <v>29</v>
      </c>
      <c r="D2581" t="s">
        <v>10</v>
      </c>
      <c r="E2581" t="s">
        <v>11</v>
      </c>
      <c r="F2581" s="2">
        <v>1</v>
      </c>
      <c r="G2581" t="s">
        <v>20</v>
      </c>
      <c r="H2581" t="s">
        <v>13</v>
      </c>
    </row>
    <row r="2582" spans="1:8" x14ac:dyDescent="0.25">
      <c r="A2582" s="1">
        <v>44718</v>
      </c>
      <c r="B2582" t="s">
        <v>1909</v>
      </c>
      <c r="C2582" t="s">
        <v>9</v>
      </c>
      <c r="D2582" t="s">
        <v>10</v>
      </c>
      <c r="E2582" t="s">
        <v>11</v>
      </c>
      <c r="F2582" s="2">
        <v>1</v>
      </c>
      <c r="G2582" t="s">
        <v>117</v>
      </c>
      <c r="H2582" t="s">
        <v>13</v>
      </c>
    </row>
    <row r="2583" spans="1:8" x14ac:dyDescent="0.25">
      <c r="A2583" s="1">
        <v>44718</v>
      </c>
      <c r="B2583" t="s">
        <v>1909</v>
      </c>
      <c r="C2583" t="s">
        <v>47</v>
      </c>
      <c r="D2583" t="s">
        <v>10</v>
      </c>
      <c r="E2583" t="s">
        <v>11</v>
      </c>
      <c r="F2583" s="2">
        <v>1</v>
      </c>
      <c r="G2583" t="s">
        <v>117</v>
      </c>
      <c r="H2583" t="s">
        <v>13</v>
      </c>
    </row>
    <row r="2584" spans="1:8" x14ac:dyDescent="0.25">
      <c r="A2584" s="1">
        <v>44717</v>
      </c>
      <c r="B2584" t="s">
        <v>1910</v>
      </c>
      <c r="C2584" t="s">
        <v>9</v>
      </c>
      <c r="D2584" t="s">
        <v>10</v>
      </c>
      <c r="E2584" t="s">
        <v>11</v>
      </c>
      <c r="F2584" s="2">
        <v>1</v>
      </c>
      <c r="G2584" t="s">
        <v>553</v>
      </c>
      <c r="H2584" t="s">
        <v>13</v>
      </c>
    </row>
    <row r="2585" spans="1:8" x14ac:dyDescent="0.25">
      <c r="A2585" s="1">
        <v>44717</v>
      </c>
      <c r="B2585" t="s">
        <v>1910</v>
      </c>
      <c r="C2585" t="s">
        <v>47</v>
      </c>
      <c r="D2585" t="s">
        <v>10</v>
      </c>
      <c r="E2585" t="s">
        <v>11</v>
      </c>
      <c r="F2585" s="2">
        <v>1</v>
      </c>
      <c r="G2585" t="s">
        <v>553</v>
      </c>
      <c r="H2585" t="s">
        <v>13</v>
      </c>
    </row>
    <row r="2586" spans="1:8" x14ac:dyDescent="0.25">
      <c r="A2586" s="1">
        <v>44715</v>
      </c>
      <c r="B2586" t="s">
        <v>1911</v>
      </c>
      <c r="C2586" t="s">
        <v>9</v>
      </c>
      <c r="D2586" t="s">
        <v>10</v>
      </c>
      <c r="E2586" t="s">
        <v>11</v>
      </c>
      <c r="F2586" s="2">
        <v>1</v>
      </c>
      <c r="G2586" t="s">
        <v>1912</v>
      </c>
      <c r="H2586" t="s">
        <v>13</v>
      </c>
    </row>
    <row r="2587" spans="1:8" x14ac:dyDescent="0.25">
      <c r="A2587" s="1">
        <v>44715</v>
      </c>
      <c r="B2587" t="s">
        <v>1911</v>
      </c>
      <c r="C2587" t="s">
        <v>379</v>
      </c>
      <c r="D2587" t="s">
        <v>10</v>
      </c>
      <c r="E2587" t="s">
        <v>11</v>
      </c>
      <c r="F2587" s="2">
        <v>1</v>
      </c>
      <c r="G2587" t="s">
        <v>1912</v>
      </c>
      <c r="H2587" t="s">
        <v>13</v>
      </c>
    </row>
    <row r="2588" spans="1:8" x14ac:dyDescent="0.25">
      <c r="A2588" s="1">
        <v>44715</v>
      </c>
      <c r="B2588" t="s">
        <v>1913</v>
      </c>
      <c r="C2588" t="s">
        <v>92</v>
      </c>
      <c r="D2588" t="s">
        <v>10</v>
      </c>
      <c r="E2588" t="s">
        <v>11</v>
      </c>
      <c r="F2588" s="2">
        <v>1</v>
      </c>
      <c r="G2588" t="s">
        <v>205</v>
      </c>
      <c r="H2588" t="s">
        <v>13</v>
      </c>
    </row>
    <row r="2589" spans="1:8" x14ac:dyDescent="0.25">
      <c r="A2589" s="1">
        <v>44714</v>
      </c>
      <c r="B2589" t="s">
        <v>1914</v>
      </c>
      <c r="C2589" t="s">
        <v>416</v>
      </c>
      <c r="D2589" t="s">
        <v>10</v>
      </c>
      <c r="E2589" t="s">
        <v>11</v>
      </c>
      <c r="F2589" s="2">
        <v>1</v>
      </c>
      <c r="G2589" t="s">
        <v>181</v>
      </c>
      <c r="H2589" t="s">
        <v>13</v>
      </c>
    </row>
    <row r="2590" spans="1:8" x14ac:dyDescent="0.25">
      <c r="A2590" s="1">
        <v>44714</v>
      </c>
      <c r="B2590" t="s">
        <v>1915</v>
      </c>
      <c r="C2590" t="s">
        <v>28</v>
      </c>
      <c r="D2590" t="s">
        <v>10</v>
      </c>
      <c r="E2590" t="s">
        <v>11</v>
      </c>
      <c r="F2590" s="2">
        <v>1</v>
      </c>
      <c r="G2590" t="s">
        <v>93</v>
      </c>
      <c r="H2590" t="s">
        <v>13</v>
      </c>
    </row>
    <row r="2591" spans="1:8" x14ac:dyDescent="0.25">
      <c r="A2591" s="1">
        <v>44714</v>
      </c>
      <c r="B2591" t="s">
        <v>1916</v>
      </c>
      <c r="C2591" t="s">
        <v>9</v>
      </c>
      <c r="D2591" t="s">
        <v>10</v>
      </c>
      <c r="E2591" t="s">
        <v>11</v>
      </c>
      <c r="F2591" s="2">
        <v>1</v>
      </c>
      <c r="G2591" t="s">
        <v>111</v>
      </c>
      <c r="H2591" t="s">
        <v>13</v>
      </c>
    </row>
    <row r="2592" spans="1:8" x14ac:dyDescent="0.25">
      <c r="A2592" s="1">
        <v>44713</v>
      </c>
      <c r="B2592" t="s">
        <v>1917</v>
      </c>
      <c r="C2592" t="s">
        <v>1918</v>
      </c>
      <c r="D2592" t="s">
        <v>10</v>
      </c>
      <c r="E2592" t="s">
        <v>11</v>
      </c>
      <c r="F2592" s="2">
        <v>1</v>
      </c>
      <c r="G2592" t="s">
        <v>46</v>
      </c>
      <c r="H2592" t="s">
        <v>13</v>
      </c>
    </row>
    <row r="2593" spans="1:8" x14ac:dyDescent="0.25">
      <c r="A2593" s="1">
        <v>44709</v>
      </c>
      <c r="B2593" t="s">
        <v>1919</v>
      </c>
      <c r="C2593" t="s">
        <v>149</v>
      </c>
      <c r="D2593" t="s">
        <v>10</v>
      </c>
      <c r="E2593" t="s">
        <v>11</v>
      </c>
      <c r="F2593" s="2">
        <v>1</v>
      </c>
      <c r="G2593" t="s">
        <v>37</v>
      </c>
      <c r="H2593" t="s">
        <v>13</v>
      </c>
    </row>
    <row r="2594" spans="1:8" x14ac:dyDescent="0.25">
      <c r="A2594" s="1">
        <v>44709</v>
      </c>
      <c r="B2594" t="s">
        <v>1920</v>
      </c>
      <c r="C2594" t="s">
        <v>9</v>
      </c>
      <c r="D2594" t="s">
        <v>10</v>
      </c>
      <c r="E2594" t="s">
        <v>11</v>
      </c>
      <c r="F2594" s="2">
        <v>1</v>
      </c>
      <c r="G2594" t="s">
        <v>12</v>
      </c>
      <c r="H2594" t="s">
        <v>13</v>
      </c>
    </row>
    <row r="2595" spans="1:8" x14ac:dyDescent="0.25">
      <c r="A2595" s="1">
        <v>44708</v>
      </c>
      <c r="B2595" t="s">
        <v>1921</v>
      </c>
      <c r="C2595" t="s">
        <v>174</v>
      </c>
      <c r="D2595" t="s">
        <v>10</v>
      </c>
      <c r="E2595" t="s">
        <v>11</v>
      </c>
      <c r="F2595" s="2">
        <v>1</v>
      </c>
      <c r="G2595" t="s">
        <v>125</v>
      </c>
      <c r="H2595" t="s">
        <v>13</v>
      </c>
    </row>
    <row r="2596" spans="1:8" x14ac:dyDescent="0.25">
      <c r="A2596" s="1">
        <v>44707</v>
      </c>
      <c r="B2596" t="s">
        <v>1922</v>
      </c>
      <c r="C2596" t="s">
        <v>52</v>
      </c>
      <c r="D2596" t="s">
        <v>10</v>
      </c>
      <c r="E2596" t="s">
        <v>11</v>
      </c>
      <c r="F2596" s="2">
        <v>1</v>
      </c>
      <c r="G2596" t="s">
        <v>67</v>
      </c>
      <c r="H2596" t="s">
        <v>13</v>
      </c>
    </row>
    <row r="2597" spans="1:8" x14ac:dyDescent="0.25">
      <c r="A2597" s="1">
        <v>44707</v>
      </c>
      <c r="B2597" t="s">
        <v>1922</v>
      </c>
      <c r="C2597" t="s">
        <v>16</v>
      </c>
      <c r="D2597" t="s">
        <v>10</v>
      </c>
      <c r="E2597" t="s">
        <v>11</v>
      </c>
      <c r="F2597" s="2">
        <v>1</v>
      </c>
      <c r="G2597" t="s">
        <v>67</v>
      </c>
      <c r="H2597" t="s">
        <v>13</v>
      </c>
    </row>
    <row r="2598" spans="1:8" x14ac:dyDescent="0.25">
      <c r="A2598" s="1">
        <v>44707</v>
      </c>
      <c r="B2598" t="s">
        <v>1922</v>
      </c>
      <c r="C2598" t="s">
        <v>65</v>
      </c>
      <c r="D2598" t="s">
        <v>10</v>
      </c>
      <c r="E2598" t="s">
        <v>11</v>
      </c>
      <c r="F2598" s="2">
        <v>1</v>
      </c>
      <c r="G2598" t="s">
        <v>67</v>
      </c>
      <c r="H2598" t="s">
        <v>13</v>
      </c>
    </row>
    <row r="2599" spans="1:8" x14ac:dyDescent="0.25">
      <c r="A2599" s="1">
        <v>44707</v>
      </c>
      <c r="B2599" t="s">
        <v>1923</v>
      </c>
      <c r="C2599" t="s">
        <v>9</v>
      </c>
      <c r="D2599" t="s">
        <v>10</v>
      </c>
      <c r="E2599" t="s">
        <v>11</v>
      </c>
      <c r="F2599" s="2">
        <v>1</v>
      </c>
      <c r="G2599" t="s">
        <v>20</v>
      </c>
      <c r="H2599" t="s">
        <v>13</v>
      </c>
    </row>
    <row r="2600" spans="1:8" x14ac:dyDescent="0.25">
      <c r="A2600" s="1">
        <v>44707</v>
      </c>
      <c r="B2600" t="s">
        <v>1923</v>
      </c>
      <c r="C2600" t="s">
        <v>271</v>
      </c>
      <c r="D2600" t="s">
        <v>10</v>
      </c>
      <c r="E2600" t="s">
        <v>11</v>
      </c>
      <c r="F2600" s="2">
        <v>1</v>
      </c>
      <c r="G2600" t="s">
        <v>20</v>
      </c>
      <c r="H2600" t="s">
        <v>13</v>
      </c>
    </row>
    <row r="2601" spans="1:8" x14ac:dyDescent="0.25">
      <c r="A2601" s="1">
        <v>44707</v>
      </c>
      <c r="B2601" t="s">
        <v>1924</v>
      </c>
      <c r="C2601" t="s">
        <v>9</v>
      </c>
      <c r="D2601" t="s">
        <v>10</v>
      </c>
      <c r="E2601" t="s">
        <v>11</v>
      </c>
      <c r="F2601" s="2">
        <v>1</v>
      </c>
      <c r="G2601" t="s">
        <v>83</v>
      </c>
      <c r="H2601" t="s">
        <v>13</v>
      </c>
    </row>
    <row r="2602" spans="1:8" x14ac:dyDescent="0.25">
      <c r="A2602" s="1">
        <v>44707</v>
      </c>
      <c r="B2602" t="s">
        <v>1924</v>
      </c>
      <c r="C2602" t="s">
        <v>47</v>
      </c>
      <c r="D2602" t="s">
        <v>10</v>
      </c>
      <c r="E2602" t="s">
        <v>11</v>
      </c>
      <c r="F2602" s="2">
        <v>1</v>
      </c>
      <c r="G2602" t="s">
        <v>83</v>
      </c>
      <c r="H2602" t="s">
        <v>13</v>
      </c>
    </row>
    <row r="2603" spans="1:8" x14ac:dyDescent="0.25">
      <c r="A2603" s="1">
        <v>44707</v>
      </c>
      <c r="B2603" t="s">
        <v>1925</v>
      </c>
      <c r="C2603" t="s">
        <v>47</v>
      </c>
      <c r="D2603" t="s">
        <v>10</v>
      </c>
      <c r="E2603" t="s">
        <v>11</v>
      </c>
      <c r="F2603" s="2">
        <v>1</v>
      </c>
      <c r="G2603" t="s">
        <v>145</v>
      </c>
      <c r="H2603" t="s">
        <v>13</v>
      </c>
    </row>
    <row r="2604" spans="1:8" x14ac:dyDescent="0.25">
      <c r="A2604" s="1">
        <v>44707</v>
      </c>
      <c r="B2604" t="s">
        <v>1926</v>
      </c>
      <c r="C2604" t="s">
        <v>1698</v>
      </c>
      <c r="D2604" t="s">
        <v>26</v>
      </c>
      <c r="E2604" t="s">
        <v>11</v>
      </c>
      <c r="F2604" s="2">
        <v>1</v>
      </c>
      <c r="G2604" t="s">
        <v>135</v>
      </c>
      <c r="H2604" t="s">
        <v>13</v>
      </c>
    </row>
    <row r="2605" spans="1:8" x14ac:dyDescent="0.25">
      <c r="A2605" s="1">
        <v>44706</v>
      </c>
      <c r="B2605" t="s">
        <v>1927</v>
      </c>
      <c r="C2605" t="s">
        <v>9</v>
      </c>
      <c r="D2605" t="s">
        <v>10</v>
      </c>
      <c r="E2605" t="s">
        <v>11</v>
      </c>
      <c r="F2605" s="2">
        <v>1</v>
      </c>
      <c r="G2605" t="s">
        <v>53</v>
      </c>
      <c r="H2605" t="s">
        <v>13</v>
      </c>
    </row>
    <row r="2606" spans="1:8" x14ac:dyDescent="0.25">
      <c r="A2606" s="1">
        <v>44706</v>
      </c>
      <c r="B2606" t="s">
        <v>1928</v>
      </c>
      <c r="C2606" t="s">
        <v>74</v>
      </c>
      <c r="D2606" t="s">
        <v>10</v>
      </c>
      <c r="E2606" t="s">
        <v>11</v>
      </c>
      <c r="F2606" s="2">
        <v>1</v>
      </c>
      <c r="G2606" t="s">
        <v>492</v>
      </c>
      <c r="H2606" t="s">
        <v>13</v>
      </c>
    </row>
    <row r="2607" spans="1:8" x14ac:dyDescent="0.25">
      <c r="A2607" s="1">
        <v>44706</v>
      </c>
      <c r="B2607" t="s">
        <v>1929</v>
      </c>
      <c r="C2607" t="s">
        <v>74</v>
      </c>
      <c r="D2607" t="s">
        <v>10</v>
      </c>
      <c r="E2607" t="s">
        <v>11</v>
      </c>
      <c r="F2607" s="2">
        <v>1</v>
      </c>
      <c r="G2607" t="s">
        <v>100</v>
      </c>
      <c r="H2607" t="s">
        <v>13</v>
      </c>
    </row>
    <row r="2608" spans="1:8" x14ac:dyDescent="0.25">
      <c r="A2608" s="1">
        <v>44706</v>
      </c>
      <c r="B2608" t="s">
        <v>1929</v>
      </c>
      <c r="C2608" t="s">
        <v>58</v>
      </c>
      <c r="D2608" t="s">
        <v>10</v>
      </c>
      <c r="E2608" t="s">
        <v>11</v>
      </c>
      <c r="F2608" s="2">
        <v>1</v>
      </c>
      <c r="G2608" t="s">
        <v>100</v>
      </c>
      <c r="H2608" t="s">
        <v>13</v>
      </c>
    </row>
    <row r="2609" spans="1:8" x14ac:dyDescent="0.25">
      <c r="A2609" s="1">
        <v>44706</v>
      </c>
      <c r="B2609" t="s">
        <v>1929</v>
      </c>
      <c r="C2609" t="s">
        <v>1930</v>
      </c>
      <c r="D2609" t="s">
        <v>10</v>
      </c>
      <c r="E2609" t="s">
        <v>11</v>
      </c>
      <c r="F2609" s="2">
        <v>1</v>
      </c>
      <c r="G2609" t="s">
        <v>100</v>
      </c>
      <c r="H2609" t="s">
        <v>13</v>
      </c>
    </row>
    <row r="2610" spans="1:8" x14ac:dyDescent="0.25">
      <c r="A2610" s="1">
        <v>44706</v>
      </c>
      <c r="B2610" t="s">
        <v>1929</v>
      </c>
      <c r="C2610" t="s">
        <v>163</v>
      </c>
      <c r="D2610" t="s">
        <v>10</v>
      </c>
      <c r="E2610" t="s">
        <v>11</v>
      </c>
      <c r="F2610" s="2">
        <v>1</v>
      </c>
      <c r="G2610" t="s">
        <v>100</v>
      </c>
      <c r="H2610" t="s">
        <v>13</v>
      </c>
    </row>
    <row r="2611" spans="1:8" x14ac:dyDescent="0.25">
      <c r="A2611" s="1">
        <v>44706</v>
      </c>
      <c r="B2611" t="s">
        <v>1929</v>
      </c>
      <c r="C2611" t="s">
        <v>453</v>
      </c>
      <c r="D2611" t="s">
        <v>10</v>
      </c>
      <c r="E2611" t="s">
        <v>11</v>
      </c>
      <c r="F2611" s="2">
        <v>1</v>
      </c>
      <c r="G2611" t="s">
        <v>100</v>
      </c>
      <c r="H2611" t="s">
        <v>13</v>
      </c>
    </row>
    <row r="2612" spans="1:8" x14ac:dyDescent="0.25">
      <c r="A2612" s="1">
        <v>44706</v>
      </c>
      <c r="B2612" t="s">
        <v>1931</v>
      </c>
      <c r="C2612" t="s">
        <v>481</v>
      </c>
      <c r="D2612" t="s">
        <v>10</v>
      </c>
      <c r="E2612" t="s">
        <v>11</v>
      </c>
      <c r="F2612" s="2">
        <v>1</v>
      </c>
      <c r="G2612" t="s">
        <v>191</v>
      </c>
      <c r="H2612" t="s">
        <v>13</v>
      </c>
    </row>
    <row r="2613" spans="1:8" x14ac:dyDescent="0.25">
      <c r="A2613" s="1">
        <v>44706</v>
      </c>
      <c r="B2613" t="s">
        <v>1932</v>
      </c>
      <c r="C2613" t="s">
        <v>9</v>
      </c>
      <c r="D2613" t="s">
        <v>10</v>
      </c>
      <c r="E2613" t="s">
        <v>11</v>
      </c>
      <c r="F2613" s="2">
        <v>1</v>
      </c>
      <c r="G2613" t="s">
        <v>20</v>
      </c>
      <c r="H2613" t="s">
        <v>13</v>
      </c>
    </row>
    <row r="2614" spans="1:8" x14ac:dyDescent="0.25">
      <c r="A2614" s="1">
        <v>44706</v>
      </c>
      <c r="B2614" t="s">
        <v>1932</v>
      </c>
      <c r="C2614" t="s">
        <v>28</v>
      </c>
      <c r="D2614" t="s">
        <v>10</v>
      </c>
      <c r="E2614" t="s">
        <v>11</v>
      </c>
      <c r="F2614" s="2">
        <v>1</v>
      </c>
      <c r="G2614" t="s">
        <v>20</v>
      </c>
      <c r="H2614" t="s">
        <v>13</v>
      </c>
    </row>
    <row r="2615" spans="1:8" x14ac:dyDescent="0.25">
      <c r="A2615" s="1">
        <v>44706</v>
      </c>
      <c r="B2615" t="s">
        <v>1932</v>
      </c>
      <c r="C2615" t="s">
        <v>29</v>
      </c>
      <c r="D2615" t="s">
        <v>10</v>
      </c>
      <c r="E2615" t="s">
        <v>11</v>
      </c>
      <c r="F2615" s="2">
        <v>1</v>
      </c>
      <c r="G2615" t="s">
        <v>20</v>
      </c>
      <c r="H2615" t="s">
        <v>13</v>
      </c>
    </row>
    <row r="2616" spans="1:8" x14ac:dyDescent="0.25">
      <c r="A2616" s="1">
        <v>44706</v>
      </c>
      <c r="B2616" t="s">
        <v>1932</v>
      </c>
      <c r="C2616" t="s">
        <v>35</v>
      </c>
      <c r="D2616" t="s">
        <v>10</v>
      </c>
      <c r="E2616" t="s">
        <v>11</v>
      </c>
      <c r="F2616" s="2">
        <v>1</v>
      </c>
      <c r="G2616" t="s">
        <v>20</v>
      </c>
      <c r="H2616" t="s">
        <v>13</v>
      </c>
    </row>
    <row r="2617" spans="1:8" x14ac:dyDescent="0.25">
      <c r="A2617" s="1">
        <v>44706</v>
      </c>
      <c r="B2617" t="s">
        <v>1933</v>
      </c>
      <c r="C2617" t="s">
        <v>484</v>
      </c>
      <c r="D2617" t="s">
        <v>10</v>
      </c>
      <c r="E2617" t="s">
        <v>11</v>
      </c>
      <c r="F2617" s="2">
        <v>1</v>
      </c>
      <c r="G2617" t="s">
        <v>37</v>
      </c>
      <c r="H2617" t="s">
        <v>13</v>
      </c>
    </row>
    <row r="2618" spans="1:8" x14ac:dyDescent="0.25">
      <c r="A2618" s="1">
        <v>44704</v>
      </c>
      <c r="B2618" t="s">
        <v>1934</v>
      </c>
      <c r="C2618" t="s">
        <v>92</v>
      </c>
      <c r="D2618" t="s">
        <v>10</v>
      </c>
      <c r="E2618" t="s">
        <v>11</v>
      </c>
      <c r="F2618" s="2">
        <v>1</v>
      </c>
      <c r="G2618" t="s">
        <v>197</v>
      </c>
      <c r="H2618" t="s">
        <v>13</v>
      </c>
    </row>
    <row r="2619" spans="1:8" x14ac:dyDescent="0.25">
      <c r="A2619" s="1">
        <v>44702</v>
      </c>
      <c r="B2619" t="s">
        <v>1935</v>
      </c>
      <c r="C2619" t="s">
        <v>268</v>
      </c>
      <c r="D2619" t="s">
        <v>10</v>
      </c>
      <c r="E2619" t="s">
        <v>11</v>
      </c>
      <c r="F2619" s="2">
        <v>1</v>
      </c>
      <c r="G2619" t="s">
        <v>44</v>
      </c>
      <c r="H2619" t="s">
        <v>13</v>
      </c>
    </row>
    <row r="2620" spans="1:8" x14ac:dyDescent="0.25">
      <c r="A2620" s="1">
        <v>44702</v>
      </c>
      <c r="B2620" t="s">
        <v>1936</v>
      </c>
      <c r="C2620" t="s">
        <v>9</v>
      </c>
      <c r="D2620" t="s">
        <v>10</v>
      </c>
      <c r="E2620" t="s">
        <v>11</v>
      </c>
      <c r="F2620" s="2">
        <v>1</v>
      </c>
      <c r="G2620" t="s">
        <v>1937</v>
      </c>
      <c r="H2620" t="s">
        <v>13</v>
      </c>
    </row>
    <row r="2621" spans="1:8" x14ac:dyDescent="0.25">
      <c r="A2621" s="1">
        <v>44702</v>
      </c>
      <c r="B2621" t="s">
        <v>1938</v>
      </c>
      <c r="C2621" t="s">
        <v>35</v>
      </c>
      <c r="D2621" t="s">
        <v>10</v>
      </c>
      <c r="E2621" t="s">
        <v>11</v>
      </c>
      <c r="F2621" s="2">
        <v>1</v>
      </c>
      <c r="G2621" t="s">
        <v>1009</v>
      </c>
      <c r="H2621" t="s">
        <v>13</v>
      </c>
    </row>
    <row r="2622" spans="1:8" x14ac:dyDescent="0.25">
      <c r="A2622" s="1">
        <v>44701</v>
      </c>
      <c r="B2622" t="s">
        <v>1939</v>
      </c>
      <c r="C2622" t="s">
        <v>174</v>
      </c>
      <c r="D2622" t="s">
        <v>10</v>
      </c>
      <c r="E2622" t="s">
        <v>11</v>
      </c>
      <c r="F2622" s="2">
        <v>1</v>
      </c>
      <c r="G2622" t="s">
        <v>318</v>
      </c>
      <c r="H2622" t="s">
        <v>13</v>
      </c>
    </row>
    <row r="2623" spans="1:8" x14ac:dyDescent="0.25">
      <c r="A2623" s="1">
        <v>44701</v>
      </c>
      <c r="B2623" t="s">
        <v>1940</v>
      </c>
      <c r="C2623" t="s">
        <v>79</v>
      </c>
      <c r="D2623" t="s">
        <v>10</v>
      </c>
      <c r="E2623" t="s">
        <v>11</v>
      </c>
      <c r="F2623" s="2">
        <v>1</v>
      </c>
      <c r="G2623" t="s">
        <v>111</v>
      </c>
      <c r="H2623" t="s">
        <v>13</v>
      </c>
    </row>
    <row r="2624" spans="1:8" x14ac:dyDescent="0.25">
      <c r="A2624" s="1">
        <v>44701</v>
      </c>
      <c r="B2624" t="s">
        <v>1940</v>
      </c>
      <c r="C2624" t="s">
        <v>80</v>
      </c>
      <c r="D2624" t="s">
        <v>10</v>
      </c>
      <c r="E2624" t="s">
        <v>11</v>
      </c>
      <c r="F2624" s="2">
        <v>1</v>
      </c>
      <c r="G2624" t="s">
        <v>111</v>
      </c>
      <c r="H2624" t="s">
        <v>13</v>
      </c>
    </row>
    <row r="2625" spans="1:8" x14ac:dyDescent="0.25">
      <c r="A2625" s="1">
        <v>44700</v>
      </c>
      <c r="B2625" t="s">
        <v>1941</v>
      </c>
      <c r="C2625" t="s">
        <v>9</v>
      </c>
      <c r="D2625" t="s">
        <v>10</v>
      </c>
      <c r="E2625" t="s">
        <v>11</v>
      </c>
      <c r="F2625" s="2">
        <v>1</v>
      </c>
      <c r="G2625" t="s">
        <v>37</v>
      </c>
      <c r="H2625" t="s">
        <v>13</v>
      </c>
    </row>
    <row r="2626" spans="1:8" x14ac:dyDescent="0.25">
      <c r="A2626" s="1">
        <v>44700</v>
      </c>
      <c r="B2626" t="s">
        <v>1942</v>
      </c>
      <c r="C2626" t="s">
        <v>19</v>
      </c>
      <c r="D2626" t="s">
        <v>10</v>
      </c>
      <c r="E2626" t="s">
        <v>11</v>
      </c>
      <c r="F2626" s="2">
        <v>1</v>
      </c>
      <c r="G2626" t="s">
        <v>24</v>
      </c>
      <c r="H2626" t="s">
        <v>13</v>
      </c>
    </row>
    <row r="2627" spans="1:8" x14ac:dyDescent="0.25">
      <c r="A2627" s="1">
        <v>44700</v>
      </c>
      <c r="B2627" t="s">
        <v>1942</v>
      </c>
      <c r="C2627" t="s">
        <v>689</v>
      </c>
      <c r="D2627" t="s">
        <v>10</v>
      </c>
      <c r="E2627" t="s">
        <v>11</v>
      </c>
      <c r="F2627" s="2">
        <v>1</v>
      </c>
      <c r="G2627" t="s">
        <v>24</v>
      </c>
      <c r="H2627" t="s">
        <v>13</v>
      </c>
    </row>
    <row r="2628" spans="1:8" x14ac:dyDescent="0.25">
      <c r="A2628" s="1">
        <v>44699</v>
      </c>
      <c r="B2628" t="s">
        <v>1943</v>
      </c>
      <c r="C2628" t="s">
        <v>207</v>
      </c>
      <c r="D2628" t="s">
        <v>10</v>
      </c>
      <c r="E2628" t="s">
        <v>11</v>
      </c>
      <c r="F2628" s="2">
        <v>1</v>
      </c>
      <c r="G2628" t="s">
        <v>100</v>
      </c>
      <c r="H2628" t="s">
        <v>13</v>
      </c>
    </row>
    <row r="2629" spans="1:8" x14ac:dyDescent="0.25">
      <c r="A2629" s="1">
        <v>44698</v>
      </c>
      <c r="B2629" t="s">
        <v>1944</v>
      </c>
      <c r="C2629" t="s">
        <v>19</v>
      </c>
      <c r="D2629" t="s">
        <v>10</v>
      </c>
      <c r="E2629" t="s">
        <v>11</v>
      </c>
      <c r="F2629" s="2">
        <v>1</v>
      </c>
      <c r="G2629" t="s">
        <v>27</v>
      </c>
      <c r="H2629" t="s">
        <v>13</v>
      </c>
    </row>
    <row r="2630" spans="1:8" x14ac:dyDescent="0.25">
      <c r="A2630" s="1">
        <v>44696</v>
      </c>
      <c r="B2630" t="s">
        <v>1945</v>
      </c>
      <c r="C2630" t="s">
        <v>220</v>
      </c>
      <c r="D2630" t="s">
        <v>10</v>
      </c>
      <c r="E2630" t="s">
        <v>11</v>
      </c>
      <c r="F2630" s="2">
        <v>1</v>
      </c>
      <c r="G2630" t="s">
        <v>83</v>
      </c>
      <c r="H2630" t="s">
        <v>13</v>
      </c>
    </row>
    <row r="2631" spans="1:8" x14ac:dyDescent="0.25">
      <c r="A2631" s="1">
        <v>44696</v>
      </c>
      <c r="B2631" t="s">
        <v>1946</v>
      </c>
      <c r="C2631" t="s">
        <v>79</v>
      </c>
      <c r="D2631" t="s">
        <v>10</v>
      </c>
      <c r="E2631" t="s">
        <v>11</v>
      </c>
      <c r="F2631" s="2">
        <v>1</v>
      </c>
      <c r="G2631" t="s">
        <v>46</v>
      </c>
      <c r="H2631" t="s">
        <v>13</v>
      </c>
    </row>
    <row r="2632" spans="1:8" x14ac:dyDescent="0.25">
      <c r="A2632" s="1">
        <v>44696</v>
      </c>
      <c r="B2632" t="s">
        <v>1946</v>
      </c>
      <c r="C2632" t="s">
        <v>142</v>
      </c>
      <c r="D2632" t="s">
        <v>10</v>
      </c>
      <c r="E2632" t="s">
        <v>11</v>
      </c>
      <c r="F2632" s="2">
        <v>1</v>
      </c>
      <c r="G2632" t="s">
        <v>46</v>
      </c>
      <c r="H2632" t="s">
        <v>13</v>
      </c>
    </row>
    <row r="2633" spans="1:8" x14ac:dyDescent="0.25">
      <c r="A2633" s="1">
        <v>44696</v>
      </c>
      <c r="B2633" t="s">
        <v>1946</v>
      </c>
      <c r="C2633" t="s">
        <v>80</v>
      </c>
      <c r="D2633" t="s">
        <v>10</v>
      </c>
      <c r="E2633" t="s">
        <v>11</v>
      </c>
      <c r="F2633" s="2">
        <v>1</v>
      </c>
      <c r="G2633" t="s">
        <v>46</v>
      </c>
      <c r="H2633" t="s">
        <v>13</v>
      </c>
    </row>
    <row r="2634" spans="1:8" x14ac:dyDescent="0.25">
      <c r="A2634" s="1">
        <v>44696</v>
      </c>
      <c r="B2634" t="s">
        <v>1947</v>
      </c>
      <c r="C2634" t="s">
        <v>34</v>
      </c>
      <c r="D2634" t="s">
        <v>26</v>
      </c>
      <c r="E2634" t="s">
        <v>11</v>
      </c>
      <c r="F2634" s="2">
        <v>1</v>
      </c>
      <c r="G2634" t="s">
        <v>20</v>
      </c>
      <c r="H2634" t="s">
        <v>13</v>
      </c>
    </row>
    <row r="2635" spans="1:8" x14ac:dyDescent="0.25">
      <c r="A2635" s="1">
        <v>44696</v>
      </c>
      <c r="B2635" t="s">
        <v>1947</v>
      </c>
      <c r="C2635" t="s">
        <v>439</v>
      </c>
      <c r="D2635" t="s">
        <v>26</v>
      </c>
      <c r="E2635" t="s">
        <v>11</v>
      </c>
      <c r="F2635" s="2">
        <v>1</v>
      </c>
      <c r="G2635" t="s">
        <v>20</v>
      </c>
      <c r="H2635" t="s">
        <v>13</v>
      </c>
    </row>
    <row r="2636" spans="1:8" x14ac:dyDescent="0.25">
      <c r="A2636" s="1">
        <v>44696</v>
      </c>
      <c r="B2636" t="s">
        <v>1947</v>
      </c>
      <c r="C2636" t="s">
        <v>47</v>
      </c>
      <c r="D2636" t="s">
        <v>26</v>
      </c>
      <c r="E2636" t="s">
        <v>11</v>
      </c>
      <c r="F2636" s="2">
        <v>1</v>
      </c>
      <c r="G2636" t="s">
        <v>20</v>
      </c>
      <c r="H2636" t="s">
        <v>13</v>
      </c>
    </row>
    <row r="2637" spans="1:8" x14ac:dyDescent="0.25">
      <c r="A2637" s="1">
        <v>44696</v>
      </c>
      <c r="B2637" t="s">
        <v>1947</v>
      </c>
      <c r="C2637" t="s">
        <v>32</v>
      </c>
      <c r="D2637" t="s">
        <v>26</v>
      </c>
      <c r="E2637" t="s">
        <v>11</v>
      </c>
      <c r="F2637" s="2">
        <v>1</v>
      </c>
      <c r="G2637" t="s">
        <v>20</v>
      </c>
      <c r="H2637" t="s">
        <v>13</v>
      </c>
    </row>
    <row r="2638" spans="1:8" x14ac:dyDescent="0.25">
      <c r="A2638" s="1">
        <v>44696</v>
      </c>
      <c r="B2638" t="s">
        <v>1948</v>
      </c>
      <c r="C2638" t="s">
        <v>9</v>
      </c>
      <c r="D2638" t="s">
        <v>10</v>
      </c>
      <c r="E2638" t="s">
        <v>11</v>
      </c>
      <c r="F2638" s="2">
        <v>1</v>
      </c>
      <c r="G2638" t="s">
        <v>53</v>
      </c>
      <c r="H2638" t="s">
        <v>13</v>
      </c>
    </row>
    <row r="2639" spans="1:8" x14ac:dyDescent="0.25">
      <c r="A2639" s="1">
        <v>44695</v>
      </c>
      <c r="B2639" t="s">
        <v>1949</v>
      </c>
      <c r="C2639" t="s">
        <v>19</v>
      </c>
      <c r="D2639" t="s">
        <v>10</v>
      </c>
      <c r="E2639" t="s">
        <v>11</v>
      </c>
      <c r="F2639" s="2">
        <v>1</v>
      </c>
      <c r="G2639" t="s">
        <v>44</v>
      </c>
      <c r="H2639" t="s">
        <v>13</v>
      </c>
    </row>
    <row r="2640" spans="1:8" x14ac:dyDescent="0.25">
      <c r="A2640" s="1">
        <v>44695</v>
      </c>
      <c r="B2640" t="s">
        <v>1950</v>
      </c>
      <c r="C2640" t="s">
        <v>9</v>
      </c>
      <c r="D2640" t="s">
        <v>10</v>
      </c>
      <c r="E2640" t="s">
        <v>11</v>
      </c>
      <c r="F2640" s="2">
        <v>1</v>
      </c>
      <c r="G2640" t="s">
        <v>447</v>
      </c>
      <c r="H2640" t="s">
        <v>13</v>
      </c>
    </row>
    <row r="2641" spans="1:8" x14ac:dyDescent="0.25">
      <c r="A2641" s="1">
        <v>44695</v>
      </c>
      <c r="B2641" t="s">
        <v>1950</v>
      </c>
      <c r="C2641" t="s">
        <v>50</v>
      </c>
      <c r="D2641" t="s">
        <v>10</v>
      </c>
      <c r="E2641" t="s">
        <v>11</v>
      </c>
      <c r="F2641" s="2">
        <v>1</v>
      </c>
      <c r="G2641" t="s">
        <v>447</v>
      </c>
      <c r="H2641" t="s">
        <v>13</v>
      </c>
    </row>
    <row r="2642" spans="1:8" x14ac:dyDescent="0.25">
      <c r="A2642" s="1">
        <v>44695</v>
      </c>
      <c r="B2642" t="s">
        <v>1951</v>
      </c>
      <c r="C2642" t="s">
        <v>35</v>
      </c>
      <c r="D2642" t="s">
        <v>10</v>
      </c>
      <c r="E2642" t="s">
        <v>11</v>
      </c>
      <c r="F2642" s="2">
        <v>1</v>
      </c>
      <c r="G2642" t="s">
        <v>12</v>
      </c>
      <c r="H2642" t="s">
        <v>13</v>
      </c>
    </row>
    <row r="2643" spans="1:8" x14ac:dyDescent="0.25">
      <c r="A2643" s="1">
        <v>44691</v>
      </c>
      <c r="B2643" t="s">
        <v>1952</v>
      </c>
      <c r="C2643" t="s">
        <v>79</v>
      </c>
      <c r="D2643" t="s">
        <v>10</v>
      </c>
      <c r="E2643" t="s">
        <v>11</v>
      </c>
      <c r="F2643" s="2">
        <v>1</v>
      </c>
      <c r="G2643" t="s">
        <v>100</v>
      </c>
      <c r="H2643" t="s">
        <v>13</v>
      </c>
    </row>
    <row r="2644" spans="1:8" x14ac:dyDescent="0.25">
      <c r="A2644" s="1">
        <v>44690</v>
      </c>
      <c r="B2644" t="s">
        <v>1953</v>
      </c>
      <c r="C2644" t="s">
        <v>19</v>
      </c>
      <c r="D2644" t="s">
        <v>10</v>
      </c>
      <c r="E2644" t="s">
        <v>11</v>
      </c>
      <c r="F2644" s="2">
        <v>1</v>
      </c>
      <c r="G2644" t="s">
        <v>859</v>
      </c>
      <c r="H2644" t="s">
        <v>13</v>
      </c>
    </row>
    <row r="2645" spans="1:8" x14ac:dyDescent="0.25">
      <c r="A2645" s="1">
        <v>44689</v>
      </c>
      <c r="B2645" t="s">
        <v>1954</v>
      </c>
      <c r="C2645" t="s">
        <v>19</v>
      </c>
      <c r="D2645" t="s">
        <v>10</v>
      </c>
      <c r="E2645" t="s">
        <v>11</v>
      </c>
      <c r="F2645" s="2">
        <v>1</v>
      </c>
      <c r="G2645" t="s">
        <v>944</v>
      </c>
      <c r="H2645" t="s">
        <v>13</v>
      </c>
    </row>
    <row r="2646" spans="1:8" x14ac:dyDescent="0.25">
      <c r="A2646" s="1">
        <v>44688</v>
      </c>
      <c r="B2646" t="s">
        <v>1955</v>
      </c>
      <c r="C2646" t="s">
        <v>79</v>
      </c>
      <c r="D2646" t="s">
        <v>10</v>
      </c>
      <c r="E2646" t="s">
        <v>11</v>
      </c>
      <c r="F2646" s="2">
        <v>1</v>
      </c>
      <c r="G2646" t="s">
        <v>157</v>
      </c>
      <c r="H2646" t="s">
        <v>13</v>
      </c>
    </row>
    <row r="2647" spans="1:8" x14ac:dyDescent="0.25">
      <c r="A2647" s="1">
        <v>44688</v>
      </c>
      <c r="B2647" t="s">
        <v>1955</v>
      </c>
      <c r="C2647" t="s">
        <v>80</v>
      </c>
      <c r="D2647" t="s">
        <v>10</v>
      </c>
      <c r="E2647" t="s">
        <v>11</v>
      </c>
      <c r="F2647" s="2">
        <v>1</v>
      </c>
      <c r="G2647" t="s">
        <v>157</v>
      </c>
      <c r="H2647" t="s">
        <v>13</v>
      </c>
    </row>
    <row r="2648" spans="1:8" x14ac:dyDescent="0.25">
      <c r="A2648" s="1">
        <v>44687</v>
      </c>
      <c r="B2648" t="s">
        <v>1956</v>
      </c>
      <c r="C2648" t="s">
        <v>9</v>
      </c>
      <c r="D2648" t="s">
        <v>10</v>
      </c>
      <c r="E2648" t="s">
        <v>11</v>
      </c>
      <c r="F2648" s="2">
        <v>1</v>
      </c>
      <c r="G2648" t="s">
        <v>20</v>
      </c>
      <c r="H2648" t="s">
        <v>13</v>
      </c>
    </row>
    <row r="2649" spans="1:8" x14ac:dyDescent="0.25">
      <c r="A2649" s="1">
        <v>44687</v>
      </c>
      <c r="B2649" t="s">
        <v>1957</v>
      </c>
      <c r="C2649" t="s">
        <v>1048</v>
      </c>
      <c r="D2649" t="s">
        <v>10</v>
      </c>
      <c r="E2649" t="s">
        <v>11</v>
      </c>
      <c r="F2649" s="2">
        <v>1</v>
      </c>
      <c r="G2649" t="s">
        <v>1958</v>
      </c>
      <c r="H2649" t="s">
        <v>13</v>
      </c>
    </row>
    <row r="2650" spans="1:8" x14ac:dyDescent="0.25">
      <c r="A2650" s="1">
        <v>44686</v>
      </c>
      <c r="B2650" t="s">
        <v>1959</v>
      </c>
      <c r="C2650" t="s">
        <v>9</v>
      </c>
      <c r="D2650" t="s">
        <v>10</v>
      </c>
      <c r="E2650" t="s">
        <v>11</v>
      </c>
      <c r="F2650" s="2">
        <v>1</v>
      </c>
      <c r="G2650" t="s">
        <v>111</v>
      </c>
      <c r="H2650" t="s">
        <v>13</v>
      </c>
    </row>
    <row r="2651" spans="1:8" x14ac:dyDescent="0.25">
      <c r="A2651" s="1">
        <v>44685</v>
      </c>
      <c r="B2651" t="s">
        <v>1960</v>
      </c>
      <c r="C2651" t="s">
        <v>79</v>
      </c>
      <c r="D2651" t="s">
        <v>10</v>
      </c>
      <c r="E2651" t="s">
        <v>11</v>
      </c>
      <c r="F2651" s="2">
        <v>1</v>
      </c>
      <c r="G2651" t="s">
        <v>67</v>
      </c>
      <c r="H2651" t="s">
        <v>13</v>
      </c>
    </row>
    <row r="2652" spans="1:8" x14ac:dyDescent="0.25">
      <c r="A2652" s="1">
        <v>44685</v>
      </c>
      <c r="B2652" t="s">
        <v>1961</v>
      </c>
      <c r="C2652" t="s">
        <v>264</v>
      </c>
      <c r="D2652" t="s">
        <v>10</v>
      </c>
      <c r="E2652" t="s">
        <v>11</v>
      </c>
      <c r="F2652" s="2">
        <v>1</v>
      </c>
      <c r="G2652" t="s">
        <v>571</v>
      </c>
      <c r="H2652" t="s">
        <v>13</v>
      </c>
    </row>
    <row r="2653" spans="1:8" x14ac:dyDescent="0.25">
      <c r="A2653" s="1">
        <v>44684</v>
      </c>
      <c r="B2653" t="s">
        <v>1962</v>
      </c>
      <c r="C2653" t="s">
        <v>9</v>
      </c>
      <c r="D2653" t="s">
        <v>10</v>
      </c>
      <c r="E2653" t="s">
        <v>11</v>
      </c>
      <c r="F2653" s="2">
        <v>1</v>
      </c>
      <c r="G2653" t="s">
        <v>603</v>
      </c>
      <c r="H2653" t="s">
        <v>13</v>
      </c>
    </row>
    <row r="2654" spans="1:8" x14ac:dyDescent="0.25">
      <c r="A2654" s="1">
        <v>44684</v>
      </c>
      <c r="B2654" t="s">
        <v>1962</v>
      </c>
      <c r="C2654" t="s">
        <v>142</v>
      </c>
      <c r="D2654" t="s">
        <v>10</v>
      </c>
      <c r="E2654" t="s">
        <v>11</v>
      </c>
      <c r="F2654" s="2">
        <v>1</v>
      </c>
      <c r="G2654" t="s">
        <v>603</v>
      </c>
      <c r="H2654" t="s">
        <v>13</v>
      </c>
    </row>
    <row r="2655" spans="1:8" x14ac:dyDescent="0.25">
      <c r="A2655" s="1">
        <v>44683</v>
      </c>
      <c r="B2655" t="s">
        <v>1963</v>
      </c>
      <c r="C2655" t="s">
        <v>19</v>
      </c>
      <c r="D2655" t="s">
        <v>10</v>
      </c>
      <c r="E2655" t="s">
        <v>11</v>
      </c>
      <c r="F2655" s="2">
        <v>1</v>
      </c>
      <c r="G2655" t="s">
        <v>100</v>
      </c>
      <c r="H2655" t="s">
        <v>13</v>
      </c>
    </row>
    <row r="2656" spans="1:8" x14ac:dyDescent="0.25">
      <c r="A2656" s="1">
        <v>44683</v>
      </c>
      <c r="B2656" t="s">
        <v>1964</v>
      </c>
      <c r="C2656" t="s">
        <v>19</v>
      </c>
      <c r="D2656" t="s">
        <v>10</v>
      </c>
      <c r="E2656" t="s">
        <v>11</v>
      </c>
      <c r="F2656" s="2">
        <v>1</v>
      </c>
      <c r="G2656" t="s">
        <v>100</v>
      </c>
      <c r="H2656" t="s">
        <v>13</v>
      </c>
    </row>
    <row r="2657" spans="1:8" x14ac:dyDescent="0.25">
      <c r="A2657" s="1">
        <v>44682</v>
      </c>
      <c r="B2657" t="s">
        <v>1965</v>
      </c>
      <c r="C2657" t="s">
        <v>19</v>
      </c>
      <c r="D2657" t="s">
        <v>10</v>
      </c>
      <c r="E2657" t="s">
        <v>11</v>
      </c>
      <c r="F2657" s="2">
        <v>1</v>
      </c>
      <c r="G2657" t="s">
        <v>214</v>
      </c>
      <c r="H2657" t="s">
        <v>13</v>
      </c>
    </row>
    <row r="2658" spans="1:8" x14ac:dyDescent="0.25">
      <c r="A2658" s="1">
        <v>44681</v>
      </c>
      <c r="B2658" t="s">
        <v>1966</v>
      </c>
      <c r="C2658" t="s">
        <v>9</v>
      </c>
      <c r="D2658" t="s">
        <v>10</v>
      </c>
      <c r="E2658" t="s">
        <v>11</v>
      </c>
      <c r="F2658" s="2">
        <v>1</v>
      </c>
      <c r="G2658" t="s">
        <v>527</v>
      </c>
      <c r="H2658" t="s">
        <v>13</v>
      </c>
    </row>
    <row r="2659" spans="1:8" x14ac:dyDescent="0.25">
      <c r="A2659" s="1">
        <v>44680</v>
      </c>
      <c r="B2659" t="s">
        <v>1967</v>
      </c>
      <c r="C2659" t="s">
        <v>19</v>
      </c>
      <c r="D2659" t="s">
        <v>10</v>
      </c>
      <c r="E2659" t="s">
        <v>11</v>
      </c>
      <c r="F2659" s="2">
        <v>1</v>
      </c>
      <c r="G2659" t="s">
        <v>181</v>
      </c>
      <c r="H2659" t="s">
        <v>13</v>
      </c>
    </row>
    <row r="2660" spans="1:8" x14ac:dyDescent="0.25">
      <c r="A2660" s="1">
        <v>44679</v>
      </c>
      <c r="B2660" t="s">
        <v>1968</v>
      </c>
      <c r="C2660" t="s">
        <v>9</v>
      </c>
      <c r="D2660" t="s">
        <v>10</v>
      </c>
      <c r="E2660" t="s">
        <v>11</v>
      </c>
      <c r="F2660" s="2">
        <v>1</v>
      </c>
      <c r="G2660" t="s">
        <v>20</v>
      </c>
      <c r="H2660" t="s">
        <v>13</v>
      </c>
    </row>
    <row r="2661" spans="1:8" x14ac:dyDescent="0.25">
      <c r="A2661" s="1">
        <v>44679</v>
      </c>
      <c r="B2661" t="s">
        <v>1969</v>
      </c>
      <c r="C2661" t="s">
        <v>19</v>
      </c>
      <c r="D2661" t="s">
        <v>10</v>
      </c>
      <c r="E2661" t="s">
        <v>11</v>
      </c>
      <c r="F2661" s="2">
        <v>1</v>
      </c>
      <c r="G2661" t="s">
        <v>135</v>
      </c>
      <c r="H2661" t="s">
        <v>13</v>
      </c>
    </row>
    <row r="2662" spans="1:8" x14ac:dyDescent="0.25">
      <c r="A2662" s="1">
        <v>44679</v>
      </c>
      <c r="B2662" t="s">
        <v>1970</v>
      </c>
      <c r="C2662" t="s">
        <v>9</v>
      </c>
      <c r="D2662" t="s">
        <v>10</v>
      </c>
      <c r="E2662" t="s">
        <v>11</v>
      </c>
      <c r="F2662" s="2">
        <v>1</v>
      </c>
      <c r="G2662" t="s">
        <v>100</v>
      </c>
      <c r="H2662" t="s">
        <v>13</v>
      </c>
    </row>
    <row r="2663" spans="1:8" x14ac:dyDescent="0.25">
      <c r="A2663" s="1">
        <v>44679</v>
      </c>
      <c r="B2663" t="s">
        <v>1970</v>
      </c>
      <c r="C2663" t="s">
        <v>118</v>
      </c>
      <c r="D2663" t="s">
        <v>10</v>
      </c>
      <c r="E2663" t="s">
        <v>11</v>
      </c>
      <c r="F2663" s="2">
        <v>1</v>
      </c>
      <c r="G2663" t="s">
        <v>100</v>
      </c>
      <c r="H2663" t="s">
        <v>13</v>
      </c>
    </row>
    <row r="2664" spans="1:8" x14ac:dyDescent="0.25">
      <c r="A2664" s="1">
        <v>44679</v>
      </c>
      <c r="B2664" t="s">
        <v>1971</v>
      </c>
      <c r="C2664" t="s">
        <v>9</v>
      </c>
      <c r="D2664" t="s">
        <v>10</v>
      </c>
      <c r="E2664" t="s">
        <v>11</v>
      </c>
      <c r="F2664" s="2">
        <v>1</v>
      </c>
      <c r="G2664" t="s">
        <v>492</v>
      </c>
      <c r="H2664" t="s">
        <v>13</v>
      </c>
    </row>
    <row r="2665" spans="1:8" x14ac:dyDescent="0.25">
      <c r="A2665" s="1">
        <v>44678</v>
      </c>
      <c r="B2665" t="s">
        <v>1972</v>
      </c>
      <c r="C2665" t="s">
        <v>76</v>
      </c>
      <c r="D2665" t="s">
        <v>10</v>
      </c>
      <c r="E2665" t="s">
        <v>11</v>
      </c>
      <c r="F2665" s="2">
        <v>1</v>
      </c>
      <c r="G2665" t="s">
        <v>1159</v>
      </c>
      <c r="H2665" t="s">
        <v>13</v>
      </c>
    </row>
    <row r="2666" spans="1:8" x14ac:dyDescent="0.25">
      <c r="A2666" s="1">
        <v>44676</v>
      </c>
      <c r="B2666" t="s">
        <v>1973</v>
      </c>
      <c r="C2666" t="s">
        <v>115</v>
      </c>
      <c r="D2666" t="s">
        <v>10</v>
      </c>
      <c r="E2666" t="s">
        <v>11</v>
      </c>
      <c r="F2666" s="2">
        <v>1</v>
      </c>
      <c r="G2666" t="s">
        <v>20</v>
      </c>
      <c r="H2666" t="s">
        <v>13</v>
      </c>
    </row>
    <row r="2667" spans="1:8" x14ac:dyDescent="0.25">
      <c r="A2667" s="1">
        <v>44676</v>
      </c>
      <c r="B2667" t="s">
        <v>1973</v>
      </c>
      <c r="C2667" t="s">
        <v>32</v>
      </c>
      <c r="D2667" t="s">
        <v>10</v>
      </c>
      <c r="E2667" t="s">
        <v>11</v>
      </c>
      <c r="F2667" s="2">
        <v>1</v>
      </c>
      <c r="G2667" t="s">
        <v>20</v>
      </c>
      <c r="H2667" t="s">
        <v>13</v>
      </c>
    </row>
    <row r="2668" spans="1:8" x14ac:dyDescent="0.25">
      <c r="A2668" s="1">
        <v>44675</v>
      </c>
      <c r="B2668" t="s">
        <v>1974</v>
      </c>
      <c r="C2668" t="s">
        <v>9</v>
      </c>
      <c r="D2668" t="s">
        <v>10</v>
      </c>
      <c r="E2668" t="s">
        <v>11</v>
      </c>
      <c r="F2668" s="2">
        <v>1</v>
      </c>
      <c r="G2668" t="s">
        <v>20</v>
      </c>
      <c r="H2668" t="s">
        <v>13</v>
      </c>
    </row>
    <row r="2669" spans="1:8" x14ac:dyDescent="0.25">
      <c r="A2669" s="1">
        <v>44675</v>
      </c>
      <c r="B2669" t="s">
        <v>1974</v>
      </c>
      <c r="C2669" t="s">
        <v>271</v>
      </c>
      <c r="D2669" t="s">
        <v>10</v>
      </c>
      <c r="E2669" t="s">
        <v>11</v>
      </c>
      <c r="F2669" s="2">
        <v>1</v>
      </c>
      <c r="G2669" t="s">
        <v>20</v>
      </c>
      <c r="H2669" t="s">
        <v>13</v>
      </c>
    </row>
    <row r="2670" spans="1:8" x14ac:dyDescent="0.25">
      <c r="A2670" s="1">
        <v>44675</v>
      </c>
      <c r="B2670" t="s">
        <v>1975</v>
      </c>
      <c r="C2670" t="s">
        <v>96</v>
      </c>
      <c r="D2670" t="s">
        <v>10</v>
      </c>
      <c r="E2670" t="s">
        <v>11</v>
      </c>
      <c r="F2670" s="2">
        <v>1</v>
      </c>
      <c r="G2670" t="s">
        <v>194</v>
      </c>
      <c r="H2670" t="s">
        <v>13</v>
      </c>
    </row>
    <row r="2671" spans="1:8" x14ac:dyDescent="0.25">
      <c r="A2671" s="1">
        <v>44675</v>
      </c>
      <c r="B2671" t="s">
        <v>1976</v>
      </c>
      <c r="C2671" t="s">
        <v>34</v>
      </c>
      <c r="D2671" t="s">
        <v>10</v>
      </c>
      <c r="E2671" t="s">
        <v>11</v>
      </c>
      <c r="F2671" s="2">
        <v>1</v>
      </c>
      <c r="G2671" t="s">
        <v>100</v>
      </c>
      <c r="H2671" t="s">
        <v>13</v>
      </c>
    </row>
    <row r="2672" spans="1:8" x14ac:dyDescent="0.25">
      <c r="A2672" s="1">
        <v>44675</v>
      </c>
      <c r="B2672" t="s">
        <v>1976</v>
      </c>
      <c r="C2672" t="s">
        <v>32</v>
      </c>
      <c r="D2672" t="s">
        <v>10</v>
      </c>
      <c r="E2672" t="s">
        <v>11</v>
      </c>
      <c r="F2672" s="2">
        <v>1</v>
      </c>
      <c r="G2672" t="s">
        <v>100</v>
      </c>
      <c r="H2672" t="s">
        <v>13</v>
      </c>
    </row>
    <row r="2673" spans="1:8" x14ac:dyDescent="0.25">
      <c r="A2673" s="1">
        <v>44672</v>
      </c>
      <c r="B2673" t="s">
        <v>1977</v>
      </c>
      <c r="C2673" t="s">
        <v>9</v>
      </c>
      <c r="D2673" t="s">
        <v>10</v>
      </c>
      <c r="E2673" t="s">
        <v>11</v>
      </c>
      <c r="F2673" s="2">
        <v>1</v>
      </c>
      <c r="G2673" t="s">
        <v>20</v>
      </c>
      <c r="H2673" t="s">
        <v>13</v>
      </c>
    </row>
    <row r="2674" spans="1:8" x14ac:dyDescent="0.25">
      <c r="A2674" s="1">
        <v>44672</v>
      </c>
      <c r="B2674" t="s">
        <v>1977</v>
      </c>
      <c r="C2674" t="s">
        <v>47</v>
      </c>
      <c r="D2674" t="s">
        <v>10</v>
      </c>
      <c r="E2674" t="s">
        <v>11</v>
      </c>
      <c r="F2674" s="2">
        <v>1</v>
      </c>
      <c r="G2674" t="s">
        <v>20</v>
      </c>
      <c r="H2674" t="s">
        <v>13</v>
      </c>
    </row>
    <row r="2675" spans="1:8" x14ac:dyDescent="0.25">
      <c r="A2675" s="1">
        <v>44671</v>
      </c>
      <c r="B2675" t="s">
        <v>1978</v>
      </c>
      <c r="C2675" t="s">
        <v>207</v>
      </c>
      <c r="D2675" t="s">
        <v>10</v>
      </c>
      <c r="E2675" t="s">
        <v>11</v>
      </c>
      <c r="F2675" s="2">
        <v>1</v>
      </c>
      <c r="G2675" t="s">
        <v>181</v>
      </c>
      <c r="H2675" t="s">
        <v>13</v>
      </c>
    </row>
    <row r="2676" spans="1:8" x14ac:dyDescent="0.25">
      <c r="A2676" s="1">
        <v>44671</v>
      </c>
      <c r="B2676" t="s">
        <v>1978</v>
      </c>
      <c r="C2676" t="s">
        <v>1769</v>
      </c>
      <c r="D2676" t="s">
        <v>10</v>
      </c>
      <c r="E2676" t="s">
        <v>11</v>
      </c>
      <c r="F2676" s="2">
        <v>1</v>
      </c>
      <c r="G2676" t="s">
        <v>181</v>
      </c>
      <c r="H2676" t="s">
        <v>13</v>
      </c>
    </row>
    <row r="2677" spans="1:8" x14ac:dyDescent="0.25">
      <c r="A2677" s="1">
        <v>44671</v>
      </c>
      <c r="B2677" t="s">
        <v>1979</v>
      </c>
      <c r="C2677" t="s">
        <v>19</v>
      </c>
      <c r="D2677" t="s">
        <v>10</v>
      </c>
      <c r="E2677" t="s">
        <v>11</v>
      </c>
      <c r="F2677" s="2">
        <v>1</v>
      </c>
      <c r="G2677" t="s">
        <v>1133</v>
      </c>
      <c r="H2677" t="s">
        <v>13</v>
      </c>
    </row>
    <row r="2678" spans="1:8" x14ac:dyDescent="0.25">
      <c r="A2678" s="1">
        <v>44671</v>
      </c>
      <c r="B2678" t="s">
        <v>1979</v>
      </c>
      <c r="C2678" t="s">
        <v>689</v>
      </c>
      <c r="D2678" t="s">
        <v>10</v>
      </c>
      <c r="E2678" t="s">
        <v>11</v>
      </c>
      <c r="F2678" s="2">
        <v>1</v>
      </c>
      <c r="G2678" t="s">
        <v>1133</v>
      </c>
      <c r="H2678" t="s">
        <v>13</v>
      </c>
    </row>
    <row r="2679" spans="1:8" x14ac:dyDescent="0.25">
      <c r="A2679" s="1">
        <v>44671</v>
      </c>
      <c r="B2679" t="s">
        <v>1979</v>
      </c>
      <c r="C2679" t="s">
        <v>199</v>
      </c>
      <c r="D2679" t="s">
        <v>10</v>
      </c>
      <c r="E2679" t="s">
        <v>11</v>
      </c>
      <c r="F2679" s="2">
        <v>1</v>
      </c>
      <c r="G2679" t="s">
        <v>1133</v>
      </c>
      <c r="H2679" t="s">
        <v>13</v>
      </c>
    </row>
    <row r="2680" spans="1:8" x14ac:dyDescent="0.25">
      <c r="A2680" s="1">
        <v>44671</v>
      </c>
      <c r="B2680" t="s">
        <v>1979</v>
      </c>
      <c r="C2680" t="s">
        <v>151</v>
      </c>
      <c r="D2680" t="s">
        <v>10</v>
      </c>
      <c r="E2680" t="s">
        <v>11</v>
      </c>
      <c r="F2680" s="2">
        <v>1</v>
      </c>
      <c r="G2680" t="s">
        <v>1133</v>
      </c>
      <c r="H2680" t="s">
        <v>13</v>
      </c>
    </row>
    <row r="2681" spans="1:8" x14ac:dyDescent="0.25">
      <c r="A2681" s="1">
        <v>44670</v>
      </c>
      <c r="B2681" t="s">
        <v>1980</v>
      </c>
      <c r="C2681" t="s">
        <v>52</v>
      </c>
      <c r="D2681" t="s">
        <v>10</v>
      </c>
      <c r="E2681" t="s">
        <v>11</v>
      </c>
      <c r="F2681" s="2">
        <v>1</v>
      </c>
      <c r="G2681" t="s">
        <v>40</v>
      </c>
      <c r="H2681" t="s">
        <v>13</v>
      </c>
    </row>
    <row r="2682" spans="1:8" x14ac:dyDescent="0.25">
      <c r="A2682" s="1">
        <v>44670</v>
      </c>
      <c r="B2682" t="s">
        <v>1980</v>
      </c>
      <c r="C2682" t="s">
        <v>1869</v>
      </c>
      <c r="D2682" t="s">
        <v>10</v>
      </c>
      <c r="E2682" t="s">
        <v>11</v>
      </c>
      <c r="F2682" s="2">
        <v>1</v>
      </c>
      <c r="G2682" t="s">
        <v>40</v>
      </c>
      <c r="H2682" t="s">
        <v>13</v>
      </c>
    </row>
    <row r="2683" spans="1:8" x14ac:dyDescent="0.25">
      <c r="A2683" s="1">
        <v>44670</v>
      </c>
      <c r="B2683" t="s">
        <v>1981</v>
      </c>
      <c r="C2683" t="s">
        <v>9</v>
      </c>
      <c r="D2683" t="s">
        <v>10</v>
      </c>
      <c r="E2683" t="s">
        <v>11</v>
      </c>
      <c r="F2683" s="2">
        <v>1</v>
      </c>
      <c r="G2683" t="s">
        <v>37</v>
      </c>
      <c r="H2683" t="s">
        <v>13</v>
      </c>
    </row>
    <row r="2684" spans="1:8" x14ac:dyDescent="0.25">
      <c r="A2684" s="1">
        <v>44670</v>
      </c>
      <c r="B2684" t="s">
        <v>1981</v>
      </c>
      <c r="C2684" t="s">
        <v>35</v>
      </c>
      <c r="D2684" t="s">
        <v>10</v>
      </c>
      <c r="E2684" t="s">
        <v>11</v>
      </c>
      <c r="F2684" s="2">
        <v>1</v>
      </c>
      <c r="G2684" t="s">
        <v>37</v>
      </c>
      <c r="H2684" t="s">
        <v>13</v>
      </c>
    </row>
    <row r="2685" spans="1:8" x14ac:dyDescent="0.25">
      <c r="A2685" s="1">
        <v>44670</v>
      </c>
      <c r="B2685" t="s">
        <v>1981</v>
      </c>
      <c r="C2685" t="s">
        <v>47</v>
      </c>
      <c r="D2685" t="s">
        <v>10</v>
      </c>
      <c r="E2685" t="s">
        <v>11</v>
      </c>
      <c r="F2685" s="2">
        <v>1</v>
      </c>
      <c r="G2685" t="s">
        <v>37</v>
      </c>
      <c r="H2685" t="s">
        <v>13</v>
      </c>
    </row>
    <row r="2686" spans="1:8" x14ac:dyDescent="0.25">
      <c r="A2686" s="1">
        <v>44670</v>
      </c>
      <c r="B2686" t="s">
        <v>1981</v>
      </c>
      <c r="C2686" t="s">
        <v>42</v>
      </c>
      <c r="D2686" t="s">
        <v>10</v>
      </c>
      <c r="E2686" t="s">
        <v>11</v>
      </c>
      <c r="F2686" s="2">
        <v>1</v>
      </c>
      <c r="G2686" t="s">
        <v>37</v>
      </c>
      <c r="H2686" t="s">
        <v>13</v>
      </c>
    </row>
    <row r="2687" spans="1:8" x14ac:dyDescent="0.25">
      <c r="A2687" s="1">
        <v>44670</v>
      </c>
      <c r="B2687" t="s">
        <v>1982</v>
      </c>
      <c r="C2687" t="s">
        <v>58</v>
      </c>
      <c r="D2687" t="s">
        <v>10</v>
      </c>
      <c r="E2687" t="s">
        <v>11</v>
      </c>
      <c r="F2687" s="2">
        <v>1</v>
      </c>
      <c r="G2687" t="s">
        <v>191</v>
      </c>
      <c r="H2687" t="s">
        <v>13</v>
      </c>
    </row>
    <row r="2688" spans="1:8" x14ac:dyDescent="0.25">
      <c r="A2688" s="1">
        <v>44670</v>
      </c>
      <c r="B2688" t="s">
        <v>1983</v>
      </c>
      <c r="C2688" t="s">
        <v>58</v>
      </c>
      <c r="D2688" t="s">
        <v>10</v>
      </c>
      <c r="E2688" t="s">
        <v>11</v>
      </c>
      <c r="F2688" s="2">
        <v>1</v>
      </c>
      <c r="G2688" t="s">
        <v>100</v>
      </c>
      <c r="H2688" t="s">
        <v>13</v>
      </c>
    </row>
    <row r="2689" spans="1:8" x14ac:dyDescent="0.25">
      <c r="A2689" s="1">
        <v>44668</v>
      </c>
      <c r="B2689" t="s">
        <v>1984</v>
      </c>
      <c r="C2689" t="s">
        <v>115</v>
      </c>
      <c r="D2689" t="s">
        <v>26</v>
      </c>
      <c r="E2689" t="s">
        <v>11</v>
      </c>
      <c r="F2689" s="2">
        <v>1</v>
      </c>
      <c r="G2689" t="s">
        <v>100</v>
      </c>
      <c r="H2689" t="s">
        <v>13</v>
      </c>
    </row>
    <row r="2690" spans="1:8" x14ac:dyDescent="0.25">
      <c r="A2690" s="1">
        <v>44667</v>
      </c>
      <c r="B2690" t="s">
        <v>1985</v>
      </c>
      <c r="C2690" t="s">
        <v>9</v>
      </c>
      <c r="D2690" t="s">
        <v>10</v>
      </c>
      <c r="E2690" t="s">
        <v>11</v>
      </c>
      <c r="F2690" s="2">
        <v>1</v>
      </c>
      <c r="G2690" t="s">
        <v>191</v>
      </c>
      <c r="H2690" t="s">
        <v>13</v>
      </c>
    </row>
    <row r="2691" spans="1:8" x14ac:dyDescent="0.25">
      <c r="A2691" s="1">
        <v>44667</v>
      </c>
      <c r="B2691" t="s">
        <v>1985</v>
      </c>
      <c r="C2691" t="s">
        <v>52</v>
      </c>
      <c r="D2691" t="s">
        <v>10</v>
      </c>
      <c r="E2691" t="s">
        <v>11</v>
      </c>
      <c r="F2691" s="2">
        <v>1</v>
      </c>
      <c r="G2691" t="s">
        <v>191</v>
      </c>
      <c r="H2691" t="s">
        <v>13</v>
      </c>
    </row>
    <row r="2692" spans="1:8" x14ac:dyDescent="0.25">
      <c r="A2692" s="1">
        <v>44667</v>
      </c>
      <c r="B2692" t="s">
        <v>1985</v>
      </c>
      <c r="C2692" t="s">
        <v>47</v>
      </c>
      <c r="D2692" t="s">
        <v>10</v>
      </c>
      <c r="E2692" t="s">
        <v>11</v>
      </c>
      <c r="F2692" s="2">
        <v>1</v>
      </c>
      <c r="G2692" t="s">
        <v>191</v>
      </c>
      <c r="H2692" t="s">
        <v>13</v>
      </c>
    </row>
    <row r="2693" spans="1:8" x14ac:dyDescent="0.25">
      <c r="A2693" s="1">
        <v>44667</v>
      </c>
      <c r="B2693" t="s">
        <v>1986</v>
      </c>
      <c r="C2693" t="s">
        <v>9</v>
      </c>
      <c r="D2693" t="s">
        <v>10</v>
      </c>
      <c r="E2693" t="s">
        <v>11</v>
      </c>
      <c r="F2693" s="2">
        <v>1</v>
      </c>
      <c r="G2693" t="s">
        <v>191</v>
      </c>
      <c r="H2693" t="s">
        <v>13</v>
      </c>
    </row>
    <row r="2694" spans="1:8" x14ac:dyDescent="0.25">
      <c r="A2694" s="1">
        <v>44667</v>
      </c>
      <c r="B2694" t="s">
        <v>1987</v>
      </c>
      <c r="C2694" t="s">
        <v>16</v>
      </c>
      <c r="D2694" t="s">
        <v>10</v>
      </c>
      <c r="E2694" t="s">
        <v>11</v>
      </c>
      <c r="F2694" s="2">
        <v>1</v>
      </c>
      <c r="G2694" t="s">
        <v>37</v>
      </c>
      <c r="H2694" t="s">
        <v>13</v>
      </c>
    </row>
    <row r="2695" spans="1:8" x14ac:dyDescent="0.25">
      <c r="A2695" s="1">
        <v>44667</v>
      </c>
      <c r="B2695" t="s">
        <v>1988</v>
      </c>
      <c r="C2695" t="s">
        <v>9</v>
      </c>
      <c r="D2695" t="s">
        <v>10</v>
      </c>
      <c r="E2695" t="s">
        <v>11</v>
      </c>
      <c r="F2695" s="2">
        <v>1</v>
      </c>
      <c r="G2695" t="s">
        <v>950</v>
      </c>
      <c r="H2695" t="s">
        <v>13</v>
      </c>
    </row>
    <row r="2696" spans="1:8" x14ac:dyDescent="0.25">
      <c r="A2696" s="1">
        <v>44666</v>
      </c>
      <c r="B2696" t="s">
        <v>1989</v>
      </c>
      <c r="C2696" t="s">
        <v>19</v>
      </c>
      <c r="D2696" t="s">
        <v>10</v>
      </c>
      <c r="E2696" t="s">
        <v>11</v>
      </c>
      <c r="F2696" s="2">
        <v>1</v>
      </c>
      <c r="G2696" t="s">
        <v>53</v>
      </c>
      <c r="H2696" t="s">
        <v>13</v>
      </c>
    </row>
    <row r="2697" spans="1:8" x14ac:dyDescent="0.25">
      <c r="A2697" s="1">
        <v>44665</v>
      </c>
      <c r="B2697" t="s">
        <v>1990</v>
      </c>
      <c r="C2697" t="s">
        <v>9</v>
      </c>
      <c r="D2697" t="s">
        <v>10</v>
      </c>
      <c r="E2697" t="s">
        <v>11</v>
      </c>
      <c r="F2697" s="2">
        <v>1</v>
      </c>
      <c r="G2697" t="s">
        <v>20</v>
      </c>
      <c r="H2697" t="s">
        <v>13</v>
      </c>
    </row>
    <row r="2698" spans="1:8" x14ac:dyDescent="0.25">
      <c r="A2698" s="1">
        <v>44665</v>
      </c>
      <c r="B2698" t="s">
        <v>1990</v>
      </c>
      <c r="C2698" t="s">
        <v>47</v>
      </c>
      <c r="D2698" t="s">
        <v>10</v>
      </c>
      <c r="E2698" t="s">
        <v>11</v>
      </c>
      <c r="F2698" s="2">
        <v>1</v>
      </c>
      <c r="G2698" t="s">
        <v>20</v>
      </c>
      <c r="H2698" t="s">
        <v>13</v>
      </c>
    </row>
    <row r="2699" spans="1:8" x14ac:dyDescent="0.25">
      <c r="A2699" s="1">
        <v>44665</v>
      </c>
      <c r="B2699" t="s">
        <v>1990</v>
      </c>
      <c r="C2699" t="s">
        <v>32</v>
      </c>
      <c r="D2699" t="s">
        <v>10</v>
      </c>
      <c r="E2699" t="s">
        <v>11</v>
      </c>
      <c r="F2699" s="2">
        <v>1</v>
      </c>
      <c r="G2699" t="s">
        <v>20</v>
      </c>
      <c r="H2699" t="s">
        <v>13</v>
      </c>
    </row>
    <row r="2700" spans="1:8" x14ac:dyDescent="0.25">
      <c r="A2700" s="1">
        <v>44665</v>
      </c>
      <c r="B2700" t="s">
        <v>1991</v>
      </c>
      <c r="C2700" t="s">
        <v>79</v>
      </c>
      <c r="D2700" t="s">
        <v>10</v>
      </c>
      <c r="E2700" t="s">
        <v>11</v>
      </c>
      <c r="F2700" s="2">
        <v>1</v>
      </c>
      <c r="G2700" t="s">
        <v>20</v>
      </c>
      <c r="H2700" t="s">
        <v>13</v>
      </c>
    </row>
    <row r="2701" spans="1:8" x14ac:dyDescent="0.25">
      <c r="A2701" s="1">
        <v>44665</v>
      </c>
      <c r="B2701" t="s">
        <v>1991</v>
      </c>
      <c r="C2701" t="s">
        <v>80</v>
      </c>
      <c r="D2701" t="s">
        <v>10</v>
      </c>
      <c r="E2701" t="s">
        <v>11</v>
      </c>
      <c r="F2701" s="2">
        <v>1</v>
      </c>
      <c r="G2701" t="s">
        <v>20</v>
      </c>
      <c r="H2701" t="s">
        <v>13</v>
      </c>
    </row>
    <row r="2702" spans="1:8" x14ac:dyDescent="0.25">
      <c r="A2702" s="1">
        <v>44664</v>
      </c>
      <c r="B2702" t="s">
        <v>1992</v>
      </c>
      <c r="C2702" t="s">
        <v>35</v>
      </c>
      <c r="D2702" t="s">
        <v>10</v>
      </c>
      <c r="E2702" t="s">
        <v>11</v>
      </c>
      <c r="F2702" s="2">
        <v>1</v>
      </c>
      <c r="G2702" t="s">
        <v>131</v>
      </c>
      <c r="H2702" t="s">
        <v>13</v>
      </c>
    </row>
    <row r="2703" spans="1:8" x14ac:dyDescent="0.25">
      <c r="A2703" s="1">
        <v>44663</v>
      </c>
      <c r="B2703" t="s">
        <v>1993</v>
      </c>
      <c r="C2703" t="s">
        <v>9</v>
      </c>
      <c r="D2703" t="s">
        <v>10</v>
      </c>
      <c r="E2703" t="s">
        <v>11</v>
      </c>
      <c r="F2703" s="2">
        <v>1</v>
      </c>
      <c r="G2703" t="s">
        <v>137</v>
      </c>
      <c r="H2703" t="s">
        <v>13</v>
      </c>
    </row>
    <row r="2704" spans="1:8" x14ac:dyDescent="0.25">
      <c r="A2704" s="1">
        <v>44663</v>
      </c>
      <c r="B2704" t="s">
        <v>1994</v>
      </c>
      <c r="C2704" t="s">
        <v>9</v>
      </c>
      <c r="D2704" t="s">
        <v>10</v>
      </c>
      <c r="E2704" t="s">
        <v>11</v>
      </c>
      <c r="F2704" s="2">
        <v>1</v>
      </c>
      <c r="G2704" t="s">
        <v>77</v>
      </c>
      <c r="H2704" t="s">
        <v>13</v>
      </c>
    </row>
    <row r="2705" spans="1:8" x14ac:dyDescent="0.25">
      <c r="A2705" s="1">
        <v>44662</v>
      </c>
      <c r="B2705" t="s">
        <v>1995</v>
      </c>
      <c r="C2705" t="s">
        <v>19</v>
      </c>
      <c r="D2705" t="s">
        <v>10</v>
      </c>
      <c r="E2705" t="s">
        <v>11</v>
      </c>
      <c r="F2705" s="2">
        <v>1</v>
      </c>
      <c r="G2705" t="s">
        <v>37</v>
      </c>
      <c r="H2705" t="s">
        <v>13</v>
      </c>
    </row>
    <row r="2706" spans="1:8" x14ac:dyDescent="0.25">
      <c r="A2706" s="1">
        <v>44661</v>
      </c>
      <c r="B2706" t="s">
        <v>1996</v>
      </c>
      <c r="C2706" t="s">
        <v>413</v>
      </c>
      <c r="D2706" t="s">
        <v>10</v>
      </c>
      <c r="E2706" t="s">
        <v>11</v>
      </c>
      <c r="F2706" s="2">
        <v>1</v>
      </c>
      <c r="G2706" t="s">
        <v>131</v>
      </c>
      <c r="H2706" t="s">
        <v>13</v>
      </c>
    </row>
    <row r="2707" spans="1:8" x14ac:dyDescent="0.25">
      <c r="A2707" s="1">
        <v>44661</v>
      </c>
      <c r="B2707" t="s">
        <v>1997</v>
      </c>
      <c r="C2707" t="s">
        <v>9</v>
      </c>
      <c r="D2707" t="s">
        <v>10</v>
      </c>
      <c r="E2707" t="s">
        <v>11</v>
      </c>
      <c r="F2707" s="2">
        <v>1</v>
      </c>
      <c r="G2707" t="s">
        <v>37</v>
      </c>
      <c r="H2707" t="s">
        <v>13</v>
      </c>
    </row>
    <row r="2708" spans="1:8" x14ac:dyDescent="0.25">
      <c r="A2708" s="1">
        <v>44661</v>
      </c>
      <c r="B2708" t="s">
        <v>1998</v>
      </c>
      <c r="C2708" t="s">
        <v>16</v>
      </c>
      <c r="D2708" t="s">
        <v>10</v>
      </c>
      <c r="E2708" t="s">
        <v>11</v>
      </c>
      <c r="F2708" s="2">
        <v>1</v>
      </c>
      <c r="G2708" t="s">
        <v>100</v>
      </c>
      <c r="H2708" t="s">
        <v>13</v>
      </c>
    </row>
    <row r="2709" spans="1:8" x14ac:dyDescent="0.25">
      <c r="A2709" s="1">
        <v>44661</v>
      </c>
      <c r="B2709" t="s">
        <v>1998</v>
      </c>
      <c r="C2709" t="s">
        <v>149</v>
      </c>
      <c r="D2709" t="s">
        <v>10</v>
      </c>
      <c r="E2709" t="s">
        <v>11</v>
      </c>
      <c r="F2709" s="2">
        <v>1</v>
      </c>
      <c r="G2709" t="s">
        <v>100</v>
      </c>
      <c r="H2709" t="s">
        <v>13</v>
      </c>
    </row>
    <row r="2710" spans="1:8" x14ac:dyDescent="0.25">
      <c r="A2710" s="1">
        <v>44661</v>
      </c>
      <c r="B2710" t="s">
        <v>1998</v>
      </c>
      <c r="C2710" t="s">
        <v>1082</v>
      </c>
      <c r="D2710" t="s">
        <v>10</v>
      </c>
      <c r="E2710" t="s">
        <v>11</v>
      </c>
      <c r="F2710" s="2">
        <v>1</v>
      </c>
      <c r="G2710" t="s">
        <v>100</v>
      </c>
      <c r="H2710" t="s">
        <v>13</v>
      </c>
    </row>
    <row r="2711" spans="1:8" x14ac:dyDescent="0.25">
      <c r="A2711" s="1">
        <v>44660</v>
      </c>
      <c r="B2711" t="s">
        <v>1999</v>
      </c>
      <c r="C2711" t="s">
        <v>14</v>
      </c>
      <c r="D2711" t="s">
        <v>10</v>
      </c>
      <c r="E2711" t="s">
        <v>11</v>
      </c>
      <c r="F2711" s="2">
        <v>1</v>
      </c>
      <c r="G2711" t="s">
        <v>72</v>
      </c>
      <c r="H2711" t="s">
        <v>13</v>
      </c>
    </row>
    <row r="2712" spans="1:8" x14ac:dyDescent="0.25">
      <c r="A2712" s="1">
        <v>44660</v>
      </c>
      <c r="B2712" t="s">
        <v>2000</v>
      </c>
      <c r="C2712" t="s">
        <v>2001</v>
      </c>
      <c r="D2712" t="s">
        <v>10</v>
      </c>
      <c r="E2712" t="s">
        <v>11</v>
      </c>
      <c r="F2712" s="2">
        <v>1</v>
      </c>
      <c r="G2712" t="s">
        <v>137</v>
      </c>
      <c r="H2712" t="s">
        <v>13</v>
      </c>
    </row>
    <row r="2713" spans="1:8" x14ac:dyDescent="0.25">
      <c r="A2713" s="1">
        <v>44660</v>
      </c>
      <c r="B2713" t="s">
        <v>2000</v>
      </c>
      <c r="C2713" t="s">
        <v>271</v>
      </c>
      <c r="D2713" t="s">
        <v>10</v>
      </c>
      <c r="E2713" t="s">
        <v>11</v>
      </c>
      <c r="F2713" s="2">
        <v>1</v>
      </c>
      <c r="G2713" t="s">
        <v>137</v>
      </c>
      <c r="H2713" t="s">
        <v>13</v>
      </c>
    </row>
    <row r="2714" spans="1:8" x14ac:dyDescent="0.25">
      <c r="A2714" s="1">
        <v>44659</v>
      </c>
      <c r="B2714" t="s">
        <v>2002</v>
      </c>
      <c r="C2714" t="s">
        <v>9</v>
      </c>
      <c r="D2714" t="s">
        <v>10</v>
      </c>
      <c r="E2714" t="s">
        <v>11</v>
      </c>
      <c r="F2714" s="2">
        <v>1</v>
      </c>
      <c r="G2714" t="s">
        <v>77</v>
      </c>
      <c r="H2714" t="s">
        <v>13</v>
      </c>
    </row>
    <row r="2715" spans="1:8" x14ac:dyDescent="0.25">
      <c r="A2715" s="1">
        <v>44658</v>
      </c>
      <c r="B2715" t="s">
        <v>2003</v>
      </c>
      <c r="C2715" t="s">
        <v>9</v>
      </c>
      <c r="D2715" t="s">
        <v>10</v>
      </c>
      <c r="E2715" t="s">
        <v>11</v>
      </c>
      <c r="F2715" s="2">
        <v>1</v>
      </c>
      <c r="G2715" t="s">
        <v>100</v>
      </c>
      <c r="H2715" t="s">
        <v>13</v>
      </c>
    </row>
    <row r="2716" spans="1:8" x14ac:dyDescent="0.25">
      <c r="A2716" s="1">
        <v>44658</v>
      </c>
      <c r="B2716" t="s">
        <v>2003</v>
      </c>
      <c r="C2716" t="s">
        <v>65</v>
      </c>
      <c r="D2716" t="s">
        <v>10</v>
      </c>
      <c r="E2716" t="s">
        <v>11</v>
      </c>
      <c r="F2716" s="2">
        <v>1</v>
      </c>
      <c r="G2716" t="s">
        <v>100</v>
      </c>
      <c r="H2716" t="s">
        <v>13</v>
      </c>
    </row>
    <row r="2717" spans="1:8" x14ac:dyDescent="0.25">
      <c r="A2717" s="1">
        <v>44658</v>
      </c>
      <c r="B2717" t="s">
        <v>2004</v>
      </c>
      <c r="C2717" t="s">
        <v>1176</v>
      </c>
      <c r="D2717" t="s">
        <v>10</v>
      </c>
      <c r="E2717" t="s">
        <v>11</v>
      </c>
      <c r="F2717" s="2">
        <v>1</v>
      </c>
      <c r="G2717" t="s">
        <v>859</v>
      </c>
      <c r="H2717" t="s">
        <v>13</v>
      </c>
    </row>
    <row r="2718" spans="1:8" x14ac:dyDescent="0.25">
      <c r="A2718" s="1">
        <v>44658</v>
      </c>
      <c r="B2718" t="s">
        <v>2004</v>
      </c>
      <c r="C2718" t="s">
        <v>731</v>
      </c>
      <c r="D2718" t="s">
        <v>10</v>
      </c>
      <c r="E2718" t="s">
        <v>11</v>
      </c>
      <c r="F2718" s="2">
        <v>1</v>
      </c>
      <c r="G2718" t="s">
        <v>859</v>
      </c>
      <c r="H2718" t="s">
        <v>13</v>
      </c>
    </row>
    <row r="2719" spans="1:8" x14ac:dyDescent="0.25">
      <c r="A2719" s="1">
        <v>44657</v>
      </c>
      <c r="B2719" t="s">
        <v>2005</v>
      </c>
      <c r="C2719" t="s">
        <v>9</v>
      </c>
      <c r="D2719" t="s">
        <v>10</v>
      </c>
      <c r="E2719" t="s">
        <v>11</v>
      </c>
      <c r="F2719" s="2">
        <v>1</v>
      </c>
      <c r="G2719" t="s">
        <v>181</v>
      </c>
      <c r="H2719" t="s">
        <v>13</v>
      </c>
    </row>
    <row r="2720" spans="1:8" x14ac:dyDescent="0.25">
      <c r="A2720" s="1">
        <v>44657</v>
      </c>
      <c r="B2720" t="s">
        <v>2005</v>
      </c>
      <c r="C2720" t="s">
        <v>52</v>
      </c>
      <c r="D2720" t="s">
        <v>10</v>
      </c>
      <c r="E2720" t="s">
        <v>11</v>
      </c>
      <c r="F2720" s="2">
        <v>1</v>
      </c>
      <c r="G2720" t="s">
        <v>181</v>
      </c>
      <c r="H2720" t="s">
        <v>13</v>
      </c>
    </row>
    <row r="2721" spans="1:8" x14ac:dyDescent="0.25">
      <c r="A2721" s="1">
        <v>44657</v>
      </c>
      <c r="B2721" t="s">
        <v>2006</v>
      </c>
      <c r="C2721" t="s">
        <v>510</v>
      </c>
      <c r="D2721" t="s">
        <v>10</v>
      </c>
      <c r="E2721" t="s">
        <v>11</v>
      </c>
      <c r="F2721" s="2">
        <v>1</v>
      </c>
      <c r="G2721" t="s">
        <v>2007</v>
      </c>
      <c r="H2721" t="s">
        <v>13</v>
      </c>
    </row>
    <row r="2722" spans="1:8" x14ac:dyDescent="0.25">
      <c r="A2722" s="1">
        <v>44656</v>
      </c>
      <c r="B2722" t="s">
        <v>2008</v>
      </c>
      <c r="C2722" t="s">
        <v>174</v>
      </c>
      <c r="D2722" t="s">
        <v>10</v>
      </c>
      <c r="E2722" t="s">
        <v>11</v>
      </c>
      <c r="F2722" s="2">
        <v>1</v>
      </c>
      <c r="G2722" t="s">
        <v>177</v>
      </c>
      <c r="H2722" t="s">
        <v>13</v>
      </c>
    </row>
    <row r="2723" spans="1:8" x14ac:dyDescent="0.25">
      <c r="A2723" s="1">
        <v>44656</v>
      </c>
      <c r="B2723" t="s">
        <v>2009</v>
      </c>
      <c r="C2723" t="s">
        <v>47</v>
      </c>
      <c r="D2723" t="s">
        <v>10</v>
      </c>
      <c r="E2723" t="s">
        <v>11</v>
      </c>
      <c r="F2723" s="2">
        <v>1</v>
      </c>
      <c r="G2723" t="s">
        <v>37</v>
      </c>
      <c r="H2723" t="s">
        <v>13</v>
      </c>
    </row>
    <row r="2724" spans="1:8" x14ac:dyDescent="0.25">
      <c r="A2724" s="1">
        <v>44655</v>
      </c>
      <c r="B2724" t="s">
        <v>2010</v>
      </c>
      <c r="C2724" t="s">
        <v>9</v>
      </c>
      <c r="D2724" t="s">
        <v>10</v>
      </c>
      <c r="E2724" t="s">
        <v>11</v>
      </c>
      <c r="F2724" s="2">
        <v>1</v>
      </c>
      <c r="G2724" t="s">
        <v>20</v>
      </c>
      <c r="H2724" t="s">
        <v>13</v>
      </c>
    </row>
    <row r="2725" spans="1:8" x14ac:dyDescent="0.25">
      <c r="A2725" s="1">
        <v>44655</v>
      </c>
      <c r="B2725" t="s">
        <v>2010</v>
      </c>
      <c r="C2725" t="s">
        <v>35</v>
      </c>
      <c r="D2725" t="s">
        <v>10</v>
      </c>
      <c r="E2725" t="s">
        <v>11</v>
      </c>
      <c r="F2725" s="2">
        <v>1</v>
      </c>
      <c r="G2725" t="s">
        <v>20</v>
      </c>
      <c r="H2725" t="s">
        <v>13</v>
      </c>
    </row>
    <row r="2726" spans="1:8" x14ac:dyDescent="0.25">
      <c r="A2726" s="1">
        <v>44654</v>
      </c>
      <c r="B2726" t="s">
        <v>2011</v>
      </c>
      <c r="C2726" t="s">
        <v>47</v>
      </c>
      <c r="D2726" t="s">
        <v>10</v>
      </c>
      <c r="E2726" t="s">
        <v>11</v>
      </c>
      <c r="F2726" s="2">
        <v>1</v>
      </c>
      <c r="G2726" t="s">
        <v>63</v>
      </c>
      <c r="H2726" t="s">
        <v>13</v>
      </c>
    </row>
    <row r="2727" spans="1:8" x14ac:dyDescent="0.25">
      <c r="A2727" s="1">
        <v>44654</v>
      </c>
      <c r="B2727" t="s">
        <v>2012</v>
      </c>
      <c r="C2727" t="s">
        <v>9</v>
      </c>
      <c r="D2727" t="s">
        <v>10</v>
      </c>
      <c r="E2727" t="s">
        <v>11</v>
      </c>
      <c r="F2727" s="2">
        <v>1</v>
      </c>
      <c r="G2727" t="s">
        <v>100</v>
      </c>
      <c r="H2727" t="s">
        <v>13</v>
      </c>
    </row>
    <row r="2728" spans="1:8" x14ac:dyDescent="0.25">
      <c r="A2728" s="1">
        <v>44654</v>
      </c>
      <c r="B2728" t="s">
        <v>2012</v>
      </c>
      <c r="C2728" t="s">
        <v>47</v>
      </c>
      <c r="D2728" t="s">
        <v>10</v>
      </c>
      <c r="E2728" t="s">
        <v>11</v>
      </c>
      <c r="F2728" s="2">
        <v>1</v>
      </c>
      <c r="G2728" t="s">
        <v>100</v>
      </c>
      <c r="H2728" t="s">
        <v>13</v>
      </c>
    </row>
    <row r="2729" spans="1:8" x14ac:dyDescent="0.25">
      <c r="A2729" s="1">
        <v>44653</v>
      </c>
      <c r="B2729" t="s">
        <v>2013</v>
      </c>
      <c r="C2729" t="s">
        <v>9</v>
      </c>
      <c r="D2729" t="s">
        <v>10</v>
      </c>
      <c r="E2729" t="s">
        <v>11</v>
      </c>
      <c r="F2729" s="2">
        <v>1</v>
      </c>
      <c r="G2729" t="s">
        <v>137</v>
      </c>
      <c r="H2729" t="s">
        <v>13</v>
      </c>
    </row>
    <row r="2730" spans="1:8" x14ac:dyDescent="0.25">
      <c r="A2730" s="1">
        <v>44653</v>
      </c>
      <c r="B2730" t="s">
        <v>2013</v>
      </c>
      <c r="C2730" t="s">
        <v>52</v>
      </c>
      <c r="D2730" t="s">
        <v>10</v>
      </c>
      <c r="E2730" t="s">
        <v>11</v>
      </c>
      <c r="F2730" s="2">
        <v>1</v>
      </c>
      <c r="G2730" t="s">
        <v>137</v>
      </c>
      <c r="H2730" t="s">
        <v>13</v>
      </c>
    </row>
    <row r="2731" spans="1:8" x14ac:dyDescent="0.25">
      <c r="A2731" s="1">
        <v>44653</v>
      </c>
      <c r="B2731" t="s">
        <v>2013</v>
      </c>
      <c r="C2731" t="s">
        <v>142</v>
      </c>
      <c r="D2731" t="s">
        <v>10</v>
      </c>
      <c r="E2731" t="s">
        <v>11</v>
      </c>
      <c r="F2731" s="2">
        <v>1</v>
      </c>
      <c r="G2731" t="s">
        <v>137</v>
      </c>
      <c r="H2731" t="s">
        <v>13</v>
      </c>
    </row>
    <row r="2732" spans="1:8" x14ac:dyDescent="0.25">
      <c r="A2732" s="1">
        <v>44653</v>
      </c>
      <c r="B2732" t="s">
        <v>2013</v>
      </c>
      <c r="C2732" t="s">
        <v>149</v>
      </c>
      <c r="D2732" t="s">
        <v>10</v>
      </c>
      <c r="E2732" t="s">
        <v>11</v>
      </c>
      <c r="F2732" s="2">
        <v>1</v>
      </c>
      <c r="G2732" t="s">
        <v>137</v>
      </c>
      <c r="H2732" t="s">
        <v>13</v>
      </c>
    </row>
    <row r="2733" spans="1:8" x14ac:dyDescent="0.25">
      <c r="A2733" s="1">
        <v>44653</v>
      </c>
      <c r="B2733" t="s">
        <v>2013</v>
      </c>
      <c r="C2733" t="s">
        <v>150</v>
      </c>
      <c r="D2733" t="s">
        <v>10</v>
      </c>
      <c r="E2733" t="s">
        <v>11</v>
      </c>
      <c r="F2733" s="2">
        <v>1</v>
      </c>
      <c r="G2733" t="s">
        <v>137</v>
      </c>
      <c r="H2733" t="s">
        <v>13</v>
      </c>
    </row>
    <row r="2734" spans="1:8" x14ac:dyDescent="0.25">
      <c r="A2734" s="1">
        <v>44653</v>
      </c>
      <c r="B2734" t="s">
        <v>2013</v>
      </c>
      <c r="C2734" t="s">
        <v>151</v>
      </c>
      <c r="D2734" t="s">
        <v>10</v>
      </c>
      <c r="E2734" t="s">
        <v>11</v>
      </c>
      <c r="F2734" s="2">
        <v>1</v>
      </c>
      <c r="G2734" t="s">
        <v>137</v>
      </c>
      <c r="H2734" t="s">
        <v>13</v>
      </c>
    </row>
    <row r="2735" spans="1:8" x14ac:dyDescent="0.25">
      <c r="A2735" s="1">
        <v>44652</v>
      </c>
      <c r="B2735" t="s">
        <v>2014</v>
      </c>
      <c r="C2735" t="s">
        <v>9</v>
      </c>
      <c r="D2735" t="s">
        <v>10</v>
      </c>
      <c r="E2735" t="s">
        <v>11</v>
      </c>
      <c r="F2735" s="2">
        <v>1</v>
      </c>
      <c r="G2735" t="s">
        <v>46</v>
      </c>
      <c r="H2735" t="s">
        <v>13</v>
      </c>
    </row>
    <row r="2736" spans="1:8" x14ac:dyDescent="0.25">
      <c r="A2736" s="1">
        <v>44652</v>
      </c>
      <c r="B2736" t="s">
        <v>2014</v>
      </c>
      <c r="C2736" t="s">
        <v>47</v>
      </c>
      <c r="D2736" t="s">
        <v>10</v>
      </c>
      <c r="E2736" t="s">
        <v>11</v>
      </c>
      <c r="F2736" s="2">
        <v>1</v>
      </c>
      <c r="G2736" t="s">
        <v>46</v>
      </c>
      <c r="H2736" t="s">
        <v>13</v>
      </c>
    </row>
    <row r="2737" spans="1:8" x14ac:dyDescent="0.25">
      <c r="A2737" s="1">
        <v>44652</v>
      </c>
      <c r="B2737" t="s">
        <v>2015</v>
      </c>
      <c r="C2737" t="s">
        <v>92</v>
      </c>
      <c r="D2737" t="s">
        <v>10</v>
      </c>
      <c r="E2737" t="s">
        <v>11</v>
      </c>
      <c r="F2737" s="2">
        <v>1</v>
      </c>
      <c r="G2737" t="s">
        <v>342</v>
      </c>
      <c r="H2737" t="s">
        <v>13</v>
      </c>
    </row>
    <row r="2738" spans="1:8" x14ac:dyDescent="0.25">
      <c r="A2738" s="1">
        <v>44651</v>
      </c>
      <c r="B2738" t="s">
        <v>2016</v>
      </c>
      <c r="C2738" t="s">
        <v>14</v>
      </c>
      <c r="D2738" t="s">
        <v>26</v>
      </c>
      <c r="E2738" t="s">
        <v>11</v>
      </c>
      <c r="F2738" s="2">
        <v>1</v>
      </c>
      <c r="G2738" t="s">
        <v>181</v>
      </c>
      <c r="H2738" t="s">
        <v>13</v>
      </c>
    </row>
    <row r="2739" spans="1:8" x14ac:dyDescent="0.25">
      <c r="A2739" s="1">
        <v>44650</v>
      </c>
      <c r="B2739" t="s">
        <v>2017</v>
      </c>
      <c r="C2739" t="s">
        <v>9</v>
      </c>
      <c r="D2739" t="s">
        <v>10</v>
      </c>
      <c r="E2739" t="s">
        <v>11</v>
      </c>
      <c r="F2739" s="2">
        <v>1</v>
      </c>
      <c r="G2739" t="s">
        <v>44</v>
      </c>
      <c r="H2739" t="s">
        <v>13</v>
      </c>
    </row>
    <row r="2740" spans="1:8" x14ac:dyDescent="0.25">
      <c r="A2740" s="1">
        <v>44650</v>
      </c>
      <c r="B2740" t="s">
        <v>2017</v>
      </c>
      <c r="C2740" t="s">
        <v>52</v>
      </c>
      <c r="D2740" t="s">
        <v>10</v>
      </c>
      <c r="E2740" t="s">
        <v>11</v>
      </c>
      <c r="F2740" s="2">
        <v>1</v>
      </c>
      <c r="G2740" t="s">
        <v>44</v>
      </c>
      <c r="H2740" t="s">
        <v>13</v>
      </c>
    </row>
    <row r="2741" spans="1:8" x14ac:dyDescent="0.25">
      <c r="A2741" s="1">
        <v>44650</v>
      </c>
      <c r="B2741" t="s">
        <v>2018</v>
      </c>
      <c r="C2741" t="s">
        <v>52</v>
      </c>
      <c r="D2741" t="s">
        <v>10</v>
      </c>
      <c r="E2741" t="s">
        <v>11</v>
      </c>
      <c r="F2741" s="2">
        <v>1</v>
      </c>
      <c r="G2741" t="s">
        <v>44</v>
      </c>
      <c r="H2741" t="s">
        <v>13</v>
      </c>
    </row>
    <row r="2742" spans="1:8" x14ac:dyDescent="0.25">
      <c r="A2742" s="1">
        <v>44650</v>
      </c>
      <c r="B2742" t="s">
        <v>2019</v>
      </c>
      <c r="C2742" t="s">
        <v>79</v>
      </c>
      <c r="D2742" t="s">
        <v>10</v>
      </c>
      <c r="E2742" t="s">
        <v>11</v>
      </c>
      <c r="F2742" s="2">
        <v>1</v>
      </c>
      <c r="G2742" t="s">
        <v>205</v>
      </c>
      <c r="H2742" t="s">
        <v>13</v>
      </c>
    </row>
    <row r="2743" spans="1:8" x14ac:dyDescent="0.25">
      <c r="A2743" s="1">
        <v>44650</v>
      </c>
      <c r="B2743" t="s">
        <v>2020</v>
      </c>
      <c r="C2743" t="s">
        <v>60</v>
      </c>
      <c r="D2743" t="s">
        <v>10</v>
      </c>
      <c r="E2743" t="s">
        <v>11</v>
      </c>
      <c r="F2743" s="2">
        <v>1</v>
      </c>
      <c r="G2743" t="s">
        <v>44</v>
      </c>
      <c r="H2743" t="s">
        <v>13</v>
      </c>
    </row>
    <row r="2744" spans="1:8" x14ac:dyDescent="0.25">
      <c r="A2744" s="1">
        <v>44650</v>
      </c>
      <c r="B2744" t="s">
        <v>2021</v>
      </c>
      <c r="C2744" t="s">
        <v>28</v>
      </c>
      <c r="D2744" t="s">
        <v>10</v>
      </c>
      <c r="E2744" t="s">
        <v>11</v>
      </c>
      <c r="F2744" s="2">
        <v>1</v>
      </c>
      <c r="G2744" t="s">
        <v>347</v>
      </c>
      <c r="H2744" t="s">
        <v>13</v>
      </c>
    </row>
    <row r="2745" spans="1:8" x14ac:dyDescent="0.25">
      <c r="A2745" s="1">
        <v>44649</v>
      </c>
      <c r="B2745" t="s">
        <v>2022</v>
      </c>
      <c r="C2745" t="s">
        <v>249</v>
      </c>
      <c r="D2745" t="s">
        <v>10</v>
      </c>
      <c r="E2745" t="s">
        <v>11</v>
      </c>
      <c r="F2745" s="2">
        <v>1</v>
      </c>
      <c r="G2745" t="s">
        <v>1625</v>
      </c>
      <c r="H2745" t="s">
        <v>13</v>
      </c>
    </row>
    <row r="2746" spans="1:8" x14ac:dyDescent="0.25">
      <c r="A2746" s="1">
        <v>44648</v>
      </c>
      <c r="B2746" t="s">
        <v>2023</v>
      </c>
      <c r="C2746" t="s">
        <v>9</v>
      </c>
      <c r="D2746" t="s">
        <v>10</v>
      </c>
      <c r="E2746" t="s">
        <v>11</v>
      </c>
      <c r="F2746" s="2">
        <v>1</v>
      </c>
      <c r="G2746" t="s">
        <v>100</v>
      </c>
      <c r="H2746" t="s">
        <v>13</v>
      </c>
    </row>
    <row r="2747" spans="1:8" x14ac:dyDescent="0.25">
      <c r="A2747" s="1">
        <v>44648</v>
      </c>
      <c r="B2747" t="s">
        <v>2023</v>
      </c>
      <c r="C2747" t="s">
        <v>86</v>
      </c>
      <c r="D2747" t="s">
        <v>10</v>
      </c>
      <c r="E2747" t="s">
        <v>11</v>
      </c>
      <c r="F2747" s="2">
        <v>1</v>
      </c>
      <c r="G2747" t="s">
        <v>100</v>
      </c>
      <c r="H2747" t="s">
        <v>13</v>
      </c>
    </row>
    <row r="2748" spans="1:8" x14ac:dyDescent="0.25">
      <c r="A2748" s="1">
        <v>44648</v>
      </c>
      <c r="B2748" t="s">
        <v>2023</v>
      </c>
      <c r="C2748" t="s">
        <v>29</v>
      </c>
      <c r="D2748" t="s">
        <v>10</v>
      </c>
      <c r="E2748" t="s">
        <v>11</v>
      </c>
      <c r="F2748" s="2">
        <v>1</v>
      </c>
      <c r="G2748" t="s">
        <v>100</v>
      </c>
      <c r="H2748" t="s">
        <v>13</v>
      </c>
    </row>
    <row r="2749" spans="1:8" x14ac:dyDescent="0.25">
      <c r="A2749" s="1">
        <v>44648</v>
      </c>
      <c r="B2749" t="s">
        <v>2023</v>
      </c>
      <c r="C2749" t="s">
        <v>35</v>
      </c>
      <c r="D2749" t="s">
        <v>10</v>
      </c>
      <c r="E2749" t="s">
        <v>11</v>
      </c>
      <c r="F2749" s="2">
        <v>1</v>
      </c>
      <c r="G2749" t="s">
        <v>100</v>
      </c>
      <c r="H2749" t="s">
        <v>13</v>
      </c>
    </row>
    <row r="2750" spans="1:8" x14ac:dyDescent="0.25">
      <c r="A2750" s="1">
        <v>44647</v>
      </c>
      <c r="B2750" t="s">
        <v>2024</v>
      </c>
      <c r="C2750" t="s">
        <v>79</v>
      </c>
      <c r="D2750" t="s">
        <v>10</v>
      </c>
      <c r="E2750" t="s">
        <v>11</v>
      </c>
      <c r="F2750" s="2">
        <v>1</v>
      </c>
      <c r="G2750" t="s">
        <v>37</v>
      </c>
      <c r="H2750" t="s">
        <v>13</v>
      </c>
    </row>
    <row r="2751" spans="1:8" x14ac:dyDescent="0.25">
      <c r="A2751" s="1">
        <v>44647</v>
      </c>
      <c r="B2751" t="s">
        <v>2024</v>
      </c>
      <c r="C2751" t="s">
        <v>80</v>
      </c>
      <c r="D2751" t="s">
        <v>10</v>
      </c>
      <c r="E2751" t="s">
        <v>11</v>
      </c>
      <c r="F2751" s="2">
        <v>1</v>
      </c>
      <c r="G2751" t="s">
        <v>37</v>
      </c>
      <c r="H2751" t="s">
        <v>13</v>
      </c>
    </row>
    <row r="2752" spans="1:8" x14ac:dyDescent="0.25">
      <c r="A2752" s="1">
        <v>44647</v>
      </c>
      <c r="B2752" t="s">
        <v>2025</v>
      </c>
      <c r="C2752" t="s">
        <v>86</v>
      </c>
      <c r="D2752" t="s">
        <v>10</v>
      </c>
      <c r="E2752" t="s">
        <v>11</v>
      </c>
      <c r="F2752" s="2">
        <v>1</v>
      </c>
      <c r="G2752" t="s">
        <v>100</v>
      </c>
      <c r="H2752" t="s">
        <v>13</v>
      </c>
    </row>
    <row r="2753" spans="1:8" x14ac:dyDescent="0.25">
      <c r="A2753" s="1">
        <v>44646</v>
      </c>
      <c r="B2753" t="s">
        <v>2026</v>
      </c>
      <c r="C2753" t="s">
        <v>79</v>
      </c>
      <c r="D2753" t="s">
        <v>10</v>
      </c>
      <c r="E2753" t="s">
        <v>11</v>
      </c>
      <c r="F2753" s="2">
        <v>1</v>
      </c>
      <c r="G2753" t="s">
        <v>191</v>
      </c>
      <c r="H2753" t="s">
        <v>13</v>
      </c>
    </row>
    <row r="2754" spans="1:8" x14ac:dyDescent="0.25">
      <c r="A2754" s="1">
        <v>44646</v>
      </c>
      <c r="B2754" t="s">
        <v>2026</v>
      </c>
      <c r="C2754" t="s">
        <v>80</v>
      </c>
      <c r="D2754" t="s">
        <v>10</v>
      </c>
      <c r="E2754" t="s">
        <v>11</v>
      </c>
      <c r="F2754" s="2">
        <v>1</v>
      </c>
      <c r="G2754" t="s">
        <v>191</v>
      </c>
      <c r="H2754" t="s">
        <v>13</v>
      </c>
    </row>
    <row r="2755" spans="1:8" x14ac:dyDescent="0.25">
      <c r="A2755" s="1">
        <v>44645</v>
      </c>
      <c r="B2755" t="s">
        <v>2027</v>
      </c>
      <c r="C2755" t="s">
        <v>19</v>
      </c>
      <c r="D2755" t="s">
        <v>10</v>
      </c>
      <c r="E2755" t="s">
        <v>11</v>
      </c>
      <c r="F2755" s="2">
        <v>1</v>
      </c>
      <c r="G2755" t="s">
        <v>661</v>
      </c>
      <c r="H2755" t="s">
        <v>13</v>
      </c>
    </row>
    <row r="2756" spans="1:8" x14ac:dyDescent="0.25">
      <c r="A2756" s="1">
        <v>44645</v>
      </c>
      <c r="B2756" t="s">
        <v>2028</v>
      </c>
      <c r="C2756" t="s">
        <v>268</v>
      </c>
      <c r="D2756" t="s">
        <v>10</v>
      </c>
      <c r="E2756" t="s">
        <v>11</v>
      </c>
      <c r="F2756" s="2">
        <v>1</v>
      </c>
      <c r="G2756" t="s">
        <v>31</v>
      </c>
      <c r="H2756" t="s">
        <v>13</v>
      </c>
    </row>
    <row r="2757" spans="1:8" x14ac:dyDescent="0.25">
      <c r="A2757" s="1">
        <v>44643</v>
      </c>
      <c r="B2757" t="s">
        <v>2029</v>
      </c>
      <c r="C2757" t="s">
        <v>1040</v>
      </c>
      <c r="D2757" t="s">
        <v>10</v>
      </c>
      <c r="E2757" t="s">
        <v>11</v>
      </c>
      <c r="F2757" s="2">
        <v>1</v>
      </c>
      <c r="G2757" t="s">
        <v>636</v>
      </c>
      <c r="H2757" t="s">
        <v>13</v>
      </c>
    </row>
    <row r="2758" spans="1:8" x14ac:dyDescent="0.25">
      <c r="A2758" s="1">
        <v>44643</v>
      </c>
      <c r="B2758" t="s">
        <v>2029</v>
      </c>
      <c r="C2758" t="s">
        <v>1040</v>
      </c>
      <c r="D2758" t="s">
        <v>10</v>
      </c>
      <c r="E2758" t="s">
        <v>11</v>
      </c>
      <c r="F2758" s="2">
        <v>1</v>
      </c>
      <c r="G2758" t="s">
        <v>636</v>
      </c>
      <c r="H2758" t="s">
        <v>13</v>
      </c>
    </row>
    <row r="2759" spans="1:8" x14ac:dyDescent="0.25">
      <c r="A2759" s="1">
        <v>44643</v>
      </c>
      <c r="B2759" t="s">
        <v>2030</v>
      </c>
      <c r="C2759" t="s">
        <v>9</v>
      </c>
      <c r="D2759" t="s">
        <v>10</v>
      </c>
      <c r="E2759" t="s">
        <v>11</v>
      </c>
      <c r="F2759" s="2">
        <v>1</v>
      </c>
      <c r="G2759" t="s">
        <v>20</v>
      </c>
      <c r="H2759" t="s">
        <v>13</v>
      </c>
    </row>
    <row r="2760" spans="1:8" x14ac:dyDescent="0.25">
      <c r="A2760" s="1">
        <v>44642</v>
      </c>
      <c r="B2760" t="s">
        <v>2031</v>
      </c>
      <c r="C2760" t="s">
        <v>9</v>
      </c>
      <c r="D2760" t="s">
        <v>10</v>
      </c>
      <c r="E2760" t="s">
        <v>11</v>
      </c>
      <c r="F2760" s="2">
        <v>1</v>
      </c>
      <c r="G2760" t="s">
        <v>197</v>
      </c>
      <c r="H2760" t="s">
        <v>13</v>
      </c>
    </row>
    <row r="2761" spans="1:8" x14ac:dyDescent="0.25">
      <c r="A2761" s="1">
        <v>44640</v>
      </c>
      <c r="B2761" t="s">
        <v>2032</v>
      </c>
      <c r="C2761" t="s">
        <v>47</v>
      </c>
      <c r="D2761" t="s">
        <v>10</v>
      </c>
      <c r="E2761" t="s">
        <v>11</v>
      </c>
      <c r="F2761" s="2">
        <v>1</v>
      </c>
      <c r="G2761" t="s">
        <v>83</v>
      </c>
      <c r="H2761" t="s">
        <v>13</v>
      </c>
    </row>
    <row r="2762" spans="1:8" x14ac:dyDescent="0.25">
      <c r="A2762" s="1">
        <v>44639</v>
      </c>
      <c r="B2762" t="s">
        <v>2033</v>
      </c>
      <c r="C2762" t="s">
        <v>79</v>
      </c>
      <c r="D2762" t="s">
        <v>10</v>
      </c>
      <c r="E2762" t="s">
        <v>11</v>
      </c>
      <c r="F2762" s="2">
        <v>1</v>
      </c>
      <c r="G2762" t="s">
        <v>111</v>
      </c>
      <c r="H2762" t="s">
        <v>13</v>
      </c>
    </row>
    <row r="2763" spans="1:8" x14ac:dyDescent="0.25">
      <c r="A2763" s="1">
        <v>44639</v>
      </c>
      <c r="B2763" t="s">
        <v>2033</v>
      </c>
      <c r="C2763" t="s">
        <v>80</v>
      </c>
      <c r="D2763" t="s">
        <v>10</v>
      </c>
      <c r="E2763" t="s">
        <v>11</v>
      </c>
      <c r="F2763" s="2">
        <v>1</v>
      </c>
      <c r="G2763" t="s">
        <v>111</v>
      </c>
      <c r="H2763" t="s">
        <v>13</v>
      </c>
    </row>
    <row r="2764" spans="1:8" x14ac:dyDescent="0.25">
      <c r="A2764" s="1">
        <v>44639</v>
      </c>
      <c r="B2764" t="s">
        <v>2034</v>
      </c>
      <c r="C2764" t="s">
        <v>19</v>
      </c>
      <c r="D2764" t="s">
        <v>10</v>
      </c>
      <c r="E2764" t="s">
        <v>11</v>
      </c>
      <c r="F2764" s="2">
        <v>1</v>
      </c>
      <c r="G2764" t="s">
        <v>20</v>
      </c>
      <c r="H2764" t="s">
        <v>13</v>
      </c>
    </row>
    <row r="2765" spans="1:8" x14ac:dyDescent="0.25">
      <c r="A2765" s="1">
        <v>44639</v>
      </c>
      <c r="B2765" t="s">
        <v>2035</v>
      </c>
      <c r="C2765" t="s">
        <v>9</v>
      </c>
      <c r="D2765" t="s">
        <v>10</v>
      </c>
      <c r="E2765" t="s">
        <v>11</v>
      </c>
      <c r="F2765" s="2">
        <v>1</v>
      </c>
      <c r="G2765" t="s">
        <v>100</v>
      </c>
      <c r="H2765" t="s">
        <v>13</v>
      </c>
    </row>
    <row r="2766" spans="1:8" x14ac:dyDescent="0.25">
      <c r="A2766" s="1">
        <v>44637</v>
      </c>
      <c r="B2766" t="s">
        <v>2036</v>
      </c>
      <c r="C2766" t="s">
        <v>14</v>
      </c>
      <c r="D2766" t="s">
        <v>10</v>
      </c>
      <c r="E2766" t="s">
        <v>11</v>
      </c>
      <c r="F2766" s="2">
        <v>1</v>
      </c>
      <c r="G2766" t="s">
        <v>31</v>
      </c>
      <c r="H2766" t="s">
        <v>13</v>
      </c>
    </row>
    <row r="2767" spans="1:8" x14ac:dyDescent="0.25">
      <c r="A2767" s="1">
        <v>44637</v>
      </c>
      <c r="B2767" t="s">
        <v>2036</v>
      </c>
      <c r="C2767" t="s">
        <v>14</v>
      </c>
      <c r="D2767" t="s">
        <v>10</v>
      </c>
      <c r="E2767" t="s">
        <v>11</v>
      </c>
      <c r="F2767" s="2">
        <v>1</v>
      </c>
      <c r="G2767" t="s">
        <v>31</v>
      </c>
      <c r="H2767" t="s">
        <v>13</v>
      </c>
    </row>
    <row r="2768" spans="1:8" x14ac:dyDescent="0.25">
      <c r="A2768" s="1">
        <v>44637</v>
      </c>
      <c r="B2768" t="s">
        <v>2037</v>
      </c>
      <c r="C2768" t="s">
        <v>174</v>
      </c>
      <c r="D2768" t="s">
        <v>10</v>
      </c>
      <c r="E2768" t="s">
        <v>11</v>
      </c>
      <c r="F2768" s="2">
        <v>1</v>
      </c>
      <c r="G2768" t="s">
        <v>40</v>
      </c>
      <c r="H2768" t="s">
        <v>13</v>
      </c>
    </row>
    <row r="2769" spans="1:8" x14ac:dyDescent="0.25">
      <c r="A2769" s="1">
        <v>44637</v>
      </c>
      <c r="B2769" t="s">
        <v>2038</v>
      </c>
      <c r="C2769" t="s">
        <v>64</v>
      </c>
      <c r="D2769" t="s">
        <v>10</v>
      </c>
      <c r="E2769" t="s">
        <v>11</v>
      </c>
      <c r="F2769" s="2">
        <v>1</v>
      </c>
      <c r="G2769" t="s">
        <v>46</v>
      </c>
      <c r="H2769" t="s">
        <v>13</v>
      </c>
    </row>
    <row r="2770" spans="1:8" x14ac:dyDescent="0.25">
      <c r="A2770" s="1">
        <v>44637</v>
      </c>
      <c r="B2770" t="s">
        <v>2039</v>
      </c>
      <c r="C2770" t="s">
        <v>9</v>
      </c>
      <c r="D2770" t="s">
        <v>10</v>
      </c>
      <c r="E2770" t="s">
        <v>11</v>
      </c>
      <c r="F2770" s="2">
        <v>1</v>
      </c>
      <c r="G2770" t="s">
        <v>194</v>
      </c>
      <c r="H2770" t="s">
        <v>13</v>
      </c>
    </row>
    <row r="2771" spans="1:8" x14ac:dyDescent="0.25">
      <c r="A2771" s="1">
        <v>44635</v>
      </c>
      <c r="B2771" t="s">
        <v>2040</v>
      </c>
      <c r="C2771" t="s">
        <v>174</v>
      </c>
      <c r="D2771" t="s">
        <v>10</v>
      </c>
      <c r="E2771" t="s">
        <v>11</v>
      </c>
      <c r="F2771" s="2">
        <v>1</v>
      </c>
      <c r="G2771" t="s">
        <v>966</v>
      </c>
      <c r="H2771" t="s">
        <v>13</v>
      </c>
    </row>
    <row r="2772" spans="1:8" x14ac:dyDescent="0.25">
      <c r="A2772" s="1">
        <v>44635</v>
      </c>
      <c r="B2772" t="s">
        <v>2041</v>
      </c>
      <c r="C2772" t="s">
        <v>416</v>
      </c>
      <c r="D2772" t="s">
        <v>10</v>
      </c>
      <c r="E2772" t="s">
        <v>11</v>
      </c>
      <c r="F2772" s="2">
        <v>1</v>
      </c>
      <c r="G2772" t="s">
        <v>37</v>
      </c>
      <c r="H2772" t="s">
        <v>13</v>
      </c>
    </row>
    <row r="2773" spans="1:8" x14ac:dyDescent="0.25">
      <c r="A2773" s="1">
        <v>44633</v>
      </c>
      <c r="B2773" t="s">
        <v>2042</v>
      </c>
      <c r="C2773" t="s">
        <v>9</v>
      </c>
      <c r="D2773" t="s">
        <v>10</v>
      </c>
      <c r="E2773" t="s">
        <v>11</v>
      </c>
      <c r="F2773" s="2">
        <v>1</v>
      </c>
      <c r="G2773" t="s">
        <v>27</v>
      </c>
      <c r="H2773" t="s">
        <v>13</v>
      </c>
    </row>
    <row r="2774" spans="1:8" x14ac:dyDescent="0.25">
      <c r="A2774" s="1">
        <v>44633</v>
      </c>
      <c r="B2774" t="s">
        <v>2042</v>
      </c>
      <c r="C2774" t="s">
        <v>35</v>
      </c>
      <c r="D2774" t="s">
        <v>10</v>
      </c>
      <c r="E2774" t="s">
        <v>11</v>
      </c>
      <c r="F2774" s="2">
        <v>1</v>
      </c>
      <c r="G2774" t="s">
        <v>27</v>
      </c>
      <c r="H2774" t="s">
        <v>13</v>
      </c>
    </row>
    <row r="2775" spans="1:8" x14ac:dyDescent="0.25">
      <c r="A2775" s="1">
        <v>44630</v>
      </c>
      <c r="B2775" t="s">
        <v>2043</v>
      </c>
      <c r="C2775" t="s">
        <v>35</v>
      </c>
      <c r="D2775" t="s">
        <v>10</v>
      </c>
      <c r="E2775" t="s">
        <v>11</v>
      </c>
      <c r="F2775" s="2">
        <v>1</v>
      </c>
      <c r="G2775" t="s">
        <v>131</v>
      </c>
      <c r="H2775" t="s">
        <v>13</v>
      </c>
    </row>
    <row r="2776" spans="1:8" x14ac:dyDescent="0.25">
      <c r="A2776" s="1">
        <v>44630</v>
      </c>
      <c r="B2776" t="s">
        <v>2044</v>
      </c>
      <c r="C2776" t="s">
        <v>9</v>
      </c>
      <c r="D2776" t="s">
        <v>10</v>
      </c>
      <c r="E2776" t="s">
        <v>11</v>
      </c>
      <c r="F2776" s="2">
        <v>1</v>
      </c>
      <c r="G2776" t="s">
        <v>20</v>
      </c>
      <c r="H2776" t="s">
        <v>13</v>
      </c>
    </row>
    <row r="2777" spans="1:8" x14ac:dyDescent="0.25">
      <c r="A2777" s="1">
        <v>44630</v>
      </c>
      <c r="B2777" t="s">
        <v>2044</v>
      </c>
      <c r="C2777" t="s">
        <v>35</v>
      </c>
      <c r="D2777" t="s">
        <v>10</v>
      </c>
      <c r="E2777" t="s">
        <v>11</v>
      </c>
      <c r="F2777" s="2">
        <v>1</v>
      </c>
      <c r="G2777" t="s">
        <v>20</v>
      </c>
      <c r="H2777" t="s">
        <v>13</v>
      </c>
    </row>
    <row r="2778" spans="1:8" x14ac:dyDescent="0.25">
      <c r="A2778" s="1">
        <v>44629</v>
      </c>
      <c r="B2778" t="s">
        <v>2045</v>
      </c>
      <c r="C2778" t="s">
        <v>47</v>
      </c>
      <c r="D2778" t="s">
        <v>10</v>
      </c>
      <c r="E2778" t="s">
        <v>11</v>
      </c>
      <c r="F2778" s="2">
        <v>1</v>
      </c>
      <c r="G2778" t="s">
        <v>83</v>
      </c>
      <c r="H2778" t="s">
        <v>13</v>
      </c>
    </row>
    <row r="2779" spans="1:8" x14ac:dyDescent="0.25">
      <c r="A2779" s="1">
        <v>44629</v>
      </c>
      <c r="B2779" t="s">
        <v>2046</v>
      </c>
      <c r="C2779" t="s">
        <v>9</v>
      </c>
      <c r="D2779" t="s">
        <v>26</v>
      </c>
      <c r="E2779" t="s">
        <v>11</v>
      </c>
      <c r="F2779" s="2">
        <v>1</v>
      </c>
      <c r="G2779" t="s">
        <v>46</v>
      </c>
      <c r="H2779" t="s">
        <v>13</v>
      </c>
    </row>
    <row r="2780" spans="1:8" x14ac:dyDescent="0.25">
      <c r="A2780" s="1">
        <v>44629</v>
      </c>
      <c r="B2780" t="s">
        <v>2046</v>
      </c>
      <c r="C2780" t="s">
        <v>29</v>
      </c>
      <c r="D2780" t="s">
        <v>26</v>
      </c>
      <c r="E2780" t="s">
        <v>11</v>
      </c>
      <c r="F2780" s="2">
        <v>1</v>
      </c>
      <c r="G2780" t="s">
        <v>46</v>
      </c>
      <c r="H2780" t="s">
        <v>13</v>
      </c>
    </row>
    <row r="2781" spans="1:8" x14ac:dyDescent="0.25">
      <c r="A2781" s="1">
        <v>44629</v>
      </c>
      <c r="B2781" t="s">
        <v>2046</v>
      </c>
      <c r="C2781" t="s">
        <v>35</v>
      </c>
      <c r="D2781" t="s">
        <v>26</v>
      </c>
      <c r="E2781" t="s">
        <v>11</v>
      </c>
      <c r="F2781" s="2">
        <v>1</v>
      </c>
      <c r="G2781" t="s">
        <v>46</v>
      </c>
      <c r="H2781" t="s">
        <v>13</v>
      </c>
    </row>
    <row r="2782" spans="1:8" x14ac:dyDescent="0.25">
      <c r="A2782" s="1">
        <v>44628</v>
      </c>
      <c r="B2782" t="s">
        <v>2047</v>
      </c>
      <c r="C2782" t="s">
        <v>9</v>
      </c>
      <c r="D2782" t="s">
        <v>10</v>
      </c>
      <c r="E2782" t="s">
        <v>11</v>
      </c>
      <c r="F2782" s="2">
        <v>1</v>
      </c>
      <c r="G2782" t="s">
        <v>347</v>
      </c>
      <c r="H2782" t="s">
        <v>13</v>
      </c>
    </row>
    <row r="2783" spans="1:8" x14ac:dyDescent="0.25">
      <c r="A2783" s="1">
        <v>44628</v>
      </c>
      <c r="B2783" t="s">
        <v>2047</v>
      </c>
      <c r="C2783" t="s">
        <v>14</v>
      </c>
      <c r="D2783" t="s">
        <v>10</v>
      </c>
      <c r="E2783" t="s">
        <v>11</v>
      </c>
      <c r="F2783" s="2">
        <v>1</v>
      </c>
      <c r="G2783" t="s">
        <v>347</v>
      </c>
      <c r="H2783" t="s">
        <v>13</v>
      </c>
    </row>
    <row r="2784" spans="1:8" x14ac:dyDescent="0.25">
      <c r="A2784" s="1">
        <v>44628</v>
      </c>
      <c r="B2784" t="s">
        <v>2048</v>
      </c>
      <c r="C2784" t="s">
        <v>9</v>
      </c>
      <c r="D2784" t="s">
        <v>10</v>
      </c>
      <c r="E2784" t="s">
        <v>11</v>
      </c>
      <c r="F2784" s="2">
        <v>1</v>
      </c>
      <c r="G2784" t="s">
        <v>191</v>
      </c>
      <c r="H2784" t="s">
        <v>13</v>
      </c>
    </row>
    <row r="2785" spans="1:8" x14ac:dyDescent="0.25">
      <c r="A2785" s="1">
        <v>44628</v>
      </c>
      <c r="B2785" t="s">
        <v>2048</v>
      </c>
      <c r="C2785" t="s">
        <v>16</v>
      </c>
      <c r="D2785" t="s">
        <v>10</v>
      </c>
      <c r="E2785" t="s">
        <v>11</v>
      </c>
      <c r="F2785" s="2">
        <v>1</v>
      </c>
      <c r="G2785" t="s">
        <v>191</v>
      </c>
      <c r="H2785" t="s">
        <v>13</v>
      </c>
    </row>
    <row r="2786" spans="1:8" x14ac:dyDescent="0.25">
      <c r="A2786" s="1">
        <v>44627</v>
      </c>
      <c r="B2786" t="s">
        <v>2049</v>
      </c>
      <c r="C2786" t="s">
        <v>79</v>
      </c>
      <c r="D2786" t="s">
        <v>10</v>
      </c>
      <c r="E2786" t="s">
        <v>11</v>
      </c>
      <c r="F2786" s="2">
        <v>1</v>
      </c>
      <c r="G2786" t="s">
        <v>109</v>
      </c>
      <c r="H2786" t="s">
        <v>13</v>
      </c>
    </row>
    <row r="2787" spans="1:8" x14ac:dyDescent="0.25">
      <c r="A2787" s="1">
        <v>44627</v>
      </c>
      <c r="B2787" t="s">
        <v>2049</v>
      </c>
      <c r="C2787" t="s">
        <v>80</v>
      </c>
      <c r="D2787" t="s">
        <v>10</v>
      </c>
      <c r="E2787" t="s">
        <v>11</v>
      </c>
      <c r="F2787" s="2">
        <v>1</v>
      </c>
      <c r="G2787" t="s">
        <v>109</v>
      </c>
      <c r="H2787" t="s">
        <v>13</v>
      </c>
    </row>
    <row r="2788" spans="1:8" x14ac:dyDescent="0.25">
      <c r="A2788" s="1">
        <v>44627</v>
      </c>
      <c r="B2788" t="s">
        <v>2050</v>
      </c>
      <c r="C2788" t="s">
        <v>79</v>
      </c>
      <c r="D2788" t="s">
        <v>10</v>
      </c>
      <c r="E2788" t="s">
        <v>11</v>
      </c>
      <c r="F2788" s="2">
        <v>1</v>
      </c>
      <c r="G2788" t="s">
        <v>111</v>
      </c>
      <c r="H2788" t="s">
        <v>13</v>
      </c>
    </row>
    <row r="2789" spans="1:8" x14ac:dyDescent="0.25">
      <c r="A2789" s="1">
        <v>44627</v>
      </c>
      <c r="B2789" t="s">
        <v>2050</v>
      </c>
      <c r="C2789" t="s">
        <v>80</v>
      </c>
      <c r="D2789" t="s">
        <v>10</v>
      </c>
      <c r="E2789" t="s">
        <v>11</v>
      </c>
      <c r="F2789" s="2">
        <v>1</v>
      </c>
      <c r="G2789" t="s">
        <v>111</v>
      </c>
      <c r="H2789" t="s">
        <v>13</v>
      </c>
    </row>
    <row r="2790" spans="1:8" x14ac:dyDescent="0.25">
      <c r="A2790" s="1">
        <v>44627</v>
      </c>
      <c r="B2790" t="s">
        <v>2051</v>
      </c>
      <c r="C2790" t="s">
        <v>9</v>
      </c>
      <c r="D2790" t="s">
        <v>10</v>
      </c>
      <c r="E2790" t="s">
        <v>11</v>
      </c>
      <c r="F2790" s="2">
        <v>1</v>
      </c>
      <c r="G2790" t="s">
        <v>661</v>
      </c>
      <c r="H2790" t="s">
        <v>13</v>
      </c>
    </row>
    <row r="2791" spans="1:8" x14ac:dyDescent="0.25">
      <c r="A2791" s="1">
        <v>44627</v>
      </c>
      <c r="B2791" t="s">
        <v>2052</v>
      </c>
      <c r="C2791" t="s">
        <v>16</v>
      </c>
      <c r="D2791" t="s">
        <v>10</v>
      </c>
      <c r="E2791" t="s">
        <v>11</v>
      </c>
      <c r="F2791" s="2">
        <v>1</v>
      </c>
      <c r="G2791" t="s">
        <v>111</v>
      </c>
      <c r="H2791" t="s">
        <v>13</v>
      </c>
    </row>
    <row r="2792" spans="1:8" x14ac:dyDescent="0.25">
      <c r="A2792" s="1">
        <v>44627</v>
      </c>
      <c r="B2792" t="s">
        <v>2053</v>
      </c>
      <c r="C2792" t="s">
        <v>28</v>
      </c>
      <c r="D2792" t="s">
        <v>10</v>
      </c>
      <c r="E2792" t="s">
        <v>11</v>
      </c>
      <c r="F2792" s="2">
        <v>1</v>
      </c>
      <c r="G2792" t="s">
        <v>309</v>
      </c>
      <c r="H2792" t="s">
        <v>13</v>
      </c>
    </row>
    <row r="2793" spans="1:8" x14ac:dyDescent="0.25">
      <c r="A2793" s="1">
        <v>44626</v>
      </c>
      <c r="B2793" t="s">
        <v>2054</v>
      </c>
      <c r="C2793" t="s">
        <v>9</v>
      </c>
      <c r="D2793" t="s">
        <v>10</v>
      </c>
      <c r="E2793" t="s">
        <v>11</v>
      </c>
      <c r="F2793" s="2">
        <v>1</v>
      </c>
      <c r="G2793" t="s">
        <v>67</v>
      </c>
      <c r="H2793" t="s">
        <v>13</v>
      </c>
    </row>
    <row r="2794" spans="1:8" x14ac:dyDescent="0.25">
      <c r="A2794" s="1">
        <v>44624</v>
      </c>
      <c r="B2794" t="s">
        <v>2055</v>
      </c>
      <c r="C2794" t="s">
        <v>19</v>
      </c>
      <c r="D2794" t="s">
        <v>10</v>
      </c>
      <c r="E2794" t="s">
        <v>11</v>
      </c>
      <c r="F2794" s="2">
        <v>1</v>
      </c>
      <c r="G2794" t="s">
        <v>31</v>
      </c>
      <c r="H2794" t="s">
        <v>13</v>
      </c>
    </row>
    <row r="2795" spans="1:8" x14ac:dyDescent="0.25">
      <c r="A2795" s="1">
        <v>44624</v>
      </c>
      <c r="B2795" t="s">
        <v>2056</v>
      </c>
      <c r="C2795" t="s">
        <v>19</v>
      </c>
      <c r="D2795" t="s">
        <v>10</v>
      </c>
      <c r="E2795" t="s">
        <v>11</v>
      </c>
      <c r="F2795" s="2">
        <v>1</v>
      </c>
      <c r="G2795" t="s">
        <v>46</v>
      </c>
      <c r="H2795" t="s">
        <v>13</v>
      </c>
    </row>
    <row r="2796" spans="1:8" x14ac:dyDescent="0.25">
      <c r="A2796" s="1">
        <v>44624</v>
      </c>
      <c r="B2796" t="s">
        <v>2057</v>
      </c>
      <c r="C2796" t="s">
        <v>9</v>
      </c>
      <c r="D2796" t="s">
        <v>10</v>
      </c>
      <c r="E2796" t="s">
        <v>11</v>
      </c>
      <c r="F2796" s="2">
        <v>1</v>
      </c>
      <c r="G2796" t="s">
        <v>20</v>
      </c>
      <c r="H2796" t="s">
        <v>13</v>
      </c>
    </row>
    <row r="2797" spans="1:8" x14ac:dyDescent="0.25">
      <c r="A2797" s="1">
        <v>44624</v>
      </c>
      <c r="B2797" t="s">
        <v>2057</v>
      </c>
      <c r="C2797" t="s">
        <v>47</v>
      </c>
      <c r="D2797" t="s">
        <v>10</v>
      </c>
      <c r="E2797" t="s">
        <v>11</v>
      </c>
      <c r="F2797" s="2">
        <v>1</v>
      </c>
      <c r="G2797" t="s">
        <v>20</v>
      </c>
      <c r="H2797" t="s">
        <v>13</v>
      </c>
    </row>
    <row r="2798" spans="1:8" x14ac:dyDescent="0.25">
      <c r="A2798" s="1">
        <v>44624</v>
      </c>
      <c r="B2798" t="s">
        <v>2058</v>
      </c>
      <c r="C2798" t="s">
        <v>9</v>
      </c>
      <c r="D2798" t="s">
        <v>10</v>
      </c>
      <c r="E2798" t="s">
        <v>11</v>
      </c>
      <c r="F2798" s="2">
        <v>1</v>
      </c>
      <c r="G2798" t="s">
        <v>2059</v>
      </c>
      <c r="H2798" t="s">
        <v>13</v>
      </c>
    </row>
    <row r="2799" spans="1:8" x14ac:dyDescent="0.25">
      <c r="A2799" s="1">
        <v>44623</v>
      </c>
      <c r="B2799" t="s">
        <v>2060</v>
      </c>
      <c r="C2799" t="s">
        <v>19</v>
      </c>
      <c r="D2799" t="s">
        <v>10</v>
      </c>
      <c r="E2799" t="s">
        <v>11</v>
      </c>
      <c r="F2799" s="2">
        <v>1</v>
      </c>
      <c r="G2799" t="s">
        <v>67</v>
      </c>
      <c r="H2799" t="s">
        <v>13</v>
      </c>
    </row>
    <row r="2800" spans="1:8" x14ac:dyDescent="0.25">
      <c r="A2800" s="1">
        <v>44623</v>
      </c>
      <c r="B2800" t="s">
        <v>2061</v>
      </c>
      <c r="C2800" t="s">
        <v>35</v>
      </c>
      <c r="D2800" t="s">
        <v>26</v>
      </c>
      <c r="E2800" t="s">
        <v>11</v>
      </c>
      <c r="F2800" s="2">
        <v>1</v>
      </c>
      <c r="G2800" t="s">
        <v>46</v>
      </c>
      <c r="H2800" t="s">
        <v>13</v>
      </c>
    </row>
    <row r="2801" spans="1:8" x14ac:dyDescent="0.25">
      <c r="A2801" s="1">
        <v>44623</v>
      </c>
      <c r="B2801" t="s">
        <v>2062</v>
      </c>
      <c r="C2801" t="s">
        <v>9</v>
      </c>
      <c r="D2801" t="s">
        <v>10</v>
      </c>
      <c r="E2801" t="s">
        <v>11</v>
      </c>
      <c r="F2801" s="2">
        <v>1</v>
      </c>
      <c r="G2801" t="s">
        <v>603</v>
      </c>
      <c r="H2801" t="s">
        <v>13</v>
      </c>
    </row>
    <row r="2802" spans="1:8" x14ac:dyDescent="0.25">
      <c r="A2802" s="1">
        <v>44623</v>
      </c>
      <c r="B2802" t="s">
        <v>2063</v>
      </c>
      <c r="C2802" t="s">
        <v>9</v>
      </c>
      <c r="D2802" t="s">
        <v>10</v>
      </c>
      <c r="E2802" t="s">
        <v>11</v>
      </c>
      <c r="F2802" s="2">
        <v>1</v>
      </c>
      <c r="G2802" t="s">
        <v>20</v>
      </c>
      <c r="H2802" t="s">
        <v>13</v>
      </c>
    </row>
    <row r="2803" spans="1:8" x14ac:dyDescent="0.25">
      <c r="A2803" s="1">
        <v>44623</v>
      </c>
      <c r="B2803" t="s">
        <v>2063</v>
      </c>
      <c r="C2803" t="s">
        <v>836</v>
      </c>
      <c r="D2803" t="s">
        <v>10</v>
      </c>
      <c r="E2803" t="s">
        <v>11</v>
      </c>
      <c r="F2803" s="2">
        <v>1</v>
      </c>
      <c r="G2803" t="s">
        <v>20</v>
      </c>
      <c r="H2803" t="s">
        <v>13</v>
      </c>
    </row>
    <row r="2804" spans="1:8" x14ac:dyDescent="0.25">
      <c r="A2804" s="1">
        <v>44623</v>
      </c>
      <c r="B2804" t="s">
        <v>2064</v>
      </c>
      <c r="C2804" t="s">
        <v>9</v>
      </c>
      <c r="D2804" t="s">
        <v>10</v>
      </c>
      <c r="E2804" t="s">
        <v>11</v>
      </c>
      <c r="F2804" s="2">
        <v>1</v>
      </c>
      <c r="G2804" t="s">
        <v>20</v>
      </c>
      <c r="H2804" t="s">
        <v>13</v>
      </c>
    </row>
    <row r="2805" spans="1:8" x14ac:dyDescent="0.25">
      <c r="A2805" s="1">
        <v>44623</v>
      </c>
      <c r="B2805" t="s">
        <v>2065</v>
      </c>
      <c r="C2805" t="s">
        <v>413</v>
      </c>
      <c r="D2805" t="s">
        <v>10</v>
      </c>
      <c r="E2805" t="s">
        <v>11</v>
      </c>
      <c r="F2805" s="2">
        <v>1</v>
      </c>
      <c r="G2805" t="s">
        <v>37</v>
      </c>
      <c r="H2805" t="s">
        <v>13</v>
      </c>
    </row>
    <row r="2806" spans="1:8" x14ac:dyDescent="0.25">
      <c r="A2806" s="1">
        <v>44622</v>
      </c>
      <c r="B2806" t="s">
        <v>2066</v>
      </c>
      <c r="C2806" t="s">
        <v>79</v>
      </c>
      <c r="D2806" t="s">
        <v>10</v>
      </c>
      <c r="E2806" t="s">
        <v>11</v>
      </c>
      <c r="F2806" s="2">
        <v>1</v>
      </c>
      <c r="G2806" t="s">
        <v>31</v>
      </c>
      <c r="H2806" t="s">
        <v>13</v>
      </c>
    </row>
    <row r="2807" spans="1:8" x14ac:dyDescent="0.25">
      <c r="A2807" s="1">
        <v>44622</v>
      </c>
      <c r="B2807" t="s">
        <v>2066</v>
      </c>
      <c r="C2807" t="s">
        <v>80</v>
      </c>
      <c r="D2807" t="s">
        <v>10</v>
      </c>
      <c r="E2807" t="s">
        <v>11</v>
      </c>
      <c r="F2807" s="2">
        <v>1</v>
      </c>
      <c r="G2807" t="s">
        <v>31</v>
      </c>
      <c r="H2807" t="s">
        <v>13</v>
      </c>
    </row>
    <row r="2808" spans="1:8" x14ac:dyDescent="0.25">
      <c r="A2808" s="1">
        <v>44622</v>
      </c>
      <c r="B2808" t="s">
        <v>2067</v>
      </c>
      <c r="C2808" t="s">
        <v>58</v>
      </c>
      <c r="D2808" t="s">
        <v>10</v>
      </c>
      <c r="E2808" t="s">
        <v>11</v>
      </c>
      <c r="F2808" s="2">
        <v>1</v>
      </c>
      <c r="G2808" t="s">
        <v>197</v>
      </c>
      <c r="H2808" t="s">
        <v>13</v>
      </c>
    </row>
    <row r="2809" spans="1:8" x14ac:dyDescent="0.25">
      <c r="A2809" s="1">
        <v>44622</v>
      </c>
      <c r="B2809" t="s">
        <v>2068</v>
      </c>
      <c r="C2809" t="s">
        <v>92</v>
      </c>
      <c r="D2809" t="s">
        <v>10</v>
      </c>
      <c r="E2809" t="s">
        <v>11</v>
      </c>
      <c r="F2809" s="2">
        <v>1</v>
      </c>
      <c r="G2809" t="s">
        <v>701</v>
      </c>
      <c r="H2809" t="s">
        <v>13</v>
      </c>
    </row>
    <row r="2810" spans="1:8" x14ac:dyDescent="0.25">
      <c r="A2810" s="1">
        <v>44622</v>
      </c>
      <c r="B2810" t="s">
        <v>2068</v>
      </c>
      <c r="C2810" t="s">
        <v>92</v>
      </c>
      <c r="D2810" t="s">
        <v>10</v>
      </c>
      <c r="E2810" t="s">
        <v>11</v>
      </c>
      <c r="F2810" s="2">
        <v>1</v>
      </c>
      <c r="G2810" t="s">
        <v>701</v>
      </c>
      <c r="H2810" t="s">
        <v>13</v>
      </c>
    </row>
    <row r="2811" spans="1:8" x14ac:dyDescent="0.25">
      <c r="A2811" s="1">
        <v>44621</v>
      </c>
      <c r="B2811" t="s">
        <v>2069</v>
      </c>
      <c r="C2811" t="s">
        <v>9</v>
      </c>
      <c r="D2811" t="s">
        <v>10</v>
      </c>
      <c r="E2811" t="s">
        <v>11</v>
      </c>
      <c r="F2811" s="2">
        <v>1</v>
      </c>
      <c r="G2811" t="s">
        <v>137</v>
      </c>
      <c r="H2811" t="s">
        <v>13</v>
      </c>
    </row>
    <row r="2812" spans="1:8" x14ac:dyDescent="0.25">
      <c r="A2812" s="1">
        <v>44621</v>
      </c>
      <c r="B2812" t="s">
        <v>2069</v>
      </c>
      <c r="C2812" t="s">
        <v>410</v>
      </c>
      <c r="D2812" t="s">
        <v>10</v>
      </c>
      <c r="E2812" t="s">
        <v>11</v>
      </c>
      <c r="F2812" s="2">
        <v>1</v>
      </c>
      <c r="G2812" t="s">
        <v>137</v>
      </c>
      <c r="H2812" t="s">
        <v>13</v>
      </c>
    </row>
    <row r="2813" spans="1:8" x14ac:dyDescent="0.25">
      <c r="A2813" s="1">
        <v>44621</v>
      </c>
      <c r="B2813" t="s">
        <v>2070</v>
      </c>
      <c r="C2813" t="s">
        <v>19</v>
      </c>
      <c r="D2813" t="s">
        <v>10</v>
      </c>
      <c r="E2813" t="s">
        <v>11</v>
      </c>
      <c r="F2813" s="2">
        <v>1</v>
      </c>
      <c r="G2813" t="s">
        <v>1188</v>
      </c>
      <c r="H2813" t="s">
        <v>13</v>
      </c>
    </row>
    <row r="2814" spans="1:8" x14ac:dyDescent="0.25">
      <c r="A2814" s="1">
        <v>44621</v>
      </c>
      <c r="B2814" t="s">
        <v>2071</v>
      </c>
      <c r="C2814" t="s">
        <v>1499</v>
      </c>
      <c r="D2814" t="s">
        <v>10</v>
      </c>
      <c r="E2814" t="s">
        <v>11</v>
      </c>
      <c r="F2814" s="2">
        <v>1</v>
      </c>
      <c r="G2814" t="s">
        <v>181</v>
      </c>
      <c r="H2814" t="s">
        <v>13</v>
      </c>
    </row>
    <row r="2815" spans="1:8" x14ac:dyDescent="0.25">
      <c r="A2815" s="1">
        <v>44621</v>
      </c>
      <c r="B2815" t="s">
        <v>2071</v>
      </c>
      <c r="C2815" t="s">
        <v>1499</v>
      </c>
      <c r="D2815" t="s">
        <v>10</v>
      </c>
      <c r="E2815" t="s">
        <v>11</v>
      </c>
      <c r="F2815" s="2">
        <v>1</v>
      </c>
      <c r="G2815" t="s">
        <v>181</v>
      </c>
      <c r="H2815" t="s">
        <v>13</v>
      </c>
    </row>
    <row r="2816" spans="1:8" x14ac:dyDescent="0.25">
      <c r="A2816" s="1">
        <v>44621</v>
      </c>
      <c r="B2816" t="s">
        <v>2071</v>
      </c>
      <c r="C2816" t="s">
        <v>47</v>
      </c>
      <c r="D2816" t="s">
        <v>10</v>
      </c>
      <c r="E2816" t="s">
        <v>11</v>
      </c>
      <c r="F2816" s="2">
        <v>1</v>
      </c>
      <c r="G2816" t="s">
        <v>181</v>
      </c>
      <c r="H2816" t="s">
        <v>13</v>
      </c>
    </row>
    <row r="2817" spans="1:8" x14ac:dyDescent="0.25">
      <c r="A2817" s="1">
        <v>44621</v>
      </c>
      <c r="B2817" t="s">
        <v>2071</v>
      </c>
      <c r="C2817" t="s">
        <v>47</v>
      </c>
      <c r="D2817" t="s">
        <v>10</v>
      </c>
      <c r="E2817" t="s">
        <v>11</v>
      </c>
      <c r="F2817" s="2">
        <v>1</v>
      </c>
      <c r="G2817" t="s">
        <v>181</v>
      </c>
      <c r="H2817" t="s">
        <v>13</v>
      </c>
    </row>
    <row r="2818" spans="1:8" x14ac:dyDescent="0.25">
      <c r="A2818" s="1">
        <v>44620</v>
      </c>
      <c r="B2818" t="s">
        <v>2072</v>
      </c>
      <c r="C2818" t="s">
        <v>9</v>
      </c>
      <c r="D2818" t="s">
        <v>10</v>
      </c>
      <c r="E2818" t="s">
        <v>11</v>
      </c>
      <c r="F2818" s="2">
        <v>1</v>
      </c>
      <c r="G2818" t="s">
        <v>2059</v>
      </c>
      <c r="H2818" t="s">
        <v>13</v>
      </c>
    </row>
    <row r="2819" spans="1:8" x14ac:dyDescent="0.25">
      <c r="A2819" s="1">
        <v>44620</v>
      </c>
      <c r="B2819" t="s">
        <v>2072</v>
      </c>
      <c r="C2819" t="s">
        <v>9</v>
      </c>
      <c r="D2819" t="s">
        <v>10</v>
      </c>
      <c r="E2819" t="s">
        <v>11</v>
      </c>
      <c r="F2819" s="2">
        <v>1</v>
      </c>
      <c r="G2819" t="s">
        <v>2059</v>
      </c>
      <c r="H2819" t="s">
        <v>13</v>
      </c>
    </row>
    <row r="2820" spans="1:8" x14ac:dyDescent="0.25">
      <c r="A2820" s="1">
        <v>44620</v>
      </c>
      <c r="B2820" t="s">
        <v>2073</v>
      </c>
      <c r="C2820" t="s">
        <v>19</v>
      </c>
      <c r="D2820" t="s">
        <v>10</v>
      </c>
      <c r="E2820" t="s">
        <v>11</v>
      </c>
      <c r="F2820" s="2">
        <v>1</v>
      </c>
      <c r="G2820" t="s">
        <v>93</v>
      </c>
      <c r="H2820" t="s">
        <v>13</v>
      </c>
    </row>
    <row r="2821" spans="1:8" x14ac:dyDescent="0.25">
      <c r="A2821" s="1">
        <v>44618</v>
      </c>
      <c r="B2821" t="s">
        <v>2074</v>
      </c>
      <c r="C2821" t="s">
        <v>481</v>
      </c>
      <c r="D2821" t="s">
        <v>10</v>
      </c>
      <c r="E2821" t="s">
        <v>11</v>
      </c>
      <c r="F2821" s="2">
        <v>1</v>
      </c>
      <c r="G2821" t="s">
        <v>303</v>
      </c>
      <c r="H2821" t="s">
        <v>13</v>
      </c>
    </row>
    <row r="2822" spans="1:8" x14ac:dyDescent="0.25">
      <c r="A2822" s="1">
        <v>44618</v>
      </c>
      <c r="B2822" t="s">
        <v>2075</v>
      </c>
      <c r="C2822" t="s">
        <v>9</v>
      </c>
      <c r="D2822" t="s">
        <v>10</v>
      </c>
      <c r="E2822" t="s">
        <v>11</v>
      </c>
      <c r="F2822" s="2">
        <v>1</v>
      </c>
      <c r="G2822" t="s">
        <v>374</v>
      </c>
      <c r="H2822" t="s">
        <v>13</v>
      </c>
    </row>
    <row r="2823" spans="1:8" x14ac:dyDescent="0.25">
      <c r="A2823" s="1">
        <v>44617</v>
      </c>
      <c r="B2823" t="s">
        <v>2076</v>
      </c>
      <c r="C2823" t="s">
        <v>174</v>
      </c>
      <c r="D2823" t="s">
        <v>10</v>
      </c>
      <c r="E2823" t="s">
        <v>11</v>
      </c>
      <c r="F2823" s="2">
        <v>1</v>
      </c>
      <c r="G2823" t="s">
        <v>111</v>
      </c>
      <c r="H2823" t="s">
        <v>13</v>
      </c>
    </row>
    <row r="2824" spans="1:8" x14ac:dyDescent="0.25">
      <c r="A2824" s="1">
        <v>44617</v>
      </c>
      <c r="B2824" t="s">
        <v>2077</v>
      </c>
      <c r="C2824" t="s">
        <v>19</v>
      </c>
      <c r="D2824" t="s">
        <v>10</v>
      </c>
      <c r="E2824" t="s">
        <v>11</v>
      </c>
      <c r="F2824" s="2">
        <v>1</v>
      </c>
      <c r="G2824" t="s">
        <v>197</v>
      </c>
      <c r="H2824" t="s">
        <v>13</v>
      </c>
    </row>
    <row r="2825" spans="1:8" x14ac:dyDescent="0.25">
      <c r="A2825" s="1">
        <v>44616</v>
      </c>
      <c r="B2825" t="s">
        <v>2078</v>
      </c>
      <c r="C2825" t="s">
        <v>413</v>
      </c>
      <c r="D2825" t="s">
        <v>10</v>
      </c>
      <c r="E2825" t="s">
        <v>11</v>
      </c>
      <c r="F2825" s="2">
        <v>1</v>
      </c>
      <c r="G2825" t="s">
        <v>135</v>
      </c>
      <c r="H2825" t="s">
        <v>13</v>
      </c>
    </row>
    <row r="2826" spans="1:8" x14ac:dyDescent="0.25">
      <c r="A2826" s="1">
        <v>44615</v>
      </c>
      <c r="B2826" t="s">
        <v>2079</v>
      </c>
      <c r="C2826" t="s">
        <v>9</v>
      </c>
      <c r="D2826" t="s">
        <v>10</v>
      </c>
      <c r="E2826" t="s">
        <v>11</v>
      </c>
      <c r="F2826" s="2">
        <v>1</v>
      </c>
      <c r="G2826" t="s">
        <v>277</v>
      </c>
      <c r="H2826" t="s">
        <v>13</v>
      </c>
    </row>
    <row r="2827" spans="1:8" x14ac:dyDescent="0.25">
      <c r="A2827" s="1">
        <v>44615</v>
      </c>
      <c r="B2827" t="s">
        <v>2079</v>
      </c>
      <c r="C2827" t="s">
        <v>118</v>
      </c>
      <c r="D2827" t="s">
        <v>10</v>
      </c>
      <c r="E2827" t="s">
        <v>11</v>
      </c>
      <c r="F2827" s="2">
        <v>1</v>
      </c>
      <c r="G2827" t="s">
        <v>277</v>
      </c>
      <c r="H2827" t="s">
        <v>13</v>
      </c>
    </row>
    <row r="2828" spans="1:8" x14ac:dyDescent="0.25">
      <c r="A2828" s="1">
        <v>44615</v>
      </c>
      <c r="B2828" t="s">
        <v>2079</v>
      </c>
      <c r="C2828" t="s">
        <v>142</v>
      </c>
      <c r="D2828" t="s">
        <v>10</v>
      </c>
      <c r="E2828" t="s">
        <v>11</v>
      </c>
      <c r="F2828" s="2">
        <v>1</v>
      </c>
      <c r="G2828" t="s">
        <v>277</v>
      </c>
      <c r="H2828" t="s">
        <v>13</v>
      </c>
    </row>
    <row r="2829" spans="1:8" x14ac:dyDescent="0.25">
      <c r="A2829" s="1">
        <v>44615</v>
      </c>
      <c r="B2829" t="s">
        <v>2080</v>
      </c>
      <c r="C2829" t="s">
        <v>47</v>
      </c>
      <c r="D2829" t="s">
        <v>10</v>
      </c>
      <c r="E2829" t="s">
        <v>11</v>
      </c>
      <c r="F2829" s="2">
        <v>1</v>
      </c>
      <c r="G2829" t="s">
        <v>318</v>
      </c>
      <c r="H2829" t="s">
        <v>13</v>
      </c>
    </row>
    <row r="2830" spans="1:8" x14ac:dyDescent="0.25">
      <c r="A2830" s="1">
        <v>44615</v>
      </c>
      <c r="B2830" t="s">
        <v>2081</v>
      </c>
      <c r="C2830" t="s">
        <v>9</v>
      </c>
      <c r="D2830" t="s">
        <v>10</v>
      </c>
      <c r="E2830" t="s">
        <v>11</v>
      </c>
      <c r="F2830" s="2">
        <v>1</v>
      </c>
      <c r="G2830" t="s">
        <v>100</v>
      </c>
      <c r="H2830" t="s">
        <v>13</v>
      </c>
    </row>
    <row r="2831" spans="1:8" x14ac:dyDescent="0.25">
      <c r="A2831" s="1">
        <v>44615</v>
      </c>
      <c r="B2831" t="s">
        <v>2081</v>
      </c>
      <c r="C2831" t="s">
        <v>29</v>
      </c>
      <c r="D2831" t="s">
        <v>10</v>
      </c>
      <c r="E2831" t="s">
        <v>11</v>
      </c>
      <c r="F2831" s="2">
        <v>1</v>
      </c>
      <c r="G2831" t="s">
        <v>100</v>
      </c>
      <c r="H2831" t="s">
        <v>13</v>
      </c>
    </row>
    <row r="2832" spans="1:8" x14ac:dyDescent="0.25">
      <c r="A2832" s="1">
        <v>44615</v>
      </c>
      <c r="B2832" t="s">
        <v>2081</v>
      </c>
      <c r="C2832" t="s">
        <v>35</v>
      </c>
      <c r="D2832" t="s">
        <v>10</v>
      </c>
      <c r="E2832" t="s">
        <v>11</v>
      </c>
      <c r="F2832" s="2">
        <v>1</v>
      </c>
      <c r="G2832" t="s">
        <v>100</v>
      </c>
      <c r="H2832" t="s">
        <v>13</v>
      </c>
    </row>
    <row r="2833" spans="1:8" x14ac:dyDescent="0.25">
      <c r="A2833" s="1">
        <v>44614</v>
      </c>
      <c r="B2833" t="s">
        <v>2082</v>
      </c>
      <c r="C2833" t="s">
        <v>149</v>
      </c>
      <c r="D2833" t="s">
        <v>10</v>
      </c>
      <c r="E2833" t="s">
        <v>11</v>
      </c>
      <c r="F2833" s="2">
        <v>1</v>
      </c>
      <c r="G2833" t="s">
        <v>197</v>
      </c>
      <c r="H2833" t="s">
        <v>13</v>
      </c>
    </row>
    <row r="2834" spans="1:8" x14ac:dyDescent="0.25">
      <c r="A2834" s="1">
        <v>44614</v>
      </c>
      <c r="B2834" t="s">
        <v>2083</v>
      </c>
      <c r="C2834" t="s">
        <v>9</v>
      </c>
      <c r="D2834" t="s">
        <v>10</v>
      </c>
      <c r="E2834" t="s">
        <v>11</v>
      </c>
      <c r="F2834" s="2">
        <v>1</v>
      </c>
      <c r="G2834" t="s">
        <v>20</v>
      </c>
      <c r="H2834" t="s">
        <v>13</v>
      </c>
    </row>
    <row r="2835" spans="1:8" x14ac:dyDescent="0.25">
      <c r="A2835" s="1">
        <v>44614</v>
      </c>
      <c r="B2835" t="s">
        <v>2084</v>
      </c>
      <c r="C2835" t="s">
        <v>29</v>
      </c>
      <c r="D2835" t="s">
        <v>10</v>
      </c>
      <c r="E2835" t="s">
        <v>11</v>
      </c>
      <c r="F2835" s="2">
        <v>1</v>
      </c>
      <c r="G2835" t="s">
        <v>37</v>
      </c>
      <c r="H2835" t="s">
        <v>13</v>
      </c>
    </row>
    <row r="2836" spans="1:8" x14ac:dyDescent="0.25">
      <c r="A2836" s="1">
        <v>44614</v>
      </c>
      <c r="B2836" t="s">
        <v>2084</v>
      </c>
      <c r="C2836" t="s">
        <v>174</v>
      </c>
      <c r="D2836" t="s">
        <v>10</v>
      </c>
      <c r="E2836" t="s">
        <v>11</v>
      </c>
      <c r="F2836" s="2">
        <v>1</v>
      </c>
      <c r="G2836" t="s">
        <v>37</v>
      </c>
      <c r="H2836" t="s">
        <v>13</v>
      </c>
    </row>
    <row r="2837" spans="1:8" x14ac:dyDescent="0.25">
      <c r="A2837" s="1">
        <v>44614</v>
      </c>
      <c r="B2837" t="s">
        <v>2085</v>
      </c>
      <c r="C2837" t="s">
        <v>35</v>
      </c>
      <c r="D2837" t="s">
        <v>10</v>
      </c>
      <c r="E2837" t="s">
        <v>11</v>
      </c>
      <c r="F2837" s="2">
        <v>1</v>
      </c>
      <c r="G2837" t="s">
        <v>46</v>
      </c>
      <c r="H2837" t="s">
        <v>13</v>
      </c>
    </row>
    <row r="2838" spans="1:8" x14ac:dyDescent="0.25">
      <c r="A2838" s="1">
        <v>44614</v>
      </c>
      <c r="B2838" t="s">
        <v>2086</v>
      </c>
      <c r="C2838" t="s">
        <v>394</v>
      </c>
      <c r="D2838" t="s">
        <v>10</v>
      </c>
      <c r="E2838" t="s">
        <v>11</v>
      </c>
      <c r="F2838" s="2">
        <v>1</v>
      </c>
      <c r="G2838" t="s">
        <v>111</v>
      </c>
      <c r="H2838" t="s">
        <v>13</v>
      </c>
    </row>
    <row r="2839" spans="1:8" x14ac:dyDescent="0.25">
      <c r="A2839" s="1">
        <v>44614</v>
      </c>
      <c r="B2839" t="s">
        <v>2086</v>
      </c>
      <c r="C2839" t="s">
        <v>52</v>
      </c>
      <c r="D2839" t="s">
        <v>10</v>
      </c>
      <c r="E2839" t="s">
        <v>11</v>
      </c>
      <c r="F2839" s="2">
        <v>1</v>
      </c>
      <c r="G2839" t="s">
        <v>111</v>
      </c>
      <c r="H2839" t="s">
        <v>13</v>
      </c>
    </row>
    <row r="2840" spans="1:8" x14ac:dyDescent="0.25">
      <c r="A2840" s="1">
        <v>44614</v>
      </c>
      <c r="B2840" t="s">
        <v>2087</v>
      </c>
      <c r="C2840" t="s">
        <v>34</v>
      </c>
      <c r="D2840" t="s">
        <v>10</v>
      </c>
      <c r="E2840" t="s">
        <v>11</v>
      </c>
      <c r="F2840" s="2">
        <v>1</v>
      </c>
      <c r="G2840" t="s">
        <v>20</v>
      </c>
      <c r="H2840" t="s">
        <v>13</v>
      </c>
    </row>
    <row r="2841" spans="1:8" x14ac:dyDescent="0.25">
      <c r="A2841" s="1">
        <v>44614</v>
      </c>
      <c r="B2841" t="s">
        <v>2088</v>
      </c>
      <c r="C2841" t="s">
        <v>9</v>
      </c>
      <c r="D2841" t="s">
        <v>10</v>
      </c>
      <c r="E2841" t="s">
        <v>11</v>
      </c>
      <c r="F2841" s="2">
        <v>1</v>
      </c>
      <c r="G2841" t="s">
        <v>553</v>
      </c>
      <c r="H2841" t="s">
        <v>13</v>
      </c>
    </row>
    <row r="2842" spans="1:8" x14ac:dyDescent="0.25">
      <c r="A2842" s="1">
        <v>44614</v>
      </c>
      <c r="B2842" t="s">
        <v>2089</v>
      </c>
      <c r="C2842" t="s">
        <v>9</v>
      </c>
      <c r="D2842" t="s">
        <v>10</v>
      </c>
      <c r="E2842" t="s">
        <v>11</v>
      </c>
      <c r="F2842" s="2">
        <v>1</v>
      </c>
      <c r="G2842" t="s">
        <v>20</v>
      </c>
      <c r="H2842" t="s">
        <v>13</v>
      </c>
    </row>
    <row r="2843" spans="1:8" x14ac:dyDescent="0.25">
      <c r="A2843" s="1">
        <v>44613</v>
      </c>
      <c r="B2843" t="s">
        <v>2090</v>
      </c>
      <c r="C2843" t="s">
        <v>2091</v>
      </c>
      <c r="D2843" t="s">
        <v>10</v>
      </c>
      <c r="E2843" t="s">
        <v>11</v>
      </c>
      <c r="F2843" s="2">
        <v>1</v>
      </c>
      <c r="G2843" t="s">
        <v>145</v>
      </c>
      <c r="H2843" t="s">
        <v>13</v>
      </c>
    </row>
    <row r="2844" spans="1:8" x14ac:dyDescent="0.25">
      <c r="A2844" s="1">
        <v>44613</v>
      </c>
      <c r="B2844" t="s">
        <v>2090</v>
      </c>
      <c r="C2844" t="s">
        <v>1698</v>
      </c>
      <c r="D2844" t="s">
        <v>10</v>
      </c>
      <c r="E2844" t="s">
        <v>11</v>
      </c>
      <c r="F2844" s="2">
        <v>1</v>
      </c>
      <c r="G2844" t="s">
        <v>145</v>
      </c>
      <c r="H2844" t="s">
        <v>13</v>
      </c>
    </row>
    <row r="2845" spans="1:8" x14ac:dyDescent="0.25">
      <c r="A2845" s="1">
        <v>44612</v>
      </c>
      <c r="B2845" t="s">
        <v>2092</v>
      </c>
      <c r="C2845" t="s">
        <v>29</v>
      </c>
      <c r="D2845" t="s">
        <v>10</v>
      </c>
      <c r="E2845" t="s">
        <v>11</v>
      </c>
      <c r="F2845" s="2">
        <v>1</v>
      </c>
      <c r="G2845" t="s">
        <v>46</v>
      </c>
      <c r="H2845" t="s">
        <v>13</v>
      </c>
    </row>
    <row r="2846" spans="1:8" x14ac:dyDescent="0.25">
      <c r="A2846" s="1">
        <v>44612</v>
      </c>
      <c r="B2846" t="s">
        <v>2093</v>
      </c>
      <c r="C2846" t="s">
        <v>9</v>
      </c>
      <c r="D2846" t="s">
        <v>10</v>
      </c>
      <c r="E2846" t="s">
        <v>11</v>
      </c>
      <c r="F2846" s="2">
        <v>1</v>
      </c>
      <c r="G2846" t="s">
        <v>699</v>
      </c>
      <c r="H2846" t="s">
        <v>13</v>
      </c>
    </row>
    <row r="2847" spans="1:8" x14ac:dyDescent="0.25">
      <c r="A2847" s="1">
        <v>44612</v>
      </c>
      <c r="B2847" t="s">
        <v>2093</v>
      </c>
      <c r="C2847" t="s">
        <v>32</v>
      </c>
      <c r="D2847" t="s">
        <v>10</v>
      </c>
      <c r="E2847" t="s">
        <v>11</v>
      </c>
      <c r="F2847" s="2">
        <v>1</v>
      </c>
      <c r="G2847" t="s">
        <v>699</v>
      </c>
      <c r="H2847" t="s">
        <v>13</v>
      </c>
    </row>
    <row r="2848" spans="1:8" x14ac:dyDescent="0.25">
      <c r="A2848" s="1">
        <v>44611</v>
      </c>
      <c r="B2848" t="s">
        <v>2094</v>
      </c>
      <c r="C2848" t="s">
        <v>47</v>
      </c>
      <c r="D2848" t="s">
        <v>10</v>
      </c>
      <c r="E2848" t="s">
        <v>11</v>
      </c>
      <c r="F2848" s="2">
        <v>1</v>
      </c>
      <c r="G2848" t="s">
        <v>100</v>
      </c>
      <c r="H2848" t="s">
        <v>13</v>
      </c>
    </row>
    <row r="2849" spans="1:8" x14ac:dyDescent="0.25">
      <c r="A2849" s="1">
        <v>44611</v>
      </c>
      <c r="B2849" t="s">
        <v>2095</v>
      </c>
      <c r="C2849" t="s">
        <v>9</v>
      </c>
      <c r="D2849" t="s">
        <v>10</v>
      </c>
      <c r="E2849" t="s">
        <v>11</v>
      </c>
      <c r="F2849" s="2">
        <v>1</v>
      </c>
      <c r="G2849" t="s">
        <v>20</v>
      </c>
      <c r="H2849" t="s">
        <v>13</v>
      </c>
    </row>
    <row r="2850" spans="1:8" x14ac:dyDescent="0.25">
      <c r="A2850" s="1">
        <v>44611</v>
      </c>
      <c r="B2850" t="s">
        <v>2095</v>
      </c>
      <c r="C2850" t="s">
        <v>29</v>
      </c>
      <c r="D2850" t="s">
        <v>10</v>
      </c>
      <c r="E2850" t="s">
        <v>11</v>
      </c>
      <c r="F2850" s="2">
        <v>1</v>
      </c>
      <c r="G2850" t="s">
        <v>20</v>
      </c>
      <c r="H2850" t="s">
        <v>13</v>
      </c>
    </row>
    <row r="2851" spans="1:8" x14ac:dyDescent="0.25">
      <c r="A2851" s="1">
        <v>44609</v>
      </c>
      <c r="B2851" t="s">
        <v>2096</v>
      </c>
      <c r="C2851" t="s">
        <v>9</v>
      </c>
      <c r="D2851" t="s">
        <v>10</v>
      </c>
      <c r="E2851" t="s">
        <v>11</v>
      </c>
      <c r="F2851" s="2">
        <v>1</v>
      </c>
      <c r="G2851" t="s">
        <v>46</v>
      </c>
      <c r="H2851" t="s">
        <v>13</v>
      </c>
    </row>
    <row r="2852" spans="1:8" x14ac:dyDescent="0.25">
      <c r="A2852" s="1">
        <v>44609</v>
      </c>
      <c r="B2852" t="s">
        <v>2096</v>
      </c>
      <c r="C2852" t="s">
        <v>52</v>
      </c>
      <c r="D2852" t="s">
        <v>10</v>
      </c>
      <c r="E2852" t="s">
        <v>11</v>
      </c>
      <c r="F2852" s="2">
        <v>1</v>
      </c>
      <c r="G2852" t="s">
        <v>46</v>
      </c>
      <c r="H2852" t="s">
        <v>13</v>
      </c>
    </row>
    <row r="2853" spans="1:8" x14ac:dyDescent="0.25">
      <c r="A2853" s="1">
        <v>44609</v>
      </c>
      <c r="B2853" t="s">
        <v>2096</v>
      </c>
      <c r="C2853" t="s">
        <v>86</v>
      </c>
      <c r="D2853" t="s">
        <v>10</v>
      </c>
      <c r="E2853" t="s">
        <v>11</v>
      </c>
      <c r="F2853" s="2">
        <v>1</v>
      </c>
      <c r="G2853" t="s">
        <v>46</v>
      </c>
      <c r="H2853" t="s">
        <v>13</v>
      </c>
    </row>
    <row r="2854" spans="1:8" x14ac:dyDescent="0.25">
      <c r="A2854" s="1">
        <v>44609</v>
      </c>
      <c r="B2854" t="s">
        <v>2097</v>
      </c>
      <c r="C2854" t="s">
        <v>47</v>
      </c>
      <c r="D2854" t="s">
        <v>10</v>
      </c>
      <c r="E2854" t="s">
        <v>11</v>
      </c>
      <c r="F2854" s="2">
        <v>1</v>
      </c>
      <c r="G2854" t="s">
        <v>46</v>
      </c>
      <c r="H2854" t="s">
        <v>13</v>
      </c>
    </row>
    <row r="2855" spans="1:8" x14ac:dyDescent="0.25">
      <c r="A2855" s="1">
        <v>44609</v>
      </c>
      <c r="B2855" t="s">
        <v>2097</v>
      </c>
      <c r="C2855" t="s">
        <v>1353</v>
      </c>
      <c r="D2855" t="s">
        <v>10</v>
      </c>
      <c r="E2855" t="s">
        <v>11</v>
      </c>
      <c r="F2855" s="2">
        <v>1</v>
      </c>
      <c r="G2855" t="s">
        <v>46</v>
      </c>
      <c r="H2855" t="s">
        <v>13</v>
      </c>
    </row>
    <row r="2856" spans="1:8" x14ac:dyDescent="0.25">
      <c r="A2856" s="1">
        <v>44609</v>
      </c>
      <c r="B2856" t="s">
        <v>2097</v>
      </c>
      <c r="C2856" t="s">
        <v>32</v>
      </c>
      <c r="D2856" t="s">
        <v>10</v>
      </c>
      <c r="E2856" t="s">
        <v>11</v>
      </c>
      <c r="F2856" s="2">
        <v>1</v>
      </c>
      <c r="G2856" t="s">
        <v>46</v>
      </c>
      <c r="H2856" t="s">
        <v>13</v>
      </c>
    </row>
    <row r="2857" spans="1:8" x14ac:dyDescent="0.25">
      <c r="A2857" s="1">
        <v>44608</v>
      </c>
      <c r="B2857" t="s">
        <v>2098</v>
      </c>
      <c r="C2857" t="s">
        <v>9</v>
      </c>
      <c r="D2857" t="s">
        <v>10</v>
      </c>
      <c r="E2857" t="s">
        <v>11</v>
      </c>
      <c r="F2857" s="2">
        <v>1</v>
      </c>
      <c r="G2857" t="s">
        <v>135</v>
      </c>
      <c r="H2857" t="s">
        <v>13</v>
      </c>
    </row>
    <row r="2858" spans="1:8" x14ac:dyDescent="0.25">
      <c r="A2858" s="1">
        <v>44607</v>
      </c>
      <c r="B2858" t="s">
        <v>2099</v>
      </c>
      <c r="C2858" t="s">
        <v>74</v>
      </c>
      <c r="D2858" t="s">
        <v>10</v>
      </c>
      <c r="E2858" t="s">
        <v>11</v>
      </c>
      <c r="F2858" s="2">
        <v>1</v>
      </c>
      <c r="G2858" t="s">
        <v>137</v>
      </c>
      <c r="H2858" t="s">
        <v>13</v>
      </c>
    </row>
    <row r="2859" spans="1:8" x14ac:dyDescent="0.25">
      <c r="A2859" s="1">
        <v>44607</v>
      </c>
      <c r="B2859" t="s">
        <v>2100</v>
      </c>
      <c r="C2859" t="s">
        <v>79</v>
      </c>
      <c r="D2859" t="s">
        <v>10</v>
      </c>
      <c r="E2859" t="s">
        <v>11</v>
      </c>
      <c r="F2859" s="2">
        <v>1</v>
      </c>
      <c r="G2859" t="s">
        <v>20</v>
      </c>
      <c r="H2859" t="s">
        <v>13</v>
      </c>
    </row>
    <row r="2860" spans="1:8" x14ac:dyDescent="0.25">
      <c r="A2860" s="1">
        <v>44607</v>
      </c>
      <c r="B2860" t="s">
        <v>2100</v>
      </c>
      <c r="C2860" t="s">
        <v>80</v>
      </c>
      <c r="D2860" t="s">
        <v>10</v>
      </c>
      <c r="E2860" t="s">
        <v>11</v>
      </c>
      <c r="F2860" s="2">
        <v>1</v>
      </c>
      <c r="G2860" t="s">
        <v>20</v>
      </c>
      <c r="H2860" t="s">
        <v>13</v>
      </c>
    </row>
    <row r="2861" spans="1:8" x14ac:dyDescent="0.25">
      <c r="A2861" s="1">
        <v>44607</v>
      </c>
      <c r="B2861" t="s">
        <v>2101</v>
      </c>
      <c r="C2861" t="s">
        <v>79</v>
      </c>
      <c r="D2861" t="s">
        <v>10</v>
      </c>
      <c r="E2861" t="s">
        <v>11</v>
      </c>
      <c r="F2861" s="2">
        <v>1</v>
      </c>
      <c r="G2861" t="s">
        <v>20</v>
      </c>
      <c r="H2861" t="s">
        <v>13</v>
      </c>
    </row>
    <row r="2862" spans="1:8" x14ac:dyDescent="0.25">
      <c r="A2862" s="1">
        <v>44607</v>
      </c>
      <c r="B2862" t="s">
        <v>2101</v>
      </c>
      <c r="C2862" t="s">
        <v>80</v>
      </c>
      <c r="D2862" t="s">
        <v>10</v>
      </c>
      <c r="E2862" t="s">
        <v>11</v>
      </c>
      <c r="F2862" s="2">
        <v>1</v>
      </c>
      <c r="G2862" t="s">
        <v>20</v>
      </c>
      <c r="H2862" t="s">
        <v>13</v>
      </c>
    </row>
    <row r="2863" spans="1:8" x14ac:dyDescent="0.25">
      <c r="A2863" s="1">
        <v>44606</v>
      </c>
      <c r="B2863" t="s">
        <v>2102</v>
      </c>
      <c r="C2863" t="s">
        <v>481</v>
      </c>
      <c r="D2863" t="s">
        <v>10</v>
      </c>
      <c r="E2863" t="s">
        <v>11</v>
      </c>
      <c r="F2863" s="2">
        <v>1</v>
      </c>
      <c r="G2863" t="s">
        <v>2059</v>
      </c>
      <c r="H2863" t="s">
        <v>13</v>
      </c>
    </row>
    <row r="2864" spans="1:8" x14ac:dyDescent="0.25">
      <c r="A2864" s="1">
        <v>44605</v>
      </c>
      <c r="B2864" t="s">
        <v>2103</v>
      </c>
      <c r="C2864" t="s">
        <v>86</v>
      </c>
      <c r="D2864" t="s">
        <v>10</v>
      </c>
      <c r="E2864" t="s">
        <v>11</v>
      </c>
      <c r="F2864" s="2">
        <v>1</v>
      </c>
      <c r="G2864" t="s">
        <v>191</v>
      </c>
      <c r="H2864" t="s">
        <v>13</v>
      </c>
    </row>
    <row r="2865" spans="1:8" x14ac:dyDescent="0.25">
      <c r="A2865" s="1">
        <v>44602</v>
      </c>
      <c r="B2865" t="s">
        <v>2104</v>
      </c>
      <c r="C2865" t="s">
        <v>379</v>
      </c>
      <c r="D2865" t="s">
        <v>10</v>
      </c>
      <c r="E2865" t="s">
        <v>11</v>
      </c>
      <c r="F2865" s="2">
        <v>1</v>
      </c>
      <c r="G2865" t="s">
        <v>53</v>
      </c>
      <c r="H2865" t="s">
        <v>13</v>
      </c>
    </row>
    <row r="2866" spans="1:8" x14ac:dyDescent="0.25">
      <c r="A2866" s="1">
        <v>44601</v>
      </c>
      <c r="B2866" t="s">
        <v>2105</v>
      </c>
      <c r="C2866" t="s">
        <v>9</v>
      </c>
      <c r="D2866" t="s">
        <v>10</v>
      </c>
      <c r="E2866" t="s">
        <v>11</v>
      </c>
      <c r="F2866" s="2">
        <v>1</v>
      </c>
      <c r="G2866" t="s">
        <v>63</v>
      </c>
      <c r="H2866" t="s">
        <v>13</v>
      </c>
    </row>
    <row r="2867" spans="1:8" x14ac:dyDescent="0.25">
      <c r="A2867" s="1">
        <v>44601</v>
      </c>
      <c r="B2867" t="s">
        <v>2106</v>
      </c>
      <c r="C2867" t="s">
        <v>394</v>
      </c>
      <c r="D2867" t="s">
        <v>10</v>
      </c>
      <c r="E2867" t="s">
        <v>11</v>
      </c>
      <c r="F2867" s="2">
        <v>1</v>
      </c>
      <c r="G2867" t="s">
        <v>197</v>
      </c>
      <c r="H2867" t="s">
        <v>13</v>
      </c>
    </row>
    <row r="2868" spans="1:8" x14ac:dyDescent="0.25">
      <c r="A2868" s="1">
        <v>44599</v>
      </c>
      <c r="B2868" t="s">
        <v>2107</v>
      </c>
      <c r="C2868" t="s">
        <v>9</v>
      </c>
      <c r="D2868" t="s">
        <v>10</v>
      </c>
      <c r="E2868" t="s">
        <v>11</v>
      </c>
      <c r="F2868" s="2">
        <v>1</v>
      </c>
      <c r="G2868" t="s">
        <v>137</v>
      </c>
      <c r="H2868" t="s">
        <v>13</v>
      </c>
    </row>
    <row r="2869" spans="1:8" x14ac:dyDescent="0.25">
      <c r="A2869" s="1">
        <v>44599</v>
      </c>
      <c r="B2869" t="s">
        <v>2107</v>
      </c>
      <c r="C2869" t="s">
        <v>52</v>
      </c>
      <c r="D2869" t="s">
        <v>10</v>
      </c>
      <c r="E2869" t="s">
        <v>11</v>
      </c>
      <c r="F2869" s="2">
        <v>1</v>
      </c>
      <c r="G2869" t="s">
        <v>137</v>
      </c>
      <c r="H2869" t="s">
        <v>13</v>
      </c>
    </row>
    <row r="2870" spans="1:8" x14ac:dyDescent="0.25">
      <c r="A2870" s="1">
        <v>44599</v>
      </c>
      <c r="B2870" t="s">
        <v>2107</v>
      </c>
      <c r="C2870" t="s">
        <v>16</v>
      </c>
      <c r="D2870" t="s">
        <v>10</v>
      </c>
      <c r="E2870" t="s">
        <v>11</v>
      </c>
      <c r="F2870" s="2">
        <v>1</v>
      </c>
      <c r="G2870" t="s">
        <v>137</v>
      </c>
      <c r="H2870" t="s">
        <v>13</v>
      </c>
    </row>
    <row r="2871" spans="1:8" x14ac:dyDescent="0.25">
      <c r="A2871" s="1">
        <v>44598</v>
      </c>
      <c r="B2871" t="s">
        <v>2108</v>
      </c>
      <c r="C2871" t="s">
        <v>9</v>
      </c>
      <c r="D2871" t="s">
        <v>10</v>
      </c>
      <c r="E2871" t="s">
        <v>11</v>
      </c>
      <c r="F2871" s="2">
        <v>1</v>
      </c>
      <c r="G2871" t="s">
        <v>1414</v>
      </c>
      <c r="H2871" t="s">
        <v>13</v>
      </c>
    </row>
    <row r="2872" spans="1:8" x14ac:dyDescent="0.25">
      <c r="A2872" s="1">
        <v>44598</v>
      </c>
      <c r="B2872" t="s">
        <v>2108</v>
      </c>
      <c r="C2872" t="s">
        <v>821</v>
      </c>
      <c r="D2872" t="s">
        <v>10</v>
      </c>
      <c r="E2872" t="s">
        <v>11</v>
      </c>
      <c r="F2872" s="2">
        <v>1</v>
      </c>
      <c r="G2872" t="s">
        <v>1414</v>
      </c>
      <c r="H2872" t="s">
        <v>13</v>
      </c>
    </row>
    <row r="2873" spans="1:8" x14ac:dyDescent="0.25">
      <c r="A2873" s="1">
        <v>44598</v>
      </c>
      <c r="B2873" t="s">
        <v>2108</v>
      </c>
      <c r="C2873" t="s">
        <v>2109</v>
      </c>
      <c r="D2873" t="s">
        <v>10</v>
      </c>
      <c r="E2873" t="s">
        <v>11</v>
      </c>
      <c r="F2873" s="2">
        <v>1</v>
      </c>
      <c r="G2873" t="s">
        <v>1414</v>
      </c>
      <c r="H2873" t="s">
        <v>13</v>
      </c>
    </row>
    <row r="2874" spans="1:8" x14ac:dyDescent="0.25">
      <c r="A2874" s="1">
        <v>44598</v>
      </c>
      <c r="B2874" t="s">
        <v>2110</v>
      </c>
      <c r="C2874" t="s">
        <v>47</v>
      </c>
      <c r="D2874" t="s">
        <v>10</v>
      </c>
      <c r="E2874" t="s">
        <v>11</v>
      </c>
      <c r="F2874" s="2">
        <v>1</v>
      </c>
      <c r="G2874" t="s">
        <v>20</v>
      </c>
      <c r="H2874" t="s">
        <v>13</v>
      </c>
    </row>
    <row r="2875" spans="1:8" x14ac:dyDescent="0.25">
      <c r="A2875" s="1">
        <v>44598</v>
      </c>
      <c r="B2875" t="s">
        <v>2111</v>
      </c>
      <c r="C2875" t="s">
        <v>9</v>
      </c>
      <c r="D2875" t="s">
        <v>10</v>
      </c>
      <c r="E2875" t="s">
        <v>11</v>
      </c>
      <c r="F2875" s="2">
        <v>1</v>
      </c>
      <c r="G2875" t="s">
        <v>20</v>
      </c>
      <c r="H2875" t="s">
        <v>13</v>
      </c>
    </row>
    <row r="2876" spans="1:8" x14ac:dyDescent="0.25">
      <c r="A2876" s="1">
        <v>44597</v>
      </c>
      <c r="B2876" t="s">
        <v>2112</v>
      </c>
      <c r="C2876" t="s">
        <v>9</v>
      </c>
      <c r="D2876" t="s">
        <v>10</v>
      </c>
      <c r="E2876" t="s">
        <v>11</v>
      </c>
      <c r="F2876" s="2">
        <v>1</v>
      </c>
      <c r="G2876" t="s">
        <v>216</v>
      </c>
      <c r="H2876" t="s">
        <v>13</v>
      </c>
    </row>
    <row r="2877" spans="1:8" x14ac:dyDescent="0.25">
      <c r="A2877" s="1">
        <v>44597</v>
      </c>
      <c r="B2877" t="s">
        <v>2112</v>
      </c>
      <c r="C2877" t="s">
        <v>416</v>
      </c>
      <c r="D2877" t="s">
        <v>10</v>
      </c>
      <c r="E2877" t="s">
        <v>11</v>
      </c>
      <c r="F2877" s="2">
        <v>1</v>
      </c>
      <c r="G2877" t="s">
        <v>216</v>
      </c>
      <c r="H2877" t="s">
        <v>13</v>
      </c>
    </row>
    <row r="2878" spans="1:8" x14ac:dyDescent="0.25">
      <c r="A2878" s="1">
        <v>44597</v>
      </c>
      <c r="B2878" t="s">
        <v>2113</v>
      </c>
      <c r="C2878" t="s">
        <v>19</v>
      </c>
      <c r="D2878" t="s">
        <v>10</v>
      </c>
      <c r="E2878" t="s">
        <v>11</v>
      </c>
      <c r="F2878" s="2">
        <v>1</v>
      </c>
      <c r="G2878" t="s">
        <v>277</v>
      </c>
      <c r="H2878" t="s">
        <v>13</v>
      </c>
    </row>
    <row r="2879" spans="1:8" x14ac:dyDescent="0.25">
      <c r="A2879" s="1">
        <v>44597</v>
      </c>
      <c r="B2879" t="s">
        <v>2114</v>
      </c>
      <c r="C2879" t="s">
        <v>16</v>
      </c>
      <c r="D2879" t="s">
        <v>10</v>
      </c>
      <c r="E2879" t="s">
        <v>11</v>
      </c>
      <c r="F2879" s="2">
        <v>1</v>
      </c>
      <c r="G2879" t="s">
        <v>788</v>
      </c>
      <c r="H2879" t="s">
        <v>13</v>
      </c>
    </row>
    <row r="2880" spans="1:8" x14ac:dyDescent="0.25">
      <c r="A2880" s="1">
        <v>44597</v>
      </c>
      <c r="B2880" t="s">
        <v>2115</v>
      </c>
      <c r="C2880" t="s">
        <v>28</v>
      </c>
      <c r="D2880" t="s">
        <v>10</v>
      </c>
      <c r="E2880" t="s">
        <v>11</v>
      </c>
      <c r="F2880" s="2">
        <v>1</v>
      </c>
      <c r="G2880" t="s">
        <v>40</v>
      </c>
      <c r="H2880" t="s">
        <v>13</v>
      </c>
    </row>
    <row r="2881" spans="1:8" x14ac:dyDescent="0.25">
      <c r="A2881" s="1">
        <v>44596</v>
      </c>
      <c r="B2881" t="s">
        <v>2116</v>
      </c>
      <c r="C2881" t="s">
        <v>174</v>
      </c>
      <c r="D2881" t="s">
        <v>10</v>
      </c>
      <c r="E2881" t="s">
        <v>11</v>
      </c>
      <c r="F2881" s="2">
        <v>1</v>
      </c>
      <c r="G2881" t="s">
        <v>859</v>
      </c>
      <c r="H2881" t="s">
        <v>13</v>
      </c>
    </row>
    <row r="2882" spans="1:8" x14ac:dyDescent="0.25">
      <c r="A2882" s="1">
        <v>44595</v>
      </c>
      <c r="B2882" t="s">
        <v>2117</v>
      </c>
      <c r="C2882" t="s">
        <v>79</v>
      </c>
      <c r="D2882" t="s">
        <v>10</v>
      </c>
      <c r="E2882" t="s">
        <v>11</v>
      </c>
      <c r="F2882" s="2">
        <v>1</v>
      </c>
      <c r="G2882" t="s">
        <v>205</v>
      </c>
      <c r="H2882" t="s">
        <v>13</v>
      </c>
    </row>
    <row r="2883" spans="1:8" x14ac:dyDescent="0.25">
      <c r="A2883" s="1">
        <v>44595</v>
      </c>
      <c r="B2883" t="s">
        <v>2117</v>
      </c>
      <c r="C2883" t="s">
        <v>80</v>
      </c>
      <c r="D2883" t="s">
        <v>10</v>
      </c>
      <c r="E2883" t="s">
        <v>11</v>
      </c>
      <c r="F2883" s="2">
        <v>1</v>
      </c>
      <c r="G2883" t="s">
        <v>205</v>
      </c>
      <c r="H2883" t="s">
        <v>13</v>
      </c>
    </row>
    <row r="2884" spans="1:8" x14ac:dyDescent="0.25">
      <c r="A2884" s="1">
        <v>44595</v>
      </c>
      <c r="B2884" t="s">
        <v>2118</v>
      </c>
      <c r="C2884" t="s">
        <v>19</v>
      </c>
      <c r="D2884" t="s">
        <v>10</v>
      </c>
      <c r="E2884" t="s">
        <v>11</v>
      </c>
      <c r="F2884" s="2">
        <v>1</v>
      </c>
      <c r="G2884" t="s">
        <v>20</v>
      </c>
      <c r="H2884" t="s">
        <v>13</v>
      </c>
    </row>
    <row r="2885" spans="1:8" x14ac:dyDescent="0.25">
      <c r="A2885" s="1">
        <v>44595</v>
      </c>
      <c r="B2885" t="s">
        <v>2119</v>
      </c>
      <c r="C2885" t="s">
        <v>160</v>
      </c>
      <c r="D2885" t="s">
        <v>10</v>
      </c>
      <c r="E2885" t="s">
        <v>11</v>
      </c>
      <c r="F2885" s="2">
        <v>1</v>
      </c>
      <c r="G2885" t="s">
        <v>40</v>
      </c>
      <c r="H2885" t="s">
        <v>13</v>
      </c>
    </row>
    <row r="2886" spans="1:8" x14ac:dyDescent="0.25">
      <c r="A2886" s="1">
        <v>44595</v>
      </c>
      <c r="B2886" t="s">
        <v>2119</v>
      </c>
      <c r="C2886" t="s">
        <v>2120</v>
      </c>
      <c r="D2886" t="s">
        <v>10</v>
      </c>
      <c r="E2886" t="s">
        <v>11</v>
      </c>
      <c r="F2886" s="2">
        <v>1</v>
      </c>
      <c r="G2886" t="s">
        <v>40</v>
      </c>
      <c r="H2886" t="s">
        <v>13</v>
      </c>
    </row>
    <row r="2887" spans="1:8" x14ac:dyDescent="0.25">
      <c r="A2887" s="1">
        <v>44594</v>
      </c>
      <c r="B2887" t="s">
        <v>2121</v>
      </c>
      <c r="C2887" t="s">
        <v>74</v>
      </c>
      <c r="D2887" t="s">
        <v>10</v>
      </c>
      <c r="E2887" t="s">
        <v>11</v>
      </c>
      <c r="F2887" s="2">
        <v>1</v>
      </c>
      <c r="G2887" t="s">
        <v>46</v>
      </c>
      <c r="H2887" t="s">
        <v>13</v>
      </c>
    </row>
    <row r="2888" spans="1:8" x14ac:dyDescent="0.25">
      <c r="A2888" s="1">
        <v>44594</v>
      </c>
      <c r="B2888" t="s">
        <v>2122</v>
      </c>
      <c r="C2888" t="s">
        <v>28</v>
      </c>
      <c r="D2888" t="s">
        <v>10</v>
      </c>
      <c r="E2888" t="s">
        <v>11</v>
      </c>
      <c r="F2888" s="2">
        <v>1</v>
      </c>
      <c r="G2888" t="s">
        <v>37</v>
      </c>
      <c r="H2888" t="s">
        <v>13</v>
      </c>
    </row>
    <row r="2889" spans="1:8" x14ac:dyDescent="0.25">
      <c r="A2889" s="1">
        <v>44594</v>
      </c>
      <c r="B2889" t="s">
        <v>2122</v>
      </c>
      <c r="C2889" t="s">
        <v>29</v>
      </c>
      <c r="D2889" t="s">
        <v>10</v>
      </c>
      <c r="E2889" t="s">
        <v>11</v>
      </c>
      <c r="F2889" s="2">
        <v>1</v>
      </c>
      <c r="G2889" t="s">
        <v>37</v>
      </c>
      <c r="H2889" t="s">
        <v>13</v>
      </c>
    </row>
    <row r="2890" spans="1:8" x14ac:dyDescent="0.25">
      <c r="A2890" s="1">
        <v>44594</v>
      </c>
      <c r="B2890" t="s">
        <v>2123</v>
      </c>
      <c r="C2890" t="s">
        <v>28</v>
      </c>
      <c r="D2890" t="s">
        <v>10</v>
      </c>
      <c r="E2890" t="s">
        <v>11</v>
      </c>
      <c r="F2890" s="2">
        <v>1</v>
      </c>
      <c r="G2890" t="s">
        <v>37</v>
      </c>
      <c r="H2890" t="s">
        <v>13</v>
      </c>
    </row>
    <row r="2891" spans="1:8" x14ac:dyDescent="0.25">
      <c r="A2891" s="1">
        <v>44594</v>
      </c>
      <c r="B2891" t="s">
        <v>2123</v>
      </c>
      <c r="C2891" t="s">
        <v>47</v>
      </c>
      <c r="D2891" t="s">
        <v>10</v>
      </c>
      <c r="E2891" t="s">
        <v>11</v>
      </c>
      <c r="F2891" s="2">
        <v>1</v>
      </c>
      <c r="G2891" t="s">
        <v>37</v>
      </c>
      <c r="H2891" t="s">
        <v>13</v>
      </c>
    </row>
    <row r="2892" spans="1:8" x14ac:dyDescent="0.25">
      <c r="A2892" s="1">
        <v>44594</v>
      </c>
      <c r="B2892" t="s">
        <v>2124</v>
      </c>
      <c r="C2892" t="s">
        <v>9</v>
      </c>
      <c r="D2892" t="s">
        <v>10</v>
      </c>
      <c r="E2892" t="s">
        <v>11</v>
      </c>
      <c r="F2892" s="2">
        <v>1</v>
      </c>
      <c r="G2892" t="s">
        <v>372</v>
      </c>
      <c r="H2892" t="s">
        <v>13</v>
      </c>
    </row>
    <row r="2893" spans="1:8" x14ac:dyDescent="0.25">
      <c r="A2893" s="1">
        <v>44592</v>
      </c>
      <c r="B2893" t="s">
        <v>2125</v>
      </c>
      <c r="C2893" t="s">
        <v>174</v>
      </c>
      <c r="D2893" t="s">
        <v>10</v>
      </c>
      <c r="E2893" t="s">
        <v>11</v>
      </c>
      <c r="F2893" s="2">
        <v>1</v>
      </c>
      <c r="G2893" t="s">
        <v>135</v>
      </c>
      <c r="H2893" t="s">
        <v>13</v>
      </c>
    </row>
    <row r="2894" spans="1:8" x14ac:dyDescent="0.25">
      <c r="A2894" s="1">
        <v>44592</v>
      </c>
      <c r="B2894" t="s">
        <v>2126</v>
      </c>
      <c r="C2894" t="s">
        <v>9</v>
      </c>
      <c r="D2894" t="s">
        <v>10</v>
      </c>
      <c r="E2894" t="s">
        <v>11</v>
      </c>
      <c r="F2894" s="2">
        <v>1</v>
      </c>
      <c r="G2894" t="s">
        <v>100</v>
      </c>
      <c r="H2894" t="s">
        <v>13</v>
      </c>
    </row>
    <row r="2895" spans="1:8" x14ac:dyDescent="0.25">
      <c r="A2895" s="1">
        <v>44591</v>
      </c>
      <c r="B2895" t="s">
        <v>2127</v>
      </c>
      <c r="C2895" t="s">
        <v>19</v>
      </c>
      <c r="D2895" t="s">
        <v>10</v>
      </c>
      <c r="E2895" t="s">
        <v>11</v>
      </c>
      <c r="F2895" s="2">
        <v>1</v>
      </c>
      <c r="G2895" t="s">
        <v>72</v>
      </c>
      <c r="H2895" t="s">
        <v>13</v>
      </c>
    </row>
    <row r="2896" spans="1:8" x14ac:dyDescent="0.25">
      <c r="A2896" s="1">
        <v>44590</v>
      </c>
      <c r="B2896" t="s">
        <v>2128</v>
      </c>
      <c r="C2896" t="s">
        <v>47</v>
      </c>
      <c r="D2896" t="s">
        <v>10</v>
      </c>
      <c r="E2896" t="s">
        <v>11</v>
      </c>
      <c r="F2896" s="2">
        <v>1</v>
      </c>
      <c r="G2896" t="s">
        <v>100</v>
      </c>
      <c r="H2896" t="s">
        <v>13</v>
      </c>
    </row>
    <row r="2897" spans="1:8" x14ac:dyDescent="0.25">
      <c r="A2897" s="1">
        <v>44590</v>
      </c>
      <c r="B2897" t="s">
        <v>2129</v>
      </c>
      <c r="C2897" t="s">
        <v>47</v>
      </c>
      <c r="D2897" t="s">
        <v>10</v>
      </c>
      <c r="E2897" t="s">
        <v>11</v>
      </c>
      <c r="F2897" s="2">
        <v>1</v>
      </c>
      <c r="G2897" t="s">
        <v>72</v>
      </c>
      <c r="H2897" t="s">
        <v>13</v>
      </c>
    </row>
    <row r="2898" spans="1:8" x14ac:dyDescent="0.25">
      <c r="A2898" s="1">
        <v>44590</v>
      </c>
      <c r="B2898" t="s">
        <v>2130</v>
      </c>
      <c r="C2898" t="s">
        <v>9</v>
      </c>
      <c r="D2898" t="s">
        <v>10</v>
      </c>
      <c r="E2898" t="s">
        <v>11</v>
      </c>
      <c r="F2898" s="2">
        <v>1</v>
      </c>
      <c r="G2898" t="s">
        <v>2131</v>
      </c>
      <c r="H2898" t="s">
        <v>13</v>
      </c>
    </row>
    <row r="2899" spans="1:8" x14ac:dyDescent="0.25">
      <c r="A2899" s="1">
        <v>44590</v>
      </c>
      <c r="B2899" t="s">
        <v>2132</v>
      </c>
      <c r="C2899" t="s">
        <v>47</v>
      </c>
      <c r="D2899" t="s">
        <v>10</v>
      </c>
      <c r="E2899" t="s">
        <v>11</v>
      </c>
      <c r="F2899" s="2">
        <v>1</v>
      </c>
      <c r="G2899" t="s">
        <v>72</v>
      </c>
      <c r="H2899" t="s">
        <v>13</v>
      </c>
    </row>
    <row r="2900" spans="1:8" x14ac:dyDescent="0.25">
      <c r="A2900" s="1">
        <v>44590</v>
      </c>
      <c r="B2900" t="s">
        <v>2133</v>
      </c>
      <c r="C2900" t="s">
        <v>35</v>
      </c>
      <c r="D2900" t="s">
        <v>10</v>
      </c>
      <c r="E2900" t="s">
        <v>11</v>
      </c>
      <c r="F2900" s="2">
        <v>1</v>
      </c>
      <c r="G2900" t="s">
        <v>63</v>
      </c>
      <c r="H2900" t="s">
        <v>13</v>
      </c>
    </row>
    <row r="2901" spans="1:8" x14ac:dyDescent="0.25">
      <c r="A2901" s="1">
        <v>44589</v>
      </c>
      <c r="B2901" t="s">
        <v>2134</v>
      </c>
      <c r="C2901" t="s">
        <v>79</v>
      </c>
      <c r="D2901" t="s">
        <v>10</v>
      </c>
      <c r="E2901" t="s">
        <v>11</v>
      </c>
      <c r="F2901" s="2">
        <v>1</v>
      </c>
      <c r="G2901" t="s">
        <v>216</v>
      </c>
      <c r="H2901" t="s">
        <v>13</v>
      </c>
    </row>
    <row r="2902" spans="1:8" x14ac:dyDescent="0.25">
      <c r="A2902" s="1">
        <v>44589</v>
      </c>
      <c r="B2902" t="s">
        <v>2134</v>
      </c>
      <c r="C2902" t="s">
        <v>80</v>
      </c>
      <c r="D2902" t="s">
        <v>10</v>
      </c>
      <c r="E2902" t="s">
        <v>11</v>
      </c>
      <c r="F2902" s="2">
        <v>1</v>
      </c>
      <c r="G2902" t="s">
        <v>216</v>
      </c>
      <c r="H2902" t="s">
        <v>13</v>
      </c>
    </row>
    <row r="2903" spans="1:8" x14ac:dyDescent="0.25">
      <c r="A2903" s="1">
        <v>44587</v>
      </c>
      <c r="B2903" t="s">
        <v>2135</v>
      </c>
      <c r="C2903" t="s">
        <v>413</v>
      </c>
      <c r="D2903" t="s">
        <v>10</v>
      </c>
      <c r="E2903" t="s">
        <v>11</v>
      </c>
      <c r="F2903" s="2">
        <v>1</v>
      </c>
      <c r="G2903" t="s">
        <v>1387</v>
      </c>
      <c r="H2903" t="s">
        <v>13</v>
      </c>
    </row>
    <row r="2904" spans="1:8" x14ac:dyDescent="0.25">
      <c r="A2904" s="1">
        <v>44587</v>
      </c>
      <c r="B2904" t="s">
        <v>2136</v>
      </c>
      <c r="C2904" t="s">
        <v>47</v>
      </c>
      <c r="D2904" t="s">
        <v>10</v>
      </c>
      <c r="E2904" t="s">
        <v>11</v>
      </c>
      <c r="F2904" s="2">
        <v>1</v>
      </c>
      <c r="G2904" t="s">
        <v>300</v>
      </c>
      <c r="H2904" t="s">
        <v>13</v>
      </c>
    </row>
    <row r="2905" spans="1:8" x14ac:dyDescent="0.25">
      <c r="A2905" s="1">
        <v>44586</v>
      </c>
      <c r="B2905" t="s">
        <v>2137</v>
      </c>
      <c r="C2905" t="s">
        <v>481</v>
      </c>
      <c r="D2905" t="s">
        <v>10</v>
      </c>
      <c r="E2905" t="s">
        <v>11</v>
      </c>
      <c r="F2905" s="2">
        <v>1</v>
      </c>
      <c r="G2905" t="s">
        <v>2059</v>
      </c>
      <c r="H2905" t="s">
        <v>13</v>
      </c>
    </row>
    <row r="2906" spans="1:8" x14ac:dyDescent="0.25">
      <c r="A2906" s="1">
        <v>44586</v>
      </c>
      <c r="B2906" t="s">
        <v>2138</v>
      </c>
      <c r="C2906" t="s">
        <v>9</v>
      </c>
      <c r="D2906" t="s">
        <v>10</v>
      </c>
      <c r="E2906" t="s">
        <v>11</v>
      </c>
      <c r="F2906" s="2">
        <v>1</v>
      </c>
      <c r="G2906" t="s">
        <v>145</v>
      </c>
      <c r="H2906" t="s">
        <v>13</v>
      </c>
    </row>
    <row r="2907" spans="1:8" x14ac:dyDescent="0.25">
      <c r="A2907" s="1">
        <v>44586</v>
      </c>
      <c r="B2907" t="s">
        <v>2138</v>
      </c>
      <c r="C2907" t="s">
        <v>32</v>
      </c>
      <c r="D2907" t="s">
        <v>10</v>
      </c>
      <c r="E2907" t="s">
        <v>11</v>
      </c>
      <c r="F2907" s="2">
        <v>1</v>
      </c>
      <c r="G2907" t="s">
        <v>145</v>
      </c>
      <c r="H2907" t="s">
        <v>13</v>
      </c>
    </row>
    <row r="2908" spans="1:8" x14ac:dyDescent="0.25">
      <c r="A2908" s="1">
        <v>44585</v>
      </c>
      <c r="B2908" t="s">
        <v>2139</v>
      </c>
      <c r="C2908" t="s">
        <v>16</v>
      </c>
      <c r="D2908" t="s">
        <v>10</v>
      </c>
      <c r="E2908" t="s">
        <v>11</v>
      </c>
      <c r="F2908" s="2">
        <v>1</v>
      </c>
      <c r="G2908" t="s">
        <v>46</v>
      </c>
      <c r="H2908" t="s">
        <v>13</v>
      </c>
    </row>
    <row r="2909" spans="1:8" x14ac:dyDescent="0.25">
      <c r="A2909" s="1">
        <v>44585</v>
      </c>
      <c r="B2909" t="s">
        <v>2140</v>
      </c>
      <c r="C2909" t="s">
        <v>47</v>
      </c>
      <c r="D2909" t="s">
        <v>10</v>
      </c>
      <c r="E2909" t="s">
        <v>11</v>
      </c>
      <c r="F2909" s="2">
        <v>1</v>
      </c>
      <c r="G2909" t="s">
        <v>181</v>
      </c>
      <c r="H2909" t="s">
        <v>13</v>
      </c>
    </row>
    <row r="2910" spans="1:8" x14ac:dyDescent="0.25">
      <c r="A2910" s="1">
        <v>44585</v>
      </c>
      <c r="B2910" t="s">
        <v>2140</v>
      </c>
      <c r="C2910" t="s">
        <v>42</v>
      </c>
      <c r="D2910" t="s">
        <v>10</v>
      </c>
      <c r="E2910" t="s">
        <v>11</v>
      </c>
      <c r="F2910" s="2">
        <v>1</v>
      </c>
      <c r="G2910" t="s">
        <v>181</v>
      </c>
      <c r="H2910" t="s">
        <v>13</v>
      </c>
    </row>
    <row r="2911" spans="1:8" x14ac:dyDescent="0.25">
      <c r="A2911" s="1">
        <v>44583</v>
      </c>
      <c r="B2911" t="s">
        <v>2141</v>
      </c>
      <c r="C2911" t="s">
        <v>9</v>
      </c>
      <c r="D2911" t="s">
        <v>10</v>
      </c>
      <c r="E2911" t="s">
        <v>11</v>
      </c>
      <c r="F2911" s="2">
        <v>1</v>
      </c>
      <c r="G2911" t="s">
        <v>61</v>
      </c>
      <c r="H2911" t="s">
        <v>13</v>
      </c>
    </row>
    <row r="2912" spans="1:8" x14ac:dyDescent="0.25">
      <c r="A2912" s="1">
        <v>44583</v>
      </c>
      <c r="B2912" t="s">
        <v>2141</v>
      </c>
      <c r="C2912" t="s">
        <v>271</v>
      </c>
      <c r="D2912" t="s">
        <v>10</v>
      </c>
      <c r="E2912" t="s">
        <v>11</v>
      </c>
      <c r="F2912" s="2">
        <v>1</v>
      </c>
      <c r="G2912" t="s">
        <v>61</v>
      </c>
      <c r="H2912" t="s">
        <v>13</v>
      </c>
    </row>
    <row r="2913" spans="1:8" x14ac:dyDescent="0.25">
      <c r="A2913" s="1">
        <v>44583</v>
      </c>
      <c r="B2913" t="s">
        <v>2142</v>
      </c>
      <c r="C2913" t="s">
        <v>79</v>
      </c>
      <c r="D2913" t="s">
        <v>10</v>
      </c>
      <c r="E2913" t="s">
        <v>11</v>
      </c>
      <c r="F2913" s="2">
        <v>1</v>
      </c>
      <c r="G2913" t="s">
        <v>44</v>
      </c>
      <c r="H2913" t="s">
        <v>13</v>
      </c>
    </row>
    <row r="2914" spans="1:8" x14ac:dyDescent="0.25">
      <c r="A2914" s="1">
        <v>44583</v>
      </c>
      <c r="B2914" t="s">
        <v>2142</v>
      </c>
      <c r="C2914" t="s">
        <v>689</v>
      </c>
      <c r="D2914" t="s">
        <v>10</v>
      </c>
      <c r="E2914" t="s">
        <v>11</v>
      </c>
      <c r="F2914" s="2">
        <v>1</v>
      </c>
      <c r="G2914" t="s">
        <v>44</v>
      </c>
      <c r="H2914" t="s">
        <v>13</v>
      </c>
    </row>
    <row r="2915" spans="1:8" x14ac:dyDescent="0.25">
      <c r="A2915" s="1">
        <v>44583</v>
      </c>
      <c r="B2915" t="s">
        <v>2143</v>
      </c>
      <c r="C2915" t="s">
        <v>9</v>
      </c>
      <c r="D2915" t="s">
        <v>10</v>
      </c>
      <c r="E2915" t="s">
        <v>11</v>
      </c>
      <c r="F2915" s="2">
        <v>1</v>
      </c>
      <c r="G2915" t="s">
        <v>793</v>
      </c>
      <c r="H2915" t="s">
        <v>13</v>
      </c>
    </row>
    <row r="2916" spans="1:8" x14ac:dyDescent="0.25">
      <c r="A2916" s="1">
        <v>44583</v>
      </c>
      <c r="B2916" t="s">
        <v>2143</v>
      </c>
      <c r="C2916" t="s">
        <v>16</v>
      </c>
      <c r="D2916" t="s">
        <v>10</v>
      </c>
      <c r="E2916" t="s">
        <v>11</v>
      </c>
      <c r="F2916" s="2">
        <v>1</v>
      </c>
      <c r="G2916" t="s">
        <v>793</v>
      </c>
      <c r="H2916" t="s">
        <v>13</v>
      </c>
    </row>
    <row r="2917" spans="1:8" x14ac:dyDescent="0.25">
      <c r="A2917" s="1">
        <v>44583</v>
      </c>
      <c r="B2917" t="s">
        <v>2143</v>
      </c>
      <c r="C2917" t="s">
        <v>47</v>
      </c>
      <c r="D2917" t="s">
        <v>10</v>
      </c>
      <c r="E2917" t="s">
        <v>11</v>
      </c>
      <c r="F2917" s="2">
        <v>1</v>
      </c>
      <c r="G2917" t="s">
        <v>793</v>
      </c>
      <c r="H2917" t="s">
        <v>13</v>
      </c>
    </row>
    <row r="2918" spans="1:8" x14ac:dyDescent="0.25">
      <c r="A2918" s="1">
        <v>44583</v>
      </c>
      <c r="B2918" t="s">
        <v>2144</v>
      </c>
      <c r="C2918" t="s">
        <v>79</v>
      </c>
      <c r="D2918" t="s">
        <v>10</v>
      </c>
      <c r="E2918" t="s">
        <v>11</v>
      </c>
      <c r="F2918" s="2">
        <v>1</v>
      </c>
      <c r="G2918" t="s">
        <v>181</v>
      </c>
      <c r="H2918" t="s">
        <v>13</v>
      </c>
    </row>
    <row r="2919" spans="1:8" x14ac:dyDescent="0.25">
      <c r="A2919" s="1">
        <v>44583</v>
      </c>
      <c r="B2919" t="s">
        <v>2144</v>
      </c>
      <c r="C2919" t="s">
        <v>80</v>
      </c>
      <c r="D2919" t="s">
        <v>10</v>
      </c>
      <c r="E2919" t="s">
        <v>11</v>
      </c>
      <c r="F2919" s="2">
        <v>1</v>
      </c>
      <c r="G2919" t="s">
        <v>181</v>
      </c>
      <c r="H2919" t="s">
        <v>13</v>
      </c>
    </row>
    <row r="2920" spans="1:8" x14ac:dyDescent="0.25">
      <c r="A2920" s="1">
        <v>44583</v>
      </c>
      <c r="B2920" t="s">
        <v>2145</v>
      </c>
      <c r="C2920" t="s">
        <v>9</v>
      </c>
      <c r="D2920" t="s">
        <v>10</v>
      </c>
      <c r="E2920" t="s">
        <v>11</v>
      </c>
      <c r="F2920" s="2">
        <v>1</v>
      </c>
      <c r="G2920" t="s">
        <v>181</v>
      </c>
      <c r="H2920" t="s">
        <v>13</v>
      </c>
    </row>
    <row r="2921" spans="1:8" x14ac:dyDescent="0.25">
      <c r="A2921" s="1">
        <v>44582</v>
      </c>
      <c r="B2921" t="s">
        <v>2146</v>
      </c>
      <c r="C2921" t="s">
        <v>9</v>
      </c>
      <c r="D2921" t="s">
        <v>10</v>
      </c>
      <c r="E2921" t="s">
        <v>11</v>
      </c>
      <c r="F2921" s="2">
        <v>1</v>
      </c>
      <c r="G2921" t="s">
        <v>100</v>
      </c>
      <c r="H2921" t="s">
        <v>13</v>
      </c>
    </row>
    <row r="2922" spans="1:8" x14ac:dyDescent="0.25">
      <c r="A2922" s="1">
        <v>44582</v>
      </c>
      <c r="B2922" t="s">
        <v>2146</v>
      </c>
      <c r="C2922" t="s">
        <v>35</v>
      </c>
      <c r="D2922" t="s">
        <v>10</v>
      </c>
      <c r="E2922" t="s">
        <v>11</v>
      </c>
      <c r="F2922" s="2">
        <v>1</v>
      </c>
      <c r="G2922" t="s">
        <v>100</v>
      </c>
      <c r="H2922" t="s">
        <v>13</v>
      </c>
    </row>
    <row r="2923" spans="1:8" x14ac:dyDescent="0.25">
      <c r="A2923" s="1">
        <v>44582</v>
      </c>
      <c r="B2923" t="s">
        <v>2146</v>
      </c>
      <c r="C2923" t="s">
        <v>14</v>
      </c>
      <c r="D2923" t="s">
        <v>10</v>
      </c>
      <c r="E2923" t="s">
        <v>11</v>
      </c>
      <c r="F2923" s="2">
        <v>1</v>
      </c>
      <c r="G2923" t="s">
        <v>100</v>
      </c>
      <c r="H2923" t="s">
        <v>13</v>
      </c>
    </row>
    <row r="2924" spans="1:8" x14ac:dyDescent="0.25">
      <c r="A2924" s="1">
        <v>44581</v>
      </c>
      <c r="B2924" t="s">
        <v>2147</v>
      </c>
      <c r="C2924" t="s">
        <v>9</v>
      </c>
      <c r="D2924" t="s">
        <v>10</v>
      </c>
      <c r="E2924" t="s">
        <v>11</v>
      </c>
      <c r="F2924" s="2">
        <v>1</v>
      </c>
      <c r="G2924" t="s">
        <v>181</v>
      </c>
      <c r="H2924" t="s">
        <v>13</v>
      </c>
    </row>
    <row r="2925" spans="1:8" x14ac:dyDescent="0.25">
      <c r="A2925" s="1">
        <v>44581</v>
      </c>
      <c r="B2925" t="s">
        <v>2147</v>
      </c>
      <c r="C2925" t="s">
        <v>42</v>
      </c>
      <c r="D2925" t="s">
        <v>10</v>
      </c>
      <c r="E2925" t="s">
        <v>11</v>
      </c>
      <c r="F2925" s="2">
        <v>1</v>
      </c>
      <c r="G2925" t="s">
        <v>181</v>
      </c>
      <c r="H2925" t="s">
        <v>13</v>
      </c>
    </row>
    <row r="2926" spans="1:8" x14ac:dyDescent="0.25">
      <c r="A2926" s="1">
        <v>44581</v>
      </c>
      <c r="B2926" t="s">
        <v>2147</v>
      </c>
      <c r="C2926" t="s">
        <v>14</v>
      </c>
      <c r="D2926" t="s">
        <v>10</v>
      </c>
      <c r="E2926" t="s">
        <v>11</v>
      </c>
      <c r="F2926" s="2">
        <v>1</v>
      </c>
      <c r="G2926" t="s">
        <v>181</v>
      </c>
      <c r="H2926" t="s">
        <v>13</v>
      </c>
    </row>
    <row r="2927" spans="1:8" x14ac:dyDescent="0.25">
      <c r="A2927" s="1">
        <v>44580</v>
      </c>
      <c r="B2927" t="s">
        <v>2148</v>
      </c>
      <c r="C2927" t="s">
        <v>9</v>
      </c>
      <c r="D2927" t="s">
        <v>10</v>
      </c>
      <c r="E2927" t="s">
        <v>11</v>
      </c>
      <c r="F2927" s="2">
        <v>1</v>
      </c>
      <c r="G2927" t="s">
        <v>44</v>
      </c>
      <c r="H2927" t="s">
        <v>13</v>
      </c>
    </row>
    <row r="2928" spans="1:8" x14ac:dyDescent="0.25">
      <c r="A2928" s="1">
        <v>44580</v>
      </c>
      <c r="B2928" t="s">
        <v>2148</v>
      </c>
      <c r="C2928" t="s">
        <v>47</v>
      </c>
      <c r="D2928" t="s">
        <v>10</v>
      </c>
      <c r="E2928" t="s">
        <v>11</v>
      </c>
      <c r="F2928" s="2">
        <v>1</v>
      </c>
      <c r="G2928" t="s">
        <v>44</v>
      </c>
      <c r="H2928" t="s">
        <v>13</v>
      </c>
    </row>
    <row r="2929" spans="1:8" x14ac:dyDescent="0.25">
      <c r="A2929" s="1">
        <v>44580</v>
      </c>
      <c r="B2929" t="s">
        <v>2149</v>
      </c>
      <c r="C2929" t="s">
        <v>86</v>
      </c>
      <c r="D2929" t="s">
        <v>10</v>
      </c>
      <c r="E2929" t="s">
        <v>11</v>
      </c>
      <c r="F2929" s="2">
        <v>1</v>
      </c>
      <c r="G2929" t="s">
        <v>46</v>
      </c>
      <c r="H2929" t="s">
        <v>13</v>
      </c>
    </row>
    <row r="2930" spans="1:8" x14ac:dyDescent="0.25">
      <c r="A2930" s="1">
        <v>44579</v>
      </c>
      <c r="B2930" t="s">
        <v>2150</v>
      </c>
      <c r="C2930" t="s">
        <v>79</v>
      </c>
      <c r="D2930" t="s">
        <v>10</v>
      </c>
      <c r="E2930" t="s">
        <v>11</v>
      </c>
      <c r="F2930" s="2">
        <v>1</v>
      </c>
      <c r="G2930" t="s">
        <v>191</v>
      </c>
      <c r="H2930" t="s">
        <v>13</v>
      </c>
    </row>
    <row r="2931" spans="1:8" x14ac:dyDescent="0.25">
      <c r="A2931" s="1">
        <v>44579</v>
      </c>
      <c r="B2931" t="s">
        <v>2150</v>
      </c>
      <c r="C2931" t="s">
        <v>80</v>
      </c>
      <c r="D2931" t="s">
        <v>10</v>
      </c>
      <c r="E2931" t="s">
        <v>11</v>
      </c>
      <c r="F2931" s="2">
        <v>1</v>
      </c>
      <c r="G2931" t="s">
        <v>191</v>
      </c>
      <c r="H2931" t="s">
        <v>13</v>
      </c>
    </row>
    <row r="2932" spans="1:8" x14ac:dyDescent="0.25">
      <c r="A2932" s="1">
        <v>44578</v>
      </c>
      <c r="B2932" t="s">
        <v>2151</v>
      </c>
      <c r="C2932" t="s">
        <v>118</v>
      </c>
      <c r="D2932" t="s">
        <v>10</v>
      </c>
      <c r="E2932" t="s">
        <v>11</v>
      </c>
      <c r="F2932" s="2">
        <v>1</v>
      </c>
      <c r="G2932" t="s">
        <v>20</v>
      </c>
      <c r="H2932" t="s">
        <v>13</v>
      </c>
    </row>
    <row r="2933" spans="1:8" x14ac:dyDescent="0.25">
      <c r="A2933" s="1">
        <v>44578</v>
      </c>
      <c r="B2933" t="s">
        <v>2151</v>
      </c>
      <c r="C2933" t="s">
        <v>118</v>
      </c>
      <c r="D2933" t="s">
        <v>10</v>
      </c>
      <c r="E2933" t="s">
        <v>11</v>
      </c>
      <c r="F2933" s="2">
        <v>1</v>
      </c>
      <c r="G2933" t="s">
        <v>20</v>
      </c>
      <c r="H2933" t="s">
        <v>13</v>
      </c>
    </row>
    <row r="2934" spans="1:8" x14ac:dyDescent="0.25">
      <c r="A2934" s="1">
        <v>44577</v>
      </c>
      <c r="B2934" t="s">
        <v>2152</v>
      </c>
      <c r="C2934" t="s">
        <v>118</v>
      </c>
      <c r="D2934" t="s">
        <v>26</v>
      </c>
      <c r="E2934" t="s">
        <v>11</v>
      </c>
      <c r="F2934" s="2">
        <v>1</v>
      </c>
      <c r="G2934" t="s">
        <v>347</v>
      </c>
      <c r="H2934" t="s">
        <v>13</v>
      </c>
    </row>
    <row r="2935" spans="1:8" x14ac:dyDescent="0.25">
      <c r="A2935" s="1">
        <v>44577</v>
      </c>
      <c r="B2935" t="s">
        <v>2152</v>
      </c>
      <c r="C2935" t="s">
        <v>151</v>
      </c>
      <c r="D2935" t="s">
        <v>26</v>
      </c>
      <c r="E2935" t="s">
        <v>11</v>
      </c>
      <c r="F2935" s="2">
        <v>1</v>
      </c>
      <c r="G2935" t="s">
        <v>347</v>
      </c>
      <c r="H2935" t="s">
        <v>13</v>
      </c>
    </row>
    <row r="2936" spans="1:8" x14ac:dyDescent="0.25">
      <c r="A2936" s="1">
        <v>44577</v>
      </c>
      <c r="B2936" t="s">
        <v>2153</v>
      </c>
      <c r="C2936" t="s">
        <v>35</v>
      </c>
      <c r="D2936" t="s">
        <v>10</v>
      </c>
      <c r="E2936" t="s">
        <v>11</v>
      </c>
      <c r="F2936" s="2">
        <v>1</v>
      </c>
      <c r="G2936" t="s">
        <v>2007</v>
      </c>
      <c r="H2936" t="s">
        <v>13</v>
      </c>
    </row>
    <row r="2937" spans="1:8" x14ac:dyDescent="0.25">
      <c r="A2937" s="1">
        <v>44577</v>
      </c>
      <c r="B2937" t="s">
        <v>2154</v>
      </c>
      <c r="C2937" t="s">
        <v>9</v>
      </c>
      <c r="D2937" t="s">
        <v>10</v>
      </c>
      <c r="E2937" t="s">
        <v>11</v>
      </c>
      <c r="F2937" s="2">
        <v>1</v>
      </c>
      <c r="G2937" t="s">
        <v>372</v>
      </c>
      <c r="H2937" t="s">
        <v>13</v>
      </c>
    </row>
    <row r="2938" spans="1:8" x14ac:dyDescent="0.25">
      <c r="A2938" s="1">
        <v>44577</v>
      </c>
      <c r="B2938" t="s">
        <v>2154</v>
      </c>
      <c r="C2938" t="s">
        <v>28</v>
      </c>
      <c r="D2938" t="s">
        <v>10</v>
      </c>
      <c r="E2938" t="s">
        <v>11</v>
      </c>
      <c r="F2938" s="2">
        <v>1</v>
      </c>
      <c r="G2938" t="s">
        <v>372</v>
      </c>
      <c r="H2938" t="s">
        <v>13</v>
      </c>
    </row>
    <row r="2939" spans="1:8" x14ac:dyDescent="0.25">
      <c r="A2939" s="1">
        <v>44577</v>
      </c>
      <c r="B2939" t="s">
        <v>2154</v>
      </c>
      <c r="C2939" t="s">
        <v>29</v>
      </c>
      <c r="D2939" t="s">
        <v>10</v>
      </c>
      <c r="E2939" t="s">
        <v>11</v>
      </c>
      <c r="F2939" s="2">
        <v>1</v>
      </c>
      <c r="G2939" t="s">
        <v>372</v>
      </c>
      <c r="H2939" t="s">
        <v>13</v>
      </c>
    </row>
    <row r="2940" spans="1:8" x14ac:dyDescent="0.25">
      <c r="A2940" s="1">
        <v>44576</v>
      </c>
      <c r="B2940" t="s">
        <v>2155</v>
      </c>
      <c r="C2940" t="s">
        <v>86</v>
      </c>
      <c r="D2940" t="s">
        <v>10</v>
      </c>
      <c r="E2940" t="s">
        <v>11</v>
      </c>
      <c r="F2940" s="2">
        <v>1</v>
      </c>
      <c r="G2940" t="s">
        <v>53</v>
      </c>
      <c r="H2940" t="s">
        <v>13</v>
      </c>
    </row>
    <row r="2941" spans="1:8" x14ac:dyDescent="0.25">
      <c r="A2941" s="1">
        <v>44576</v>
      </c>
      <c r="B2941" t="s">
        <v>2156</v>
      </c>
      <c r="C2941" t="s">
        <v>9</v>
      </c>
      <c r="D2941" t="s">
        <v>10</v>
      </c>
      <c r="E2941" t="s">
        <v>11</v>
      </c>
      <c r="F2941" s="2">
        <v>1</v>
      </c>
      <c r="G2941" t="s">
        <v>555</v>
      </c>
      <c r="H2941" t="s">
        <v>13</v>
      </c>
    </row>
    <row r="2942" spans="1:8" x14ac:dyDescent="0.25">
      <c r="A2942" s="1">
        <v>44576</v>
      </c>
      <c r="B2942" t="s">
        <v>2156</v>
      </c>
      <c r="C2942" t="s">
        <v>35</v>
      </c>
      <c r="D2942" t="s">
        <v>10</v>
      </c>
      <c r="E2942" t="s">
        <v>11</v>
      </c>
      <c r="F2942" s="2">
        <v>1</v>
      </c>
      <c r="G2942" t="s">
        <v>555</v>
      </c>
      <c r="H2942" t="s">
        <v>13</v>
      </c>
    </row>
    <row r="2943" spans="1:8" x14ac:dyDescent="0.25">
      <c r="A2943" s="1">
        <v>44575</v>
      </c>
      <c r="B2943" t="s">
        <v>2157</v>
      </c>
      <c r="C2943" t="s">
        <v>149</v>
      </c>
      <c r="D2943" t="s">
        <v>10</v>
      </c>
      <c r="E2943" t="s">
        <v>11</v>
      </c>
      <c r="F2943" s="2">
        <v>1</v>
      </c>
      <c r="G2943" t="s">
        <v>2158</v>
      </c>
      <c r="H2943" t="s">
        <v>13</v>
      </c>
    </row>
    <row r="2944" spans="1:8" x14ac:dyDescent="0.25">
      <c r="A2944" s="1">
        <v>44575</v>
      </c>
      <c r="B2944" t="s">
        <v>2157</v>
      </c>
      <c r="C2944" t="s">
        <v>610</v>
      </c>
      <c r="D2944" t="s">
        <v>10</v>
      </c>
      <c r="E2944" t="s">
        <v>11</v>
      </c>
      <c r="F2944" s="2">
        <v>1</v>
      </c>
      <c r="G2944" t="s">
        <v>2158</v>
      </c>
      <c r="H2944" t="s">
        <v>13</v>
      </c>
    </row>
    <row r="2945" spans="1:8" x14ac:dyDescent="0.25">
      <c r="A2945" s="1">
        <v>44575</v>
      </c>
      <c r="B2945" t="s">
        <v>2159</v>
      </c>
      <c r="C2945" t="s">
        <v>9</v>
      </c>
      <c r="D2945" t="s">
        <v>10</v>
      </c>
      <c r="E2945" t="s">
        <v>11</v>
      </c>
      <c r="F2945" s="2">
        <v>1</v>
      </c>
      <c r="G2945" t="s">
        <v>20</v>
      </c>
      <c r="H2945" t="s">
        <v>13</v>
      </c>
    </row>
    <row r="2946" spans="1:8" x14ac:dyDescent="0.25">
      <c r="A2946" s="1">
        <v>44575</v>
      </c>
      <c r="B2946" t="s">
        <v>2159</v>
      </c>
      <c r="C2946" t="s">
        <v>47</v>
      </c>
      <c r="D2946" t="s">
        <v>10</v>
      </c>
      <c r="E2946" t="s">
        <v>11</v>
      </c>
      <c r="F2946" s="2">
        <v>1</v>
      </c>
      <c r="G2946" t="s">
        <v>20</v>
      </c>
      <c r="H2946" t="s">
        <v>13</v>
      </c>
    </row>
    <row r="2947" spans="1:8" x14ac:dyDescent="0.25">
      <c r="A2947" s="1">
        <v>44575</v>
      </c>
      <c r="B2947" t="s">
        <v>2160</v>
      </c>
      <c r="C2947" t="s">
        <v>42</v>
      </c>
      <c r="D2947" t="s">
        <v>10</v>
      </c>
      <c r="E2947" t="s">
        <v>11</v>
      </c>
      <c r="F2947" s="2">
        <v>1</v>
      </c>
      <c r="G2947" t="s">
        <v>244</v>
      </c>
      <c r="H2947" t="s">
        <v>13</v>
      </c>
    </row>
    <row r="2948" spans="1:8" x14ac:dyDescent="0.25">
      <c r="A2948" s="1">
        <v>44574</v>
      </c>
      <c r="B2948" t="s">
        <v>2161</v>
      </c>
      <c r="C2948" t="s">
        <v>29</v>
      </c>
      <c r="D2948" t="s">
        <v>10</v>
      </c>
      <c r="E2948" t="s">
        <v>11</v>
      </c>
      <c r="F2948" s="2">
        <v>1</v>
      </c>
      <c r="G2948" t="s">
        <v>197</v>
      </c>
      <c r="H2948" t="s">
        <v>13</v>
      </c>
    </row>
    <row r="2949" spans="1:8" x14ac:dyDescent="0.25">
      <c r="A2949" s="1">
        <v>44574</v>
      </c>
      <c r="B2949" t="s">
        <v>2161</v>
      </c>
      <c r="C2949" t="s">
        <v>2162</v>
      </c>
      <c r="D2949" t="s">
        <v>10</v>
      </c>
      <c r="E2949" t="s">
        <v>11</v>
      </c>
      <c r="F2949" s="2">
        <v>1</v>
      </c>
      <c r="G2949" t="s">
        <v>197</v>
      </c>
      <c r="H2949" t="s">
        <v>13</v>
      </c>
    </row>
    <row r="2950" spans="1:8" x14ac:dyDescent="0.25">
      <c r="A2950" s="1">
        <v>44574</v>
      </c>
      <c r="B2950" t="s">
        <v>2163</v>
      </c>
      <c r="C2950" t="s">
        <v>9</v>
      </c>
      <c r="D2950" t="s">
        <v>10</v>
      </c>
      <c r="E2950" t="s">
        <v>11</v>
      </c>
      <c r="F2950" s="2">
        <v>1</v>
      </c>
      <c r="G2950" t="s">
        <v>46</v>
      </c>
      <c r="H2950" t="s">
        <v>13</v>
      </c>
    </row>
    <row r="2951" spans="1:8" x14ac:dyDescent="0.25">
      <c r="A2951" s="1">
        <v>44574</v>
      </c>
      <c r="B2951" t="s">
        <v>2163</v>
      </c>
      <c r="C2951" t="s">
        <v>47</v>
      </c>
      <c r="D2951" t="s">
        <v>10</v>
      </c>
      <c r="E2951" t="s">
        <v>11</v>
      </c>
      <c r="F2951" s="2">
        <v>1</v>
      </c>
      <c r="G2951" t="s">
        <v>46</v>
      </c>
      <c r="H2951" t="s">
        <v>13</v>
      </c>
    </row>
    <row r="2952" spans="1:8" x14ac:dyDescent="0.25">
      <c r="A2952" s="1">
        <v>44573</v>
      </c>
      <c r="B2952" t="s">
        <v>2164</v>
      </c>
      <c r="C2952" t="s">
        <v>9</v>
      </c>
      <c r="D2952" t="s">
        <v>10</v>
      </c>
      <c r="E2952" t="s">
        <v>11</v>
      </c>
      <c r="F2952" s="2">
        <v>1</v>
      </c>
      <c r="G2952" t="s">
        <v>1537</v>
      </c>
      <c r="H2952" t="s">
        <v>13</v>
      </c>
    </row>
    <row r="2953" spans="1:8" x14ac:dyDescent="0.25">
      <c r="A2953" s="1">
        <v>44573</v>
      </c>
      <c r="B2953" t="s">
        <v>2164</v>
      </c>
      <c r="C2953" t="s">
        <v>16</v>
      </c>
      <c r="D2953" t="s">
        <v>10</v>
      </c>
      <c r="E2953" t="s">
        <v>11</v>
      </c>
      <c r="F2953" s="2">
        <v>1</v>
      </c>
      <c r="G2953" t="s">
        <v>1537</v>
      </c>
      <c r="H2953" t="s">
        <v>13</v>
      </c>
    </row>
    <row r="2954" spans="1:8" x14ac:dyDescent="0.25">
      <c r="A2954" s="1">
        <v>44573</v>
      </c>
      <c r="B2954" t="s">
        <v>2164</v>
      </c>
      <c r="C2954" t="s">
        <v>762</v>
      </c>
      <c r="D2954" t="s">
        <v>10</v>
      </c>
      <c r="E2954" t="s">
        <v>11</v>
      </c>
      <c r="F2954" s="2">
        <v>1</v>
      </c>
      <c r="G2954" t="s">
        <v>1537</v>
      </c>
      <c r="H2954" t="s">
        <v>13</v>
      </c>
    </row>
    <row r="2955" spans="1:8" x14ac:dyDescent="0.25">
      <c r="A2955" s="1">
        <v>44573</v>
      </c>
      <c r="B2955" t="s">
        <v>2164</v>
      </c>
      <c r="C2955" t="s">
        <v>56</v>
      </c>
      <c r="D2955" t="s">
        <v>10</v>
      </c>
      <c r="E2955" t="s">
        <v>11</v>
      </c>
      <c r="F2955" s="2">
        <v>1</v>
      </c>
      <c r="G2955" t="s">
        <v>1537</v>
      </c>
      <c r="H2955" t="s">
        <v>13</v>
      </c>
    </row>
    <row r="2956" spans="1:8" x14ac:dyDescent="0.25">
      <c r="A2956" s="1">
        <v>44573</v>
      </c>
      <c r="B2956" t="s">
        <v>2164</v>
      </c>
      <c r="C2956" t="s">
        <v>518</v>
      </c>
      <c r="D2956" t="s">
        <v>10</v>
      </c>
      <c r="E2956" t="s">
        <v>11</v>
      </c>
      <c r="F2956" s="2">
        <v>1</v>
      </c>
      <c r="G2956" t="s">
        <v>1537</v>
      </c>
      <c r="H2956" t="s">
        <v>13</v>
      </c>
    </row>
    <row r="2957" spans="1:8" x14ac:dyDescent="0.25">
      <c r="A2957" s="1">
        <v>44573</v>
      </c>
      <c r="B2957" t="s">
        <v>2164</v>
      </c>
      <c r="C2957" t="s">
        <v>1082</v>
      </c>
      <c r="D2957" t="s">
        <v>10</v>
      </c>
      <c r="E2957" t="s">
        <v>11</v>
      </c>
      <c r="F2957" s="2">
        <v>1</v>
      </c>
      <c r="G2957" t="s">
        <v>1537</v>
      </c>
      <c r="H2957" t="s">
        <v>13</v>
      </c>
    </row>
    <row r="2958" spans="1:8" x14ac:dyDescent="0.25">
      <c r="A2958" s="1">
        <v>44573</v>
      </c>
      <c r="B2958" t="s">
        <v>2165</v>
      </c>
      <c r="C2958" t="s">
        <v>14</v>
      </c>
      <c r="D2958" t="s">
        <v>26</v>
      </c>
      <c r="E2958" t="s">
        <v>11</v>
      </c>
      <c r="F2958" s="2">
        <v>1</v>
      </c>
      <c r="G2958" t="s">
        <v>67</v>
      </c>
      <c r="H2958" t="s">
        <v>13</v>
      </c>
    </row>
    <row r="2959" spans="1:8" x14ac:dyDescent="0.25">
      <c r="A2959" s="1">
        <v>44573</v>
      </c>
      <c r="B2959" t="s">
        <v>2166</v>
      </c>
      <c r="C2959" t="s">
        <v>9</v>
      </c>
      <c r="D2959" t="s">
        <v>10</v>
      </c>
      <c r="E2959" t="s">
        <v>11</v>
      </c>
      <c r="F2959" s="2">
        <v>1</v>
      </c>
      <c r="G2959" t="s">
        <v>492</v>
      </c>
      <c r="H2959" t="s">
        <v>13</v>
      </c>
    </row>
    <row r="2960" spans="1:8" x14ac:dyDescent="0.25">
      <c r="A2960" s="1">
        <v>44573</v>
      </c>
      <c r="B2960" t="s">
        <v>2166</v>
      </c>
      <c r="C2960" t="s">
        <v>35</v>
      </c>
      <c r="D2960" t="s">
        <v>10</v>
      </c>
      <c r="E2960" t="s">
        <v>11</v>
      </c>
      <c r="F2960" s="2">
        <v>1</v>
      </c>
      <c r="G2960" t="s">
        <v>492</v>
      </c>
      <c r="H2960" t="s">
        <v>13</v>
      </c>
    </row>
    <row r="2961" spans="1:8" x14ac:dyDescent="0.25">
      <c r="A2961" s="1">
        <v>44572</v>
      </c>
      <c r="B2961" t="s">
        <v>2167</v>
      </c>
      <c r="C2961" t="s">
        <v>47</v>
      </c>
      <c r="D2961" t="s">
        <v>10</v>
      </c>
      <c r="E2961" t="s">
        <v>11</v>
      </c>
      <c r="F2961" s="2">
        <v>1</v>
      </c>
      <c r="G2961" t="s">
        <v>194</v>
      </c>
      <c r="H2961" t="s">
        <v>13</v>
      </c>
    </row>
    <row r="2962" spans="1:8" x14ac:dyDescent="0.25">
      <c r="A2962" s="1">
        <v>44571</v>
      </c>
      <c r="B2962" t="s">
        <v>2168</v>
      </c>
      <c r="C2962" t="s">
        <v>120</v>
      </c>
      <c r="D2962" t="s">
        <v>10</v>
      </c>
      <c r="E2962" t="s">
        <v>11</v>
      </c>
      <c r="F2962" s="2">
        <v>1</v>
      </c>
      <c r="G2962" t="s">
        <v>77</v>
      </c>
      <c r="H2962" t="s">
        <v>13</v>
      </c>
    </row>
    <row r="2963" spans="1:8" x14ac:dyDescent="0.25">
      <c r="A2963" s="1">
        <v>44570</v>
      </c>
      <c r="B2963" t="s">
        <v>2169</v>
      </c>
      <c r="C2963" t="s">
        <v>9</v>
      </c>
      <c r="D2963" t="s">
        <v>10</v>
      </c>
      <c r="E2963" t="s">
        <v>11</v>
      </c>
      <c r="F2963" s="2">
        <v>1</v>
      </c>
      <c r="G2963" t="s">
        <v>793</v>
      </c>
      <c r="H2963" t="s">
        <v>13</v>
      </c>
    </row>
    <row r="2964" spans="1:8" x14ac:dyDescent="0.25">
      <c r="A2964" s="1">
        <v>44570</v>
      </c>
      <c r="B2964" t="s">
        <v>2169</v>
      </c>
      <c r="C2964" t="s">
        <v>35</v>
      </c>
      <c r="D2964" t="s">
        <v>10</v>
      </c>
      <c r="E2964" t="s">
        <v>11</v>
      </c>
      <c r="F2964" s="2">
        <v>1</v>
      </c>
      <c r="G2964" t="s">
        <v>793</v>
      </c>
      <c r="H2964" t="s">
        <v>13</v>
      </c>
    </row>
    <row r="2965" spans="1:8" x14ac:dyDescent="0.25">
      <c r="A2965" s="1">
        <v>44570</v>
      </c>
      <c r="B2965" t="s">
        <v>2170</v>
      </c>
      <c r="C2965" t="s">
        <v>86</v>
      </c>
      <c r="D2965" t="s">
        <v>10</v>
      </c>
      <c r="E2965" t="s">
        <v>11</v>
      </c>
      <c r="F2965" s="2">
        <v>1</v>
      </c>
      <c r="G2965" t="s">
        <v>181</v>
      </c>
      <c r="H2965" t="s">
        <v>13</v>
      </c>
    </row>
    <row r="2966" spans="1:8" x14ac:dyDescent="0.25">
      <c r="A2966" s="1">
        <v>44570</v>
      </c>
      <c r="B2966" t="s">
        <v>2171</v>
      </c>
      <c r="C2966" t="s">
        <v>142</v>
      </c>
      <c r="D2966" t="s">
        <v>10</v>
      </c>
      <c r="E2966" t="s">
        <v>11</v>
      </c>
      <c r="F2966" s="2">
        <v>1</v>
      </c>
      <c r="G2966" t="s">
        <v>2131</v>
      </c>
      <c r="H2966" t="s">
        <v>13</v>
      </c>
    </row>
    <row r="2967" spans="1:8" x14ac:dyDescent="0.25">
      <c r="A2967" s="1">
        <v>44570</v>
      </c>
      <c r="B2967" t="s">
        <v>2171</v>
      </c>
      <c r="C2967" t="s">
        <v>142</v>
      </c>
      <c r="D2967" t="s">
        <v>10</v>
      </c>
      <c r="E2967" t="s">
        <v>11</v>
      </c>
      <c r="F2967" s="2">
        <v>1</v>
      </c>
      <c r="G2967" t="s">
        <v>2131</v>
      </c>
      <c r="H2967" t="s">
        <v>13</v>
      </c>
    </row>
    <row r="2968" spans="1:8" x14ac:dyDescent="0.25">
      <c r="A2968" s="1">
        <v>44570</v>
      </c>
      <c r="B2968" t="s">
        <v>2171</v>
      </c>
      <c r="C2968" t="s">
        <v>893</v>
      </c>
      <c r="D2968" t="s">
        <v>10</v>
      </c>
      <c r="E2968" t="s">
        <v>11</v>
      </c>
      <c r="F2968" s="2">
        <v>1</v>
      </c>
      <c r="G2968" t="s">
        <v>2131</v>
      </c>
      <c r="H2968" t="s">
        <v>13</v>
      </c>
    </row>
    <row r="2969" spans="1:8" x14ac:dyDescent="0.25">
      <c r="A2969" s="1">
        <v>44570</v>
      </c>
      <c r="B2969" t="s">
        <v>2171</v>
      </c>
      <c r="C2969" t="s">
        <v>893</v>
      </c>
      <c r="D2969" t="s">
        <v>10</v>
      </c>
      <c r="E2969" t="s">
        <v>11</v>
      </c>
      <c r="F2969" s="2">
        <v>1</v>
      </c>
      <c r="G2969" t="s">
        <v>2131</v>
      </c>
      <c r="H2969" t="s">
        <v>13</v>
      </c>
    </row>
    <row r="2970" spans="1:8" x14ac:dyDescent="0.25">
      <c r="A2970" s="1">
        <v>44570</v>
      </c>
      <c r="B2970" t="s">
        <v>2171</v>
      </c>
      <c r="C2970" t="s">
        <v>151</v>
      </c>
      <c r="D2970" t="s">
        <v>10</v>
      </c>
      <c r="E2970" t="s">
        <v>11</v>
      </c>
      <c r="F2970" s="2">
        <v>1</v>
      </c>
      <c r="G2970" t="s">
        <v>2131</v>
      </c>
      <c r="H2970" t="s">
        <v>13</v>
      </c>
    </row>
    <row r="2971" spans="1:8" x14ac:dyDescent="0.25">
      <c r="A2971" s="1">
        <v>44570</v>
      </c>
      <c r="B2971" t="s">
        <v>2171</v>
      </c>
      <c r="C2971" t="s">
        <v>151</v>
      </c>
      <c r="D2971" t="s">
        <v>10</v>
      </c>
      <c r="E2971" t="s">
        <v>11</v>
      </c>
      <c r="F2971" s="2">
        <v>1</v>
      </c>
      <c r="G2971" t="s">
        <v>2131</v>
      </c>
      <c r="H2971" t="s">
        <v>13</v>
      </c>
    </row>
    <row r="2972" spans="1:8" x14ac:dyDescent="0.25">
      <c r="A2972" s="1">
        <v>44570</v>
      </c>
      <c r="B2972" t="s">
        <v>2172</v>
      </c>
      <c r="C2972" t="s">
        <v>47</v>
      </c>
      <c r="D2972" t="s">
        <v>10</v>
      </c>
      <c r="E2972" t="s">
        <v>11</v>
      </c>
      <c r="F2972" s="2">
        <v>1</v>
      </c>
      <c r="G2972" t="s">
        <v>2173</v>
      </c>
      <c r="H2972" t="s">
        <v>13</v>
      </c>
    </row>
    <row r="2973" spans="1:8" x14ac:dyDescent="0.25">
      <c r="A2973" s="1">
        <v>44570</v>
      </c>
      <c r="B2973" t="s">
        <v>2174</v>
      </c>
      <c r="C2973" t="s">
        <v>47</v>
      </c>
      <c r="D2973" t="s">
        <v>10</v>
      </c>
      <c r="E2973" t="s">
        <v>11</v>
      </c>
      <c r="F2973" s="2">
        <v>1</v>
      </c>
      <c r="G2973" t="s">
        <v>187</v>
      </c>
      <c r="H2973" t="s">
        <v>13</v>
      </c>
    </row>
    <row r="2974" spans="1:8" x14ac:dyDescent="0.25">
      <c r="A2974" s="1">
        <v>44570</v>
      </c>
      <c r="B2974" t="s">
        <v>2175</v>
      </c>
      <c r="C2974" t="s">
        <v>47</v>
      </c>
      <c r="D2974" t="s">
        <v>10</v>
      </c>
      <c r="E2974" t="s">
        <v>11</v>
      </c>
      <c r="F2974" s="2">
        <v>1</v>
      </c>
      <c r="G2974" t="s">
        <v>100</v>
      </c>
      <c r="H2974" t="s">
        <v>13</v>
      </c>
    </row>
    <row r="2975" spans="1:8" x14ac:dyDescent="0.25">
      <c r="A2975" s="1">
        <v>44569</v>
      </c>
      <c r="B2975" t="s">
        <v>2176</v>
      </c>
      <c r="C2975" t="s">
        <v>35</v>
      </c>
      <c r="D2975" t="s">
        <v>10</v>
      </c>
      <c r="E2975" t="s">
        <v>11</v>
      </c>
      <c r="F2975" s="2">
        <v>1</v>
      </c>
      <c r="G2975" t="s">
        <v>2177</v>
      </c>
      <c r="H2975" t="s">
        <v>13</v>
      </c>
    </row>
    <row r="2976" spans="1:8" x14ac:dyDescent="0.25">
      <c r="A2976" s="1">
        <v>44569</v>
      </c>
      <c r="B2976" t="s">
        <v>2178</v>
      </c>
      <c r="C2976" t="s">
        <v>785</v>
      </c>
      <c r="D2976" t="s">
        <v>10</v>
      </c>
      <c r="E2976" t="s">
        <v>11</v>
      </c>
      <c r="F2976" s="2">
        <v>1</v>
      </c>
      <c r="G2976" t="s">
        <v>111</v>
      </c>
      <c r="H2976" t="s">
        <v>13</v>
      </c>
    </row>
    <row r="2977" spans="1:8" x14ac:dyDescent="0.25">
      <c r="A2977" s="1">
        <v>44568</v>
      </c>
      <c r="B2977" t="s">
        <v>2179</v>
      </c>
      <c r="C2977" t="s">
        <v>19</v>
      </c>
      <c r="D2977" t="s">
        <v>10</v>
      </c>
      <c r="E2977" t="s">
        <v>11</v>
      </c>
      <c r="F2977" s="2">
        <v>1</v>
      </c>
      <c r="G2977" t="s">
        <v>244</v>
      </c>
      <c r="H2977" t="s">
        <v>13</v>
      </c>
    </row>
    <row r="2978" spans="1:8" x14ac:dyDescent="0.25">
      <c r="A2978" s="1">
        <v>44568</v>
      </c>
      <c r="B2978" t="s">
        <v>2180</v>
      </c>
      <c r="C2978" t="s">
        <v>9</v>
      </c>
      <c r="D2978" t="s">
        <v>10</v>
      </c>
      <c r="E2978" t="s">
        <v>11</v>
      </c>
      <c r="F2978" s="2">
        <v>1</v>
      </c>
      <c r="G2978" t="s">
        <v>2181</v>
      </c>
      <c r="H2978" t="s">
        <v>13</v>
      </c>
    </row>
    <row r="2979" spans="1:8" x14ac:dyDescent="0.25">
      <c r="A2979" s="1">
        <v>44568</v>
      </c>
      <c r="B2979" t="s">
        <v>2182</v>
      </c>
      <c r="C2979" t="s">
        <v>47</v>
      </c>
      <c r="D2979" t="s">
        <v>10</v>
      </c>
      <c r="E2979" t="s">
        <v>11</v>
      </c>
      <c r="F2979" s="2">
        <v>1</v>
      </c>
      <c r="G2979" t="s">
        <v>61</v>
      </c>
      <c r="H2979" t="s">
        <v>13</v>
      </c>
    </row>
    <row r="2980" spans="1:8" x14ac:dyDescent="0.25">
      <c r="A2980" s="1">
        <v>44568</v>
      </c>
      <c r="B2980" t="s">
        <v>2183</v>
      </c>
      <c r="C2980" t="s">
        <v>47</v>
      </c>
      <c r="D2980" t="s">
        <v>10</v>
      </c>
      <c r="E2980" t="s">
        <v>11</v>
      </c>
      <c r="F2980" s="2">
        <v>1</v>
      </c>
      <c r="G2980" t="s">
        <v>232</v>
      </c>
      <c r="H2980" t="s">
        <v>13</v>
      </c>
    </row>
    <row r="2981" spans="1:8" x14ac:dyDescent="0.25">
      <c r="A2981" s="1">
        <v>44567</v>
      </c>
      <c r="B2981" t="s">
        <v>2184</v>
      </c>
      <c r="C2981" t="s">
        <v>19</v>
      </c>
      <c r="D2981" t="s">
        <v>10</v>
      </c>
      <c r="E2981" t="s">
        <v>11</v>
      </c>
      <c r="F2981" s="2">
        <v>1</v>
      </c>
      <c r="G2981" t="s">
        <v>20</v>
      </c>
      <c r="H2981" t="s">
        <v>13</v>
      </c>
    </row>
    <row r="2982" spans="1:8" x14ac:dyDescent="0.25">
      <c r="A2982" s="1">
        <v>44567</v>
      </c>
      <c r="B2982" t="s">
        <v>2185</v>
      </c>
      <c r="C2982" t="s">
        <v>79</v>
      </c>
      <c r="D2982" t="s">
        <v>10</v>
      </c>
      <c r="E2982" t="s">
        <v>11</v>
      </c>
      <c r="F2982" s="2">
        <v>1</v>
      </c>
      <c r="G2982" t="s">
        <v>20</v>
      </c>
      <c r="H2982" t="s">
        <v>13</v>
      </c>
    </row>
    <row r="2983" spans="1:8" x14ac:dyDescent="0.25">
      <c r="A2983" s="1">
        <v>44567</v>
      </c>
      <c r="B2983" t="s">
        <v>2186</v>
      </c>
      <c r="C2983" t="s">
        <v>47</v>
      </c>
      <c r="D2983" t="s">
        <v>26</v>
      </c>
      <c r="E2983" t="s">
        <v>11</v>
      </c>
      <c r="F2983" s="2">
        <v>1</v>
      </c>
      <c r="G2983" t="s">
        <v>46</v>
      </c>
      <c r="H2983" t="s">
        <v>13</v>
      </c>
    </row>
    <row r="2984" spans="1:8" x14ac:dyDescent="0.25">
      <c r="A2984" s="1">
        <v>44567</v>
      </c>
      <c r="B2984" t="s">
        <v>2187</v>
      </c>
      <c r="C2984" t="s">
        <v>9</v>
      </c>
      <c r="D2984" t="s">
        <v>10</v>
      </c>
      <c r="E2984" t="s">
        <v>11</v>
      </c>
      <c r="F2984" s="2">
        <v>1</v>
      </c>
      <c r="G2984" t="s">
        <v>325</v>
      </c>
      <c r="H2984" t="s">
        <v>13</v>
      </c>
    </row>
    <row r="2985" spans="1:8" x14ac:dyDescent="0.25">
      <c r="A2985" s="1">
        <v>44567</v>
      </c>
      <c r="B2985" t="s">
        <v>2187</v>
      </c>
      <c r="C2985" t="s">
        <v>9</v>
      </c>
      <c r="D2985" t="s">
        <v>10</v>
      </c>
      <c r="E2985" t="s">
        <v>11</v>
      </c>
      <c r="F2985" s="2">
        <v>1</v>
      </c>
      <c r="G2985" t="s">
        <v>325</v>
      </c>
      <c r="H2985" t="s">
        <v>13</v>
      </c>
    </row>
    <row r="2986" spans="1:8" x14ac:dyDescent="0.25">
      <c r="A2986" s="1">
        <v>44567</v>
      </c>
      <c r="B2986" t="s">
        <v>2187</v>
      </c>
      <c r="C2986" t="s">
        <v>64</v>
      </c>
      <c r="D2986" t="s">
        <v>10</v>
      </c>
      <c r="E2986" t="s">
        <v>11</v>
      </c>
      <c r="F2986" s="2">
        <v>1</v>
      </c>
      <c r="G2986" t="s">
        <v>325</v>
      </c>
      <c r="H2986" t="s">
        <v>13</v>
      </c>
    </row>
    <row r="2987" spans="1:8" x14ac:dyDescent="0.25">
      <c r="A2987" s="1">
        <v>44567</v>
      </c>
      <c r="B2987" t="s">
        <v>2187</v>
      </c>
      <c r="C2987" t="s">
        <v>64</v>
      </c>
      <c r="D2987" t="s">
        <v>10</v>
      </c>
      <c r="E2987" t="s">
        <v>11</v>
      </c>
      <c r="F2987" s="2">
        <v>1</v>
      </c>
      <c r="G2987" t="s">
        <v>325</v>
      </c>
      <c r="H2987" t="s">
        <v>13</v>
      </c>
    </row>
    <row r="2988" spans="1:8" x14ac:dyDescent="0.25">
      <c r="A2988" s="1">
        <v>44567</v>
      </c>
      <c r="B2988" t="s">
        <v>2187</v>
      </c>
      <c r="C2988" t="s">
        <v>50</v>
      </c>
      <c r="D2988" t="s">
        <v>10</v>
      </c>
      <c r="E2988" t="s">
        <v>11</v>
      </c>
      <c r="F2988" s="2">
        <v>1</v>
      </c>
      <c r="G2988" t="s">
        <v>325</v>
      </c>
      <c r="H2988" t="s">
        <v>13</v>
      </c>
    </row>
    <row r="2989" spans="1:8" x14ac:dyDescent="0.25">
      <c r="A2989" s="1">
        <v>44567</v>
      </c>
      <c r="B2989" t="s">
        <v>2187</v>
      </c>
      <c r="C2989" t="s">
        <v>50</v>
      </c>
      <c r="D2989" t="s">
        <v>10</v>
      </c>
      <c r="E2989" t="s">
        <v>11</v>
      </c>
      <c r="F2989" s="2">
        <v>1</v>
      </c>
      <c r="G2989" t="s">
        <v>325</v>
      </c>
      <c r="H2989" t="s">
        <v>13</v>
      </c>
    </row>
    <row r="2990" spans="1:8" x14ac:dyDescent="0.25">
      <c r="A2990" s="1">
        <v>44566</v>
      </c>
      <c r="B2990" t="s">
        <v>2188</v>
      </c>
      <c r="C2990" t="s">
        <v>16</v>
      </c>
      <c r="D2990" t="s">
        <v>10</v>
      </c>
      <c r="E2990" t="s">
        <v>11</v>
      </c>
      <c r="F2990" s="2">
        <v>1</v>
      </c>
      <c r="G2990" t="s">
        <v>559</v>
      </c>
      <c r="H2990" t="s">
        <v>13</v>
      </c>
    </row>
    <row r="2991" spans="1:8" x14ac:dyDescent="0.25">
      <c r="A2991" s="1">
        <v>44566</v>
      </c>
      <c r="B2991" t="s">
        <v>2188</v>
      </c>
      <c r="C2991" t="s">
        <v>47</v>
      </c>
      <c r="D2991" t="s">
        <v>10</v>
      </c>
      <c r="E2991" t="s">
        <v>11</v>
      </c>
      <c r="F2991" s="2">
        <v>1</v>
      </c>
      <c r="G2991" t="s">
        <v>559</v>
      </c>
      <c r="H2991" t="s">
        <v>13</v>
      </c>
    </row>
    <row r="2992" spans="1:8" x14ac:dyDescent="0.25">
      <c r="A2992" s="1">
        <v>44566</v>
      </c>
      <c r="B2992" t="s">
        <v>2188</v>
      </c>
      <c r="C2992" t="s">
        <v>14</v>
      </c>
      <c r="D2992" t="s">
        <v>10</v>
      </c>
      <c r="E2992" t="s">
        <v>11</v>
      </c>
      <c r="F2992" s="2">
        <v>1</v>
      </c>
      <c r="G2992" t="s">
        <v>559</v>
      </c>
      <c r="H2992" t="s">
        <v>13</v>
      </c>
    </row>
    <row r="2993" spans="1:8" x14ac:dyDescent="0.25">
      <c r="A2993" s="1">
        <v>44566</v>
      </c>
      <c r="B2993" t="s">
        <v>2189</v>
      </c>
      <c r="C2993" t="s">
        <v>9</v>
      </c>
      <c r="D2993" t="s">
        <v>10</v>
      </c>
      <c r="E2993" t="s">
        <v>11</v>
      </c>
      <c r="F2993" s="2">
        <v>1</v>
      </c>
      <c r="G2993" t="s">
        <v>46</v>
      </c>
      <c r="H2993" t="s">
        <v>13</v>
      </c>
    </row>
    <row r="2994" spans="1:8" x14ac:dyDescent="0.25">
      <c r="A2994" s="1">
        <v>44566</v>
      </c>
      <c r="B2994" t="s">
        <v>2189</v>
      </c>
      <c r="C2994" t="s">
        <v>35</v>
      </c>
      <c r="D2994" t="s">
        <v>10</v>
      </c>
      <c r="E2994" t="s">
        <v>11</v>
      </c>
      <c r="F2994" s="2">
        <v>1</v>
      </c>
      <c r="G2994" t="s">
        <v>46</v>
      </c>
      <c r="H2994" t="s">
        <v>13</v>
      </c>
    </row>
    <row r="2995" spans="1:8" x14ac:dyDescent="0.25">
      <c r="A2995" s="1">
        <v>44566</v>
      </c>
      <c r="B2995" t="s">
        <v>2189</v>
      </c>
      <c r="C2995" t="s">
        <v>47</v>
      </c>
      <c r="D2995" t="s">
        <v>10</v>
      </c>
      <c r="E2995" t="s">
        <v>11</v>
      </c>
      <c r="F2995" s="2">
        <v>1</v>
      </c>
      <c r="G2995" t="s">
        <v>46</v>
      </c>
      <c r="H2995" t="s">
        <v>13</v>
      </c>
    </row>
    <row r="2996" spans="1:8" x14ac:dyDescent="0.25">
      <c r="A2996" s="1">
        <v>44566</v>
      </c>
      <c r="B2996" t="s">
        <v>2190</v>
      </c>
      <c r="C2996" t="s">
        <v>9</v>
      </c>
      <c r="D2996" t="s">
        <v>10</v>
      </c>
      <c r="E2996" t="s">
        <v>11</v>
      </c>
      <c r="F2996" s="2">
        <v>1</v>
      </c>
      <c r="G2996" t="s">
        <v>46</v>
      </c>
      <c r="H2996" t="s">
        <v>13</v>
      </c>
    </row>
    <row r="2997" spans="1:8" x14ac:dyDescent="0.25">
      <c r="A2997" s="1">
        <v>44566</v>
      </c>
      <c r="B2997" t="s">
        <v>2190</v>
      </c>
      <c r="C2997" t="s">
        <v>47</v>
      </c>
      <c r="D2997" t="s">
        <v>10</v>
      </c>
      <c r="E2997" t="s">
        <v>11</v>
      </c>
      <c r="F2997" s="2">
        <v>1</v>
      </c>
      <c r="G2997" t="s">
        <v>46</v>
      </c>
      <c r="H2997" t="s">
        <v>13</v>
      </c>
    </row>
    <row r="2998" spans="1:8" x14ac:dyDescent="0.25">
      <c r="A2998" s="1">
        <v>44563</v>
      </c>
      <c r="B2998" t="s">
        <v>2191</v>
      </c>
      <c r="C2998" t="s">
        <v>9</v>
      </c>
      <c r="D2998" t="s">
        <v>10</v>
      </c>
      <c r="E2998" t="s">
        <v>11</v>
      </c>
      <c r="F2998" s="2">
        <v>1</v>
      </c>
      <c r="G2998" t="s">
        <v>83</v>
      </c>
      <c r="H2998" t="s">
        <v>13</v>
      </c>
    </row>
    <row r="2999" spans="1:8" x14ac:dyDescent="0.25">
      <c r="A2999" s="1">
        <v>44563</v>
      </c>
      <c r="B2999" t="s">
        <v>2192</v>
      </c>
      <c r="C2999" t="s">
        <v>14</v>
      </c>
      <c r="D2999" t="s">
        <v>10</v>
      </c>
      <c r="E2999" t="s">
        <v>11</v>
      </c>
      <c r="F2999" s="2">
        <v>1</v>
      </c>
      <c r="G2999" t="s">
        <v>699</v>
      </c>
      <c r="H2999" t="s">
        <v>13</v>
      </c>
    </row>
    <row r="3000" spans="1:8" x14ac:dyDescent="0.25">
      <c r="A3000" s="1">
        <v>44563</v>
      </c>
      <c r="B3000" t="s">
        <v>2193</v>
      </c>
      <c r="C3000" t="s">
        <v>9</v>
      </c>
      <c r="D3000" t="s">
        <v>10</v>
      </c>
      <c r="E3000" t="s">
        <v>11</v>
      </c>
      <c r="F3000" s="2">
        <v>1</v>
      </c>
      <c r="G3000" t="s">
        <v>111</v>
      </c>
      <c r="H3000" t="s">
        <v>13</v>
      </c>
    </row>
    <row r="3001" spans="1:8" x14ac:dyDescent="0.25">
      <c r="A3001" s="1">
        <v>44563</v>
      </c>
      <c r="B3001" t="s">
        <v>2193</v>
      </c>
      <c r="C3001" t="s">
        <v>507</v>
      </c>
      <c r="D3001" t="s">
        <v>10</v>
      </c>
      <c r="E3001" t="s">
        <v>11</v>
      </c>
      <c r="F3001" s="2">
        <v>1</v>
      </c>
      <c r="G3001" t="s">
        <v>111</v>
      </c>
      <c r="H3001" t="s">
        <v>13</v>
      </c>
    </row>
    <row r="3002" spans="1:8" x14ac:dyDescent="0.25">
      <c r="A3002" s="1">
        <v>44563</v>
      </c>
      <c r="B3002" t="s">
        <v>2194</v>
      </c>
      <c r="C3002" t="s">
        <v>174</v>
      </c>
      <c r="D3002" t="s">
        <v>10</v>
      </c>
      <c r="E3002" t="s">
        <v>11</v>
      </c>
      <c r="F3002" s="2">
        <v>1</v>
      </c>
      <c r="G3002" t="s">
        <v>342</v>
      </c>
      <c r="H3002" t="s">
        <v>13</v>
      </c>
    </row>
    <row r="3003" spans="1:8" x14ac:dyDescent="0.25">
      <c r="A3003" s="1">
        <v>44561</v>
      </c>
      <c r="B3003" t="s">
        <v>2195</v>
      </c>
      <c r="C3003" t="s">
        <v>9</v>
      </c>
      <c r="D3003" t="s">
        <v>10</v>
      </c>
      <c r="E3003" t="s">
        <v>11</v>
      </c>
      <c r="F3003" s="2">
        <v>1</v>
      </c>
      <c r="G3003" t="s">
        <v>232</v>
      </c>
      <c r="H3003" t="s">
        <v>13</v>
      </c>
    </row>
    <row r="3004" spans="1:8" x14ac:dyDescent="0.25">
      <c r="A3004" s="1">
        <v>44561</v>
      </c>
      <c r="B3004" t="s">
        <v>2195</v>
      </c>
      <c r="C3004" t="s">
        <v>47</v>
      </c>
      <c r="D3004" t="s">
        <v>10</v>
      </c>
      <c r="E3004" t="s">
        <v>11</v>
      </c>
      <c r="F3004" s="2">
        <v>1</v>
      </c>
      <c r="G3004" t="s">
        <v>232</v>
      </c>
      <c r="H3004" t="s">
        <v>13</v>
      </c>
    </row>
    <row r="3005" spans="1:8" x14ac:dyDescent="0.25">
      <c r="A3005" s="1">
        <v>44560</v>
      </c>
      <c r="B3005" t="s">
        <v>2196</v>
      </c>
      <c r="C3005" t="s">
        <v>174</v>
      </c>
      <c r="D3005" t="s">
        <v>10</v>
      </c>
      <c r="E3005" t="s">
        <v>11</v>
      </c>
      <c r="F3005" s="2">
        <v>1</v>
      </c>
      <c r="G3005" t="s">
        <v>46</v>
      </c>
      <c r="H3005" t="s">
        <v>13</v>
      </c>
    </row>
    <row r="3006" spans="1:8" x14ac:dyDescent="0.25">
      <c r="A3006" s="1">
        <v>44560</v>
      </c>
      <c r="B3006" t="s">
        <v>2197</v>
      </c>
      <c r="C3006" t="s">
        <v>510</v>
      </c>
      <c r="D3006" t="s">
        <v>10</v>
      </c>
      <c r="E3006" t="s">
        <v>11</v>
      </c>
      <c r="F3006" s="2">
        <v>1</v>
      </c>
      <c r="G3006" t="s">
        <v>67</v>
      </c>
      <c r="H3006" t="s">
        <v>13</v>
      </c>
    </row>
    <row r="3007" spans="1:8" x14ac:dyDescent="0.25">
      <c r="A3007" s="1">
        <v>44558</v>
      </c>
      <c r="B3007" t="s">
        <v>2198</v>
      </c>
      <c r="C3007" t="s">
        <v>271</v>
      </c>
      <c r="D3007" t="s">
        <v>10</v>
      </c>
      <c r="E3007" t="s">
        <v>11</v>
      </c>
      <c r="F3007" s="2">
        <v>1</v>
      </c>
      <c r="G3007" t="s">
        <v>37</v>
      </c>
      <c r="H3007" t="s">
        <v>13</v>
      </c>
    </row>
    <row r="3008" spans="1:8" x14ac:dyDescent="0.25">
      <c r="A3008" s="1">
        <v>44557</v>
      </c>
      <c r="B3008" t="s">
        <v>2199</v>
      </c>
      <c r="C3008" t="s">
        <v>9</v>
      </c>
      <c r="D3008" t="s">
        <v>10</v>
      </c>
      <c r="E3008" t="s">
        <v>11</v>
      </c>
      <c r="F3008" s="2">
        <v>1</v>
      </c>
      <c r="G3008" t="s">
        <v>165</v>
      </c>
      <c r="H3008" t="s">
        <v>13</v>
      </c>
    </row>
    <row r="3009" spans="1:8" x14ac:dyDescent="0.25">
      <c r="A3009" s="1">
        <v>44557</v>
      </c>
      <c r="B3009" t="s">
        <v>2200</v>
      </c>
      <c r="C3009" t="s">
        <v>9</v>
      </c>
      <c r="D3009" t="s">
        <v>10</v>
      </c>
      <c r="E3009" t="s">
        <v>11</v>
      </c>
      <c r="F3009" s="2">
        <v>1</v>
      </c>
      <c r="G3009" t="s">
        <v>788</v>
      </c>
      <c r="H3009" t="s">
        <v>13</v>
      </c>
    </row>
    <row r="3010" spans="1:8" x14ac:dyDescent="0.25">
      <c r="A3010" s="1">
        <v>44555</v>
      </c>
      <c r="B3010" t="s">
        <v>2201</v>
      </c>
      <c r="C3010" t="s">
        <v>52</v>
      </c>
      <c r="D3010" t="s">
        <v>26</v>
      </c>
      <c r="E3010" t="s">
        <v>11</v>
      </c>
      <c r="F3010" s="2">
        <v>1</v>
      </c>
      <c r="G3010" t="s">
        <v>98</v>
      </c>
      <c r="H3010" t="s">
        <v>13</v>
      </c>
    </row>
    <row r="3011" spans="1:8" x14ac:dyDescent="0.25">
      <c r="A3011" s="1">
        <v>44555</v>
      </c>
      <c r="B3011" t="s">
        <v>2201</v>
      </c>
      <c r="C3011" t="s">
        <v>14</v>
      </c>
      <c r="D3011" t="s">
        <v>26</v>
      </c>
      <c r="E3011" t="s">
        <v>11</v>
      </c>
      <c r="F3011" s="2">
        <v>1</v>
      </c>
      <c r="G3011" t="s">
        <v>98</v>
      </c>
      <c r="H3011" t="s">
        <v>13</v>
      </c>
    </row>
    <row r="3012" spans="1:8" x14ac:dyDescent="0.25">
      <c r="A3012" s="1">
        <v>44555</v>
      </c>
      <c r="B3012" t="s">
        <v>2202</v>
      </c>
      <c r="C3012" t="s">
        <v>47</v>
      </c>
      <c r="D3012" t="s">
        <v>10</v>
      </c>
      <c r="E3012" t="s">
        <v>11</v>
      </c>
      <c r="F3012" s="2">
        <v>1</v>
      </c>
      <c r="G3012" t="s">
        <v>262</v>
      </c>
      <c r="H3012" t="s">
        <v>13</v>
      </c>
    </row>
    <row r="3013" spans="1:8" x14ac:dyDescent="0.25">
      <c r="A3013" s="1">
        <v>44552</v>
      </c>
      <c r="B3013" t="s">
        <v>2203</v>
      </c>
      <c r="C3013" t="s">
        <v>9</v>
      </c>
      <c r="D3013" t="s">
        <v>10</v>
      </c>
      <c r="E3013" t="s">
        <v>11</v>
      </c>
      <c r="F3013" s="2">
        <v>1</v>
      </c>
      <c r="G3013" t="s">
        <v>1544</v>
      </c>
      <c r="H3013" t="s">
        <v>13</v>
      </c>
    </row>
    <row r="3014" spans="1:8" x14ac:dyDescent="0.25">
      <c r="A3014" s="1">
        <v>44552</v>
      </c>
      <c r="B3014" t="s">
        <v>2203</v>
      </c>
      <c r="C3014" t="s">
        <v>28</v>
      </c>
      <c r="D3014" t="s">
        <v>10</v>
      </c>
      <c r="E3014" t="s">
        <v>11</v>
      </c>
      <c r="F3014" s="2">
        <v>1</v>
      </c>
      <c r="G3014" t="s">
        <v>1544</v>
      </c>
      <c r="H3014" t="s">
        <v>13</v>
      </c>
    </row>
    <row r="3015" spans="1:8" x14ac:dyDescent="0.25">
      <c r="A3015" s="1">
        <v>44551</v>
      </c>
      <c r="B3015" t="s">
        <v>2204</v>
      </c>
      <c r="C3015" t="s">
        <v>140</v>
      </c>
      <c r="D3015" t="s">
        <v>10</v>
      </c>
      <c r="E3015" t="s">
        <v>11</v>
      </c>
      <c r="F3015" s="2">
        <v>1</v>
      </c>
      <c r="G3015" t="s">
        <v>1300</v>
      </c>
      <c r="H3015" t="s">
        <v>13</v>
      </c>
    </row>
    <row r="3016" spans="1:8" x14ac:dyDescent="0.25">
      <c r="A3016" s="1">
        <v>44551</v>
      </c>
      <c r="B3016" t="s">
        <v>2205</v>
      </c>
      <c r="C3016" t="s">
        <v>410</v>
      </c>
      <c r="D3016" t="s">
        <v>10</v>
      </c>
      <c r="E3016" t="s">
        <v>11</v>
      </c>
      <c r="F3016" s="2">
        <v>1</v>
      </c>
      <c r="G3016" t="s">
        <v>100</v>
      </c>
      <c r="H3016" t="s">
        <v>13</v>
      </c>
    </row>
    <row r="3017" spans="1:8" x14ac:dyDescent="0.25">
      <c r="A3017" s="1">
        <v>44551</v>
      </c>
      <c r="B3017" t="s">
        <v>2206</v>
      </c>
      <c r="C3017" t="s">
        <v>174</v>
      </c>
      <c r="D3017" t="s">
        <v>10</v>
      </c>
      <c r="E3017" t="s">
        <v>11</v>
      </c>
      <c r="F3017" s="2">
        <v>1</v>
      </c>
      <c r="G3017" t="s">
        <v>40</v>
      </c>
      <c r="H3017" t="s">
        <v>13</v>
      </c>
    </row>
    <row r="3018" spans="1:8" x14ac:dyDescent="0.25">
      <c r="A3018" s="1">
        <v>44550</v>
      </c>
      <c r="B3018" t="s">
        <v>2207</v>
      </c>
      <c r="C3018" t="s">
        <v>9</v>
      </c>
      <c r="D3018" t="s">
        <v>10</v>
      </c>
      <c r="E3018" t="s">
        <v>11</v>
      </c>
      <c r="F3018" s="2">
        <v>1</v>
      </c>
      <c r="G3018" t="s">
        <v>191</v>
      </c>
      <c r="H3018" t="s">
        <v>13</v>
      </c>
    </row>
    <row r="3019" spans="1:8" x14ac:dyDescent="0.25">
      <c r="A3019" s="1">
        <v>44550</v>
      </c>
      <c r="B3019" t="s">
        <v>2207</v>
      </c>
      <c r="C3019" t="s">
        <v>86</v>
      </c>
      <c r="D3019" t="s">
        <v>10</v>
      </c>
      <c r="E3019" t="s">
        <v>11</v>
      </c>
      <c r="F3019" s="2">
        <v>1</v>
      </c>
      <c r="G3019" t="s">
        <v>191</v>
      </c>
      <c r="H3019" t="s">
        <v>13</v>
      </c>
    </row>
    <row r="3020" spans="1:8" x14ac:dyDescent="0.25">
      <c r="A3020" s="1">
        <v>44549</v>
      </c>
      <c r="B3020" t="s">
        <v>2208</v>
      </c>
      <c r="C3020" t="s">
        <v>9</v>
      </c>
      <c r="D3020" t="s">
        <v>10</v>
      </c>
      <c r="E3020" t="s">
        <v>11</v>
      </c>
      <c r="F3020" s="2">
        <v>1</v>
      </c>
      <c r="G3020" t="s">
        <v>37</v>
      </c>
      <c r="H3020" t="s">
        <v>13</v>
      </c>
    </row>
    <row r="3021" spans="1:8" x14ac:dyDescent="0.25">
      <c r="A3021" s="1">
        <v>44548</v>
      </c>
      <c r="B3021" t="s">
        <v>2209</v>
      </c>
      <c r="C3021" t="s">
        <v>14</v>
      </c>
      <c r="D3021" t="s">
        <v>10</v>
      </c>
      <c r="E3021" t="s">
        <v>11</v>
      </c>
      <c r="F3021" s="2">
        <v>1</v>
      </c>
      <c r="G3021" t="s">
        <v>37</v>
      </c>
      <c r="H3021" t="s">
        <v>13</v>
      </c>
    </row>
    <row r="3022" spans="1:8" x14ac:dyDescent="0.25">
      <c r="A3022" s="1">
        <v>44548</v>
      </c>
      <c r="B3022" t="s">
        <v>2210</v>
      </c>
      <c r="C3022" t="s">
        <v>19</v>
      </c>
      <c r="D3022" t="s">
        <v>10</v>
      </c>
      <c r="E3022" t="s">
        <v>11</v>
      </c>
      <c r="F3022" s="2">
        <v>1</v>
      </c>
      <c r="G3022" t="s">
        <v>61</v>
      </c>
      <c r="H3022" t="s">
        <v>13</v>
      </c>
    </row>
    <row r="3023" spans="1:8" x14ac:dyDescent="0.25">
      <c r="A3023" s="1">
        <v>44548</v>
      </c>
      <c r="B3023" t="s">
        <v>2211</v>
      </c>
      <c r="C3023" t="s">
        <v>9</v>
      </c>
      <c r="D3023" t="s">
        <v>10</v>
      </c>
      <c r="E3023" t="s">
        <v>11</v>
      </c>
      <c r="F3023" s="2">
        <v>1</v>
      </c>
      <c r="G3023" t="s">
        <v>2212</v>
      </c>
      <c r="H3023" t="s">
        <v>13</v>
      </c>
    </row>
    <row r="3024" spans="1:8" x14ac:dyDescent="0.25">
      <c r="A3024" s="1">
        <v>44547</v>
      </c>
      <c r="B3024" t="s">
        <v>2213</v>
      </c>
      <c r="C3024" t="s">
        <v>9</v>
      </c>
      <c r="D3024" t="s">
        <v>10</v>
      </c>
      <c r="E3024" t="s">
        <v>11</v>
      </c>
      <c r="F3024" s="2">
        <v>1</v>
      </c>
      <c r="G3024" t="s">
        <v>31</v>
      </c>
      <c r="H3024" t="s">
        <v>13</v>
      </c>
    </row>
    <row r="3025" spans="1:8" x14ac:dyDescent="0.25">
      <c r="A3025" s="1">
        <v>44546</v>
      </c>
      <c r="B3025" t="s">
        <v>2214</v>
      </c>
      <c r="C3025" t="s">
        <v>174</v>
      </c>
      <c r="D3025" t="s">
        <v>10</v>
      </c>
      <c r="E3025" t="s">
        <v>11</v>
      </c>
      <c r="F3025" s="2">
        <v>1</v>
      </c>
      <c r="G3025" t="s">
        <v>24</v>
      </c>
      <c r="H3025" t="s">
        <v>13</v>
      </c>
    </row>
    <row r="3026" spans="1:8" x14ac:dyDescent="0.25">
      <c r="A3026" s="1">
        <v>44546</v>
      </c>
      <c r="B3026" t="s">
        <v>2215</v>
      </c>
      <c r="C3026" t="s">
        <v>35</v>
      </c>
      <c r="D3026" t="s">
        <v>10</v>
      </c>
      <c r="E3026" t="s">
        <v>11</v>
      </c>
      <c r="F3026" s="2">
        <v>1</v>
      </c>
      <c r="G3026" t="s">
        <v>46</v>
      </c>
      <c r="H3026" t="s">
        <v>13</v>
      </c>
    </row>
    <row r="3027" spans="1:8" x14ac:dyDescent="0.25">
      <c r="A3027" s="1">
        <v>44546</v>
      </c>
      <c r="B3027" t="s">
        <v>2216</v>
      </c>
      <c r="C3027" t="s">
        <v>120</v>
      </c>
      <c r="D3027" t="s">
        <v>10</v>
      </c>
      <c r="E3027" t="s">
        <v>11</v>
      </c>
      <c r="F3027" s="2">
        <v>1</v>
      </c>
      <c r="G3027" t="s">
        <v>944</v>
      </c>
      <c r="H3027" t="s">
        <v>13</v>
      </c>
    </row>
    <row r="3028" spans="1:8" x14ac:dyDescent="0.25">
      <c r="A3028" s="1">
        <v>44546</v>
      </c>
      <c r="B3028" t="s">
        <v>2217</v>
      </c>
      <c r="C3028" t="s">
        <v>9</v>
      </c>
      <c r="D3028" t="s">
        <v>10</v>
      </c>
      <c r="E3028" t="s">
        <v>11</v>
      </c>
      <c r="F3028" s="2">
        <v>1</v>
      </c>
      <c r="G3028" t="s">
        <v>53</v>
      </c>
      <c r="H3028" t="s">
        <v>13</v>
      </c>
    </row>
    <row r="3029" spans="1:8" x14ac:dyDescent="0.25">
      <c r="A3029" s="1">
        <v>44544</v>
      </c>
      <c r="B3029" t="s">
        <v>2218</v>
      </c>
      <c r="C3029" t="s">
        <v>9</v>
      </c>
      <c r="D3029" t="s">
        <v>10</v>
      </c>
      <c r="E3029" t="s">
        <v>11</v>
      </c>
      <c r="F3029" s="2">
        <v>1</v>
      </c>
      <c r="G3029" t="s">
        <v>20</v>
      </c>
      <c r="H3029" t="s">
        <v>13</v>
      </c>
    </row>
    <row r="3030" spans="1:8" x14ac:dyDescent="0.25">
      <c r="A3030" s="1">
        <v>44544</v>
      </c>
      <c r="B3030" t="s">
        <v>2219</v>
      </c>
      <c r="C3030" t="s">
        <v>79</v>
      </c>
      <c r="D3030" t="s">
        <v>10</v>
      </c>
      <c r="E3030" t="s">
        <v>11</v>
      </c>
      <c r="F3030" s="2">
        <v>1</v>
      </c>
      <c r="G3030" t="s">
        <v>20</v>
      </c>
      <c r="H3030" t="s">
        <v>13</v>
      </c>
    </row>
    <row r="3031" spans="1:8" x14ac:dyDescent="0.25">
      <c r="A3031" s="1">
        <v>44544</v>
      </c>
      <c r="B3031" t="s">
        <v>2219</v>
      </c>
      <c r="C3031" t="s">
        <v>80</v>
      </c>
      <c r="D3031" t="s">
        <v>10</v>
      </c>
      <c r="E3031" t="s">
        <v>11</v>
      </c>
      <c r="F3031" s="2">
        <v>1</v>
      </c>
      <c r="G3031" t="s">
        <v>20</v>
      </c>
      <c r="H3031" t="s">
        <v>13</v>
      </c>
    </row>
    <row r="3032" spans="1:8" x14ac:dyDescent="0.25">
      <c r="A3032" s="1">
        <v>44542</v>
      </c>
      <c r="B3032" t="s">
        <v>2220</v>
      </c>
      <c r="C3032" t="s">
        <v>974</v>
      </c>
      <c r="D3032" t="s">
        <v>10</v>
      </c>
      <c r="E3032" t="s">
        <v>11</v>
      </c>
      <c r="F3032" s="2">
        <v>1</v>
      </c>
      <c r="G3032" t="s">
        <v>31</v>
      </c>
      <c r="H3032" t="s">
        <v>13</v>
      </c>
    </row>
    <row r="3033" spans="1:8" x14ac:dyDescent="0.25">
      <c r="A3033" s="1">
        <v>44542</v>
      </c>
      <c r="B3033" t="s">
        <v>2221</v>
      </c>
      <c r="C3033" t="s">
        <v>96</v>
      </c>
      <c r="D3033" t="s">
        <v>10</v>
      </c>
      <c r="E3033" t="s">
        <v>11</v>
      </c>
      <c r="F3033" s="2">
        <v>1</v>
      </c>
      <c r="G3033" t="s">
        <v>53</v>
      </c>
      <c r="H3033" t="s">
        <v>13</v>
      </c>
    </row>
    <row r="3034" spans="1:8" x14ac:dyDescent="0.25">
      <c r="A3034" s="1">
        <v>44542</v>
      </c>
      <c r="B3034" t="s">
        <v>2222</v>
      </c>
      <c r="C3034" t="s">
        <v>9</v>
      </c>
      <c r="D3034" t="s">
        <v>10</v>
      </c>
      <c r="E3034" t="s">
        <v>11</v>
      </c>
      <c r="F3034" s="2">
        <v>1</v>
      </c>
      <c r="G3034" t="s">
        <v>2223</v>
      </c>
      <c r="H3034" t="s">
        <v>13</v>
      </c>
    </row>
    <row r="3035" spans="1:8" x14ac:dyDescent="0.25">
      <c r="A3035" s="1">
        <v>44541</v>
      </c>
      <c r="B3035" t="s">
        <v>2224</v>
      </c>
      <c r="C3035" t="s">
        <v>19</v>
      </c>
      <c r="D3035" t="s">
        <v>10</v>
      </c>
      <c r="E3035" t="s">
        <v>11</v>
      </c>
      <c r="F3035" s="2">
        <v>1</v>
      </c>
      <c r="G3035" t="s">
        <v>37</v>
      </c>
      <c r="H3035" t="s">
        <v>13</v>
      </c>
    </row>
    <row r="3036" spans="1:8" x14ac:dyDescent="0.25">
      <c r="A3036" s="1">
        <v>44541</v>
      </c>
      <c r="B3036" t="s">
        <v>2224</v>
      </c>
      <c r="C3036" t="s">
        <v>689</v>
      </c>
      <c r="D3036" t="s">
        <v>10</v>
      </c>
      <c r="E3036" t="s">
        <v>11</v>
      </c>
      <c r="F3036" s="2">
        <v>1</v>
      </c>
      <c r="G3036" t="s">
        <v>37</v>
      </c>
      <c r="H3036" t="s">
        <v>13</v>
      </c>
    </row>
    <row r="3037" spans="1:8" x14ac:dyDescent="0.25">
      <c r="A3037" s="1">
        <v>44541</v>
      </c>
      <c r="B3037" t="s">
        <v>2225</v>
      </c>
      <c r="C3037" t="s">
        <v>9</v>
      </c>
      <c r="D3037" t="s">
        <v>10</v>
      </c>
      <c r="E3037" t="s">
        <v>11</v>
      </c>
      <c r="F3037" s="2">
        <v>1</v>
      </c>
      <c r="G3037" t="s">
        <v>741</v>
      </c>
      <c r="H3037" t="s">
        <v>13</v>
      </c>
    </row>
    <row r="3038" spans="1:8" x14ac:dyDescent="0.25">
      <c r="A3038" s="1">
        <v>44541</v>
      </c>
      <c r="B3038" t="s">
        <v>2225</v>
      </c>
      <c r="C3038" t="s">
        <v>28</v>
      </c>
      <c r="D3038" t="s">
        <v>10</v>
      </c>
      <c r="E3038" t="s">
        <v>11</v>
      </c>
      <c r="F3038" s="2">
        <v>1</v>
      </c>
      <c r="G3038" t="s">
        <v>741</v>
      </c>
      <c r="H3038" t="s">
        <v>13</v>
      </c>
    </row>
    <row r="3039" spans="1:8" x14ac:dyDescent="0.25">
      <c r="A3039" s="1">
        <v>44541</v>
      </c>
      <c r="B3039" t="s">
        <v>2225</v>
      </c>
      <c r="C3039" t="s">
        <v>29</v>
      </c>
      <c r="D3039" t="s">
        <v>10</v>
      </c>
      <c r="E3039" t="s">
        <v>11</v>
      </c>
      <c r="F3039" s="2">
        <v>1</v>
      </c>
      <c r="G3039" t="s">
        <v>741</v>
      </c>
      <c r="H3039" t="s">
        <v>13</v>
      </c>
    </row>
    <row r="3040" spans="1:8" x14ac:dyDescent="0.25">
      <c r="A3040" s="1">
        <v>44540</v>
      </c>
      <c r="B3040" t="s">
        <v>2226</v>
      </c>
      <c r="C3040" t="s">
        <v>9</v>
      </c>
      <c r="D3040" t="s">
        <v>10</v>
      </c>
      <c r="E3040" t="s">
        <v>11</v>
      </c>
      <c r="F3040" s="2">
        <v>1</v>
      </c>
      <c r="G3040" t="s">
        <v>37</v>
      </c>
      <c r="H3040" t="s">
        <v>13</v>
      </c>
    </row>
    <row r="3041" spans="1:8" x14ac:dyDescent="0.25">
      <c r="A3041" s="1">
        <v>44540</v>
      </c>
      <c r="B3041" t="s">
        <v>2226</v>
      </c>
      <c r="C3041" t="s">
        <v>118</v>
      </c>
      <c r="D3041" t="s">
        <v>10</v>
      </c>
      <c r="E3041" t="s">
        <v>11</v>
      </c>
      <c r="F3041" s="2">
        <v>1</v>
      </c>
      <c r="G3041" t="s">
        <v>37</v>
      </c>
      <c r="H3041" t="s">
        <v>13</v>
      </c>
    </row>
    <row r="3042" spans="1:8" x14ac:dyDescent="0.25">
      <c r="A3042" s="1">
        <v>44540</v>
      </c>
      <c r="B3042" t="s">
        <v>2226</v>
      </c>
      <c r="C3042" t="s">
        <v>271</v>
      </c>
      <c r="D3042" t="s">
        <v>10</v>
      </c>
      <c r="E3042" t="s">
        <v>11</v>
      </c>
      <c r="F3042" s="2">
        <v>1</v>
      </c>
      <c r="G3042" t="s">
        <v>37</v>
      </c>
      <c r="H3042" t="s">
        <v>13</v>
      </c>
    </row>
    <row r="3043" spans="1:8" x14ac:dyDescent="0.25">
      <c r="A3043" s="1">
        <v>44540</v>
      </c>
      <c r="B3043" t="s">
        <v>2226</v>
      </c>
      <c r="C3043" t="s">
        <v>151</v>
      </c>
      <c r="D3043" t="s">
        <v>10</v>
      </c>
      <c r="E3043" t="s">
        <v>11</v>
      </c>
      <c r="F3043" s="2">
        <v>1</v>
      </c>
      <c r="G3043" t="s">
        <v>37</v>
      </c>
      <c r="H3043" t="s">
        <v>13</v>
      </c>
    </row>
    <row r="3044" spans="1:8" x14ac:dyDescent="0.25">
      <c r="A3044" s="1">
        <v>44540</v>
      </c>
      <c r="B3044" t="s">
        <v>2227</v>
      </c>
      <c r="C3044" t="s">
        <v>9</v>
      </c>
      <c r="D3044" t="s">
        <v>26</v>
      </c>
      <c r="E3044" t="s">
        <v>11</v>
      </c>
      <c r="F3044" s="2">
        <v>1</v>
      </c>
      <c r="G3044" t="s">
        <v>20</v>
      </c>
      <c r="H3044" t="s">
        <v>13</v>
      </c>
    </row>
    <row r="3045" spans="1:8" x14ac:dyDescent="0.25">
      <c r="A3045" s="1">
        <v>44540</v>
      </c>
      <c r="B3045" t="s">
        <v>2227</v>
      </c>
      <c r="C3045" t="s">
        <v>35</v>
      </c>
      <c r="D3045" t="s">
        <v>26</v>
      </c>
      <c r="E3045" t="s">
        <v>11</v>
      </c>
      <c r="F3045" s="2">
        <v>1</v>
      </c>
      <c r="G3045" t="s">
        <v>20</v>
      </c>
      <c r="H3045" t="s">
        <v>13</v>
      </c>
    </row>
    <row r="3046" spans="1:8" x14ac:dyDescent="0.25">
      <c r="A3046" s="1">
        <v>44540</v>
      </c>
      <c r="B3046" t="s">
        <v>2228</v>
      </c>
      <c r="C3046" t="s">
        <v>50</v>
      </c>
      <c r="D3046" t="s">
        <v>26</v>
      </c>
      <c r="E3046" t="s">
        <v>11</v>
      </c>
      <c r="F3046" s="2">
        <v>1</v>
      </c>
      <c r="G3046" t="s">
        <v>359</v>
      </c>
      <c r="H3046" t="s">
        <v>13</v>
      </c>
    </row>
    <row r="3047" spans="1:8" x14ac:dyDescent="0.25">
      <c r="A3047" s="1">
        <v>44539</v>
      </c>
      <c r="B3047" t="s">
        <v>2229</v>
      </c>
      <c r="C3047" t="s">
        <v>76</v>
      </c>
      <c r="D3047" t="s">
        <v>10</v>
      </c>
      <c r="E3047" t="s">
        <v>11</v>
      </c>
      <c r="F3047" s="2">
        <v>1</v>
      </c>
      <c r="G3047" t="s">
        <v>31</v>
      </c>
      <c r="H3047" t="s">
        <v>13</v>
      </c>
    </row>
    <row r="3048" spans="1:8" x14ac:dyDescent="0.25">
      <c r="A3048" s="1">
        <v>44536</v>
      </c>
      <c r="B3048" t="s">
        <v>2230</v>
      </c>
      <c r="C3048" t="s">
        <v>9</v>
      </c>
      <c r="D3048" t="s">
        <v>10</v>
      </c>
      <c r="E3048" t="s">
        <v>11</v>
      </c>
      <c r="F3048" s="2">
        <v>1</v>
      </c>
      <c r="G3048" t="s">
        <v>111</v>
      </c>
      <c r="H3048" t="s">
        <v>13</v>
      </c>
    </row>
    <row r="3049" spans="1:8" x14ac:dyDescent="0.25">
      <c r="A3049" s="1">
        <v>44536</v>
      </c>
      <c r="B3049" t="s">
        <v>2230</v>
      </c>
      <c r="C3049" t="s">
        <v>14</v>
      </c>
      <c r="D3049" t="s">
        <v>10</v>
      </c>
      <c r="E3049" t="s">
        <v>11</v>
      </c>
      <c r="F3049" s="2">
        <v>1</v>
      </c>
      <c r="G3049" t="s">
        <v>111</v>
      </c>
      <c r="H3049" t="s">
        <v>13</v>
      </c>
    </row>
    <row r="3050" spans="1:8" x14ac:dyDescent="0.25">
      <c r="A3050" s="1">
        <v>44536</v>
      </c>
      <c r="B3050" t="s">
        <v>2231</v>
      </c>
      <c r="C3050" t="s">
        <v>394</v>
      </c>
      <c r="D3050" t="s">
        <v>10</v>
      </c>
      <c r="E3050" t="s">
        <v>11</v>
      </c>
      <c r="F3050" s="2">
        <v>1</v>
      </c>
      <c r="G3050" t="s">
        <v>559</v>
      </c>
      <c r="H3050" t="s">
        <v>13</v>
      </c>
    </row>
    <row r="3051" spans="1:8" x14ac:dyDescent="0.25">
      <c r="A3051" s="1">
        <v>44536</v>
      </c>
      <c r="B3051" t="s">
        <v>2231</v>
      </c>
      <c r="C3051" t="s">
        <v>92</v>
      </c>
      <c r="D3051" t="s">
        <v>10</v>
      </c>
      <c r="E3051" t="s">
        <v>11</v>
      </c>
      <c r="F3051" s="2">
        <v>1</v>
      </c>
      <c r="G3051" t="s">
        <v>559</v>
      </c>
      <c r="H3051" t="s">
        <v>13</v>
      </c>
    </row>
    <row r="3052" spans="1:8" x14ac:dyDescent="0.25">
      <c r="A3052" s="1">
        <v>44535</v>
      </c>
      <c r="B3052" t="s">
        <v>2232</v>
      </c>
      <c r="C3052" t="s">
        <v>14</v>
      </c>
      <c r="D3052" t="s">
        <v>10</v>
      </c>
      <c r="E3052" t="s">
        <v>11</v>
      </c>
      <c r="F3052" s="2">
        <v>1</v>
      </c>
      <c r="G3052" t="s">
        <v>411</v>
      </c>
      <c r="H3052" t="s">
        <v>13</v>
      </c>
    </row>
    <row r="3053" spans="1:8" x14ac:dyDescent="0.25">
      <c r="A3053" s="1">
        <v>44535</v>
      </c>
      <c r="B3053" t="s">
        <v>2233</v>
      </c>
      <c r="C3053" t="s">
        <v>9</v>
      </c>
      <c r="D3053" t="s">
        <v>10</v>
      </c>
      <c r="E3053" t="s">
        <v>11</v>
      </c>
      <c r="F3053" s="2">
        <v>1</v>
      </c>
      <c r="G3053" t="s">
        <v>181</v>
      </c>
      <c r="H3053" t="s">
        <v>13</v>
      </c>
    </row>
    <row r="3054" spans="1:8" x14ac:dyDescent="0.25">
      <c r="A3054" s="1">
        <v>44535</v>
      </c>
      <c r="B3054" t="s">
        <v>2234</v>
      </c>
      <c r="C3054" t="s">
        <v>9</v>
      </c>
      <c r="D3054" t="s">
        <v>10</v>
      </c>
      <c r="E3054" t="s">
        <v>11</v>
      </c>
      <c r="F3054" s="2">
        <v>1</v>
      </c>
      <c r="G3054" t="s">
        <v>131</v>
      </c>
      <c r="H3054" t="s">
        <v>13</v>
      </c>
    </row>
    <row r="3055" spans="1:8" x14ac:dyDescent="0.25">
      <c r="A3055" s="1">
        <v>44535</v>
      </c>
      <c r="B3055" t="s">
        <v>2235</v>
      </c>
      <c r="C3055" t="s">
        <v>9</v>
      </c>
      <c r="D3055" t="s">
        <v>10</v>
      </c>
      <c r="E3055" t="s">
        <v>11</v>
      </c>
      <c r="F3055" s="2">
        <v>1</v>
      </c>
      <c r="G3055" t="s">
        <v>53</v>
      </c>
      <c r="H3055" t="s">
        <v>13</v>
      </c>
    </row>
    <row r="3056" spans="1:8" x14ac:dyDescent="0.25">
      <c r="A3056" s="1">
        <v>44533</v>
      </c>
      <c r="B3056" t="s">
        <v>2236</v>
      </c>
      <c r="C3056" t="s">
        <v>413</v>
      </c>
      <c r="D3056" t="s">
        <v>10</v>
      </c>
      <c r="E3056" t="s">
        <v>11</v>
      </c>
      <c r="F3056" s="2">
        <v>1</v>
      </c>
      <c r="G3056" t="s">
        <v>53</v>
      </c>
      <c r="H3056" t="s">
        <v>13</v>
      </c>
    </row>
    <row r="3057" spans="1:8" x14ac:dyDescent="0.25">
      <c r="A3057" s="1">
        <v>44533</v>
      </c>
      <c r="B3057" t="s">
        <v>2237</v>
      </c>
      <c r="C3057" t="s">
        <v>19</v>
      </c>
      <c r="D3057" t="s">
        <v>10</v>
      </c>
      <c r="E3057" t="s">
        <v>11</v>
      </c>
      <c r="F3057" s="2">
        <v>1</v>
      </c>
      <c r="G3057" t="s">
        <v>125</v>
      </c>
      <c r="H3057" t="s">
        <v>13</v>
      </c>
    </row>
    <row r="3058" spans="1:8" x14ac:dyDescent="0.25">
      <c r="A3058" s="1">
        <v>44533</v>
      </c>
      <c r="B3058" t="s">
        <v>2238</v>
      </c>
      <c r="C3058" t="s">
        <v>9</v>
      </c>
      <c r="D3058" t="s">
        <v>10</v>
      </c>
      <c r="E3058" t="s">
        <v>11</v>
      </c>
      <c r="F3058" s="2">
        <v>1</v>
      </c>
      <c r="G3058" t="s">
        <v>20</v>
      </c>
      <c r="H3058" t="s">
        <v>13</v>
      </c>
    </row>
    <row r="3059" spans="1:8" x14ac:dyDescent="0.25">
      <c r="A3059" s="1">
        <v>44532</v>
      </c>
      <c r="B3059" t="s">
        <v>2239</v>
      </c>
      <c r="C3059" t="s">
        <v>9</v>
      </c>
      <c r="D3059" t="s">
        <v>10</v>
      </c>
      <c r="E3059" t="s">
        <v>11</v>
      </c>
      <c r="F3059" s="2">
        <v>1</v>
      </c>
      <c r="G3059" t="s">
        <v>61</v>
      </c>
      <c r="H3059" t="s">
        <v>13</v>
      </c>
    </row>
    <row r="3060" spans="1:8" x14ac:dyDescent="0.25">
      <c r="A3060" s="1">
        <v>44532</v>
      </c>
      <c r="B3060" t="s">
        <v>2240</v>
      </c>
      <c r="C3060" t="s">
        <v>9</v>
      </c>
      <c r="D3060" t="s">
        <v>10</v>
      </c>
      <c r="E3060" t="s">
        <v>11</v>
      </c>
      <c r="F3060" s="2">
        <v>1</v>
      </c>
      <c r="G3060" t="s">
        <v>61</v>
      </c>
      <c r="H3060" t="s">
        <v>13</v>
      </c>
    </row>
    <row r="3061" spans="1:8" x14ac:dyDescent="0.25">
      <c r="A3061" s="1">
        <v>44530</v>
      </c>
      <c r="B3061" t="s">
        <v>2241</v>
      </c>
      <c r="C3061" t="s">
        <v>413</v>
      </c>
      <c r="D3061" t="s">
        <v>10</v>
      </c>
      <c r="E3061" t="s">
        <v>11</v>
      </c>
      <c r="F3061" s="2">
        <v>1</v>
      </c>
      <c r="G3061" t="s">
        <v>181</v>
      </c>
      <c r="H3061" t="s">
        <v>13</v>
      </c>
    </row>
    <row r="3062" spans="1:8" x14ac:dyDescent="0.25">
      <c r="A3062" s="1">
        <v>44530</v>
      </c>
      <c r="B3062" t="s">
        <v>2242</v>
      </c>
      <c r="C3062" t="s">
        <v>79</v>
      </c>
      <c r="D3062" t="s">
        <v>10</v>
      </c>
      <c r="E3062" t="s">
        <v>11</v>
      </c>
      <c r="F3062" s="2">
        <v>1</v>
      </c>
      <c r="G3062" t="s">
        <v>93</v>
      </c>
      <c r="H3062" t="s">
        <v>13</v>
      </c>
    </row>
    <row r="3063" spans="1:8" x14ac:dyDescent="0.25">
      <c r="A3063" s="1">
        <v>44530</v>
      </c>
      <c r="B3063" t="s">
        <v>2242</v>
      </c>
      <c r="C3063" t="s">
        <v>80</v>
      </c>
      <c r="D3063" t="s">
        <v>10</v>
      </c>
      <c r="E3063" t="s">
        <v>11</v>
      </c>
      <c r="F3063" s="2">
        <v>1</v>
      </c>
      <c r="G3063" t="s">
        <v>93</v>
      </c>
      <c r="H3063" t="s">
        <v>13</v>
      </c>
    </row>
    <row r="3064" spans="1:8" x14ac:dyDescent="0.25">
      <c r="A3064" s="1">
        <v>44530</v>
      </c>
      <c r="B3064" t="s">
        <v>2243</v>
      </c>
      <c r="C3064" t="s">
        <v>379</v>
      </c>
      <c r="D3064" t="s">
        <v>10</v>
      </c>
      <c r="E3064" t="s">
        <v>11</v>
      </c>
      <c r="F3064" s="2">
        <v>1</v>
      </c>
      <c r="G3064" t="s">
        <v>67</v>
      </c>
      <c r="H3064" t="s">
        <v>13</v>
      </c>
    </row>
    <row r="3065" spans="1:8" x14ac:dyDescent="0.25">
      <c r="A3065" s="1">
        <v>44530</v>
      </c>
      <c r="B3065" t="s">
        <v>2243</v>
      </c>
      <c r="C3065" t="s">
        <v>379</v>
      </c>
      <c r="D3065" t="s">
        <v>10</v>
      </c>
      <c r="E3065" t="s">
        <v>11</v>
      </c>
      <c r="F3065" s="2">
        <v>1</v>
      </c>
      <c r="G3065" t="s">
        <v>67</v>
      </c>
      <c r="H3065" t="s">
        <v>13</v>
      </c>
    </row>
    <row r="3066" spans="1:8" x14ac:dyDescent="0.25">
      <c r="A3066" s="1">
        <v>44530</v>
      </c>
      <c r="B3066" t="s">
        <v>2243</v>
      </c>
      <c r="C3066" t="s">
        <v>518</v>
      </c>
      <c r="D3066" t="s">
        <v>10</v>
      </c>
      <c r="E3066" t="s">
        <v>11</v>
      </c>
      <c r="F3066" s="2">
        <v>1</v>
      </c>
      <c r="G3066" t="s">
        <v>67</v>
      </c>
      <c r="H3066" t="s">
        <v>13</v>
      </c>
    </row>
    <row r="3067" spans="1:8" x14ac:dyDescent="0.25">
      <c r="A3067" s="1">
        <v>44530</v>
      </c>
      <c r="B3067" t="s">
        <v>2243</v>
      </c>
      <c r="C3067" t="s">
        <v>518</v>
      </c>
      <c r="D3067" t="s">
        <v>10</v>
      </c>
      <c r="E3067" t="s">
        <v>11</v>
      </c>
      <c r="F3067" s="2">
        <v>1</v>
      </c>
      <c r="G3067" t="s">
        <v>67</v>
      </c>
      <c r="H3067" t="s">
        <v>13</v>
      </c>
    </row>
    <row r="3068" spans="1:8" x14ac:dyDescent="0.25">
      <c r="A3068" s="1">
        <v>44530</v>
      </c>
      <c r="B3068" t="s">
        <v>2243</v>
      </c>
      <c r="C3068" t="s">
        <v>282</v>
      </c>
      <c r="D3068" t="s">
        <v>10</v>
      </c>
      <c r="E3068" t="s">
        <v>11</v>
      </c>
      <c r="F3068" s="2">
        <v>1</v>
      </c>
      <c r="G3068" t="s">
        <v>67</v>
      </c>
      <c r="H3068" t="s">
        <v>13</v>
      </c>
    </row>
    <row r="3069" spans="1:8" x14ac:dyDescent="0.25">
      <c r="A3069" s="1">
        <v>44530</v>
      </c>
      <c r="B3069" t="s">
        <v>2243</v>
      </c>
      <c r="C3069" t="s">
        <v>282</v>
      </c>
      <c r="D3069" t="s">
        <v>10</v>
      </c>
      <c r="E3069" t="s">
        <v>11</v>
      </c>
      <c r="F3069" s="2">
        <v>1</v>
      </c>
      <c r="G3069" t="s">
        <v>67</v>
      </c>
      <c r="H3069" t="s">
        <v>13</v>
      </c>
    </row>
    <row r="3070" spans="1:8" x14ac:dyDescent="0.25">
      <c r="A3070" s="1">
        <v>44530</v>
      </c>
      <c r="B3070" t="s">
        <v>2243</v>
      </c>
      <c r="C3070" t="s">
        <v>453</v>
      </c>
      <c r="D3070" t="s">
        <v>10</v>
      </c>
      <c r="E3070" t="s">
        <v>11</v>
      </c>
      <c r="F3070" s="2">
        <v>1</v>
      </c>
      <c r="G3070" t="s">
        <v>67</v>
      </c>
      <c r="H3070" t="s">
        <v>13</v>
      </c>
    </row>
    <row r="3071" spans="1:8" x14ac:dyDescent="0.25">
      <c r="A3071" s="1">
        <v>44530</v>
      </c>
      <c r="B3071" t="s">
        <v>2243</v>
      </c>
      <c r="C3071" t="s">
        <v>453</v>
      </c>
      <c r="D3071" t="s">
        <v>10</v>
      </c>
      <c r="E3071" t="s">
        <v>11</v>
      </c>
      <c r="F3071" s="2">
        <v>1</v>
      </c>
      <c r="G3071" t="s">
        <v>67</v>
      </c>
      <c r="H3071" t="s">
        <v>13</v>
      </c>
    </row>
    <row r="3072" spans="1:8" x14ac:dyDescent="0.25">
      <c r="A3072" s="1">
        <v>44530</v>
      </c>
      <c r="B3072" t="s">
        <v>2244</v>
      </c>
      <c r="C3072" t="s">
        <v>9</v>
      </c>
      <c r="D3072" t="s">
        <v>10</v>
      </c>
      <c r="E3072" t="s">
        <v>11</v>
      </c>
      <c r="F3072" s="2">
        <v>1</v>
      </c>
      <c r="G3072" t="s">
        <v>100</v>
      </c>
      <c r="H3072" t="s">
        <v>13</v>
      </c>
    </row>
    <row r="3073" spans="1:8" x14ac:dyDescent="0.25">
      <c r="A3073" s="1">
        <v>44530</v>
      </c>
      <c r="B3073" t="s">
        <v>2244</v>
      </c>
      <c r="C3073" t="s">
        <v>92</v>
      </c>
      <c r="D3073" t="s">
        <v>10</v>
      </c>
      <c r="E3073" t="s">
        <v>11</v>
      </c>
      <c r="F3073" s="2">
        <v>1</v>
      </c>
      <c r="G3073" t="s">
        <v>100</v>
      </c>
      <c r="H3073" t="s">
        <v>13</v>
      </c>
    </row>
    <row r="3074" spans="1:8" x14ac:dyDescent="0.25">
      <c r="A3074" s="1">
        <v>44529</v>
      </c>
      <c r="B3074" t="s">
        <v>2245</v>
      </c>
      <c r="C3074" t="s">
        <v>174</v>
      </c>
      <c r="D3074" t="s">
        <v>10</v>
      </c>
      <c r="E3074" t="s">
        <v>11</v>
      </c>
      <c r="F3074" s="2">
        <v>1</v>
      </c>
      <c r="G3074" t="s">
        <v>262</v>
      </c>
      <c r="H3074" t="s">
        <v>13</v>
      </c>
    </row>
    <row r="3075" spans="1:8" x14ac:dyDescent="0.25">
      <c r="A3075" s="1">
        <v>44527</v>
      </c>
      <c r="B3075" t="s">
        <v>2246</v>
      </c>
      <c r="C3075" t="s">
        <v>9</v>
      </c>
      <c r="D3075" t="s">
        <v>10</v>
      </c>
      <c r="E3075" t="s">
        <v>11</v>
      </c>
      <c r="F3075" s="2">
        <v>1</v>
      </c>
      <c r="G3075" t="s">
        <v>24</v>
      </c>
      <c r="H3075" t="s">
        <v>13</v>
      </c>
    </row>
    <row r="3076" spans="1:8" x14ac:dyDescent="0.25">
      <c r="A3076" s="1">
        <v>44527</v>
      </c>
      <c r="B3076" t="s">
        <v>2246</v>
      </c>
      <c r="C3076" t="s">
        <v>14</v>
      </c>
      <c r="D3076" t="s">
        <v>10</v>
      </c>
      <c r="E3076" t="s">
        <v>11</v>
      </c>
      <c r="F3076" s="2">
        <v>1</v>
      </c>
      <c r="G3076" t="s">
        <v>24</v>
      </c>
      <c r="H3076" t="s">
        <v>13</v>
      </c>
    </row>
    <row r="3077" spans="1:8" x14ac:dyDescent="0.25">
      <c r="A3077" s="1">
        <v>44527</v>
      </c>
      <c r="B3077" t="s">
        <v>2247</v>
      </c>
      <c r="C3077" t="s">
        <v>19</v>
      </c>
      <c r="D3077" t="s">
        <v>10</v>
      </c>
      <c r="E3077" t="s">
        <v>11</v>
      </c>
      <c r="F3077" s="2">
        <v>1</v>
      </c>
      <c r="G3077" t="s">
        <v>46</v>
      </c>
      <c r="H3077" t="s">
        <v>13</v>
      </c>
    </row>
    <row r="3078" spans="1:8" x14ac:dyDescent="0.25">
      <c r="A3078" s="1">
        <v>44527</v>
      </c>
      <c r="B3078" t="s">
        <v>2247</v>
      </c>
      <c r="C3078" t="s">
        <v>103</v>
      </c>
      <c r="D3078" t="s">
        <v>10</v>
      </c>
      <c r="E3078" t="s">
        <v>11</v>
      </c>
      <c r="F3078" s="2">
        <v>1</v>
      </c>
      <c r="G3078" t="s">
        <v>46</v>
      </c>
      <c r="H3078" t="s">
        <v>13</v>
      </c>
    </row>
    <row r="3079" spans="1:8" x14ac:dyDescent="0.25">
      <c r="A3079" s="1">
        <v>44527</v>
      </c>
      <c r="B3079" t="s">
        <v>2248</v>
      </c>
      <c r="C3079" t="s">
        <v>9</v>
      </c>
      <c r="D3079" t="s">
        <v>10</v>
      </c>
      <c r="E3079" t="s">
        <v>11</v>
      </c>
      <c r="F3079" s="2">
        <v>1</v>
      </c>
      <c r="G3079" t="s">
        <v>67</v>
      </c>
      <c r="H3079" t="s">
        <v>13</v>
      </c>
    </row>
    <row r="3080" spans="1:8" x14ac:dyDescent="0.25">
      <c r="A3080" s="1">
        <v>44527</v>
      </c>
      <c r="B3080" t="s">
        <v>2248</v>
      </c>
      <c r="C3080" t="s">
        <v>35</v>
      </c>
      <c r="D3080" t="s">
        <v>10</v>
      </c>
      <c r="E3080" t="s">
        <v>11</v>
      </c>
      <c r="F3080" s="2">
        <v>1</v>
      </c>
      <c r="G3080" t="s">
        <v>67</v>
      </c>
      <c r="H3080" t="s">
        <v>13</v>
      </c>
    </row>
    <row r="3081" spans="1:8" x14ac:dyDescent="0.25">
      <c r="A3081" s="1">
        <v>44527</v>
      </c>
      <c r="B3081" t="s">
        <v>2248</v>
      </c>
      <c r="C3081" t="s">
        <v>47</v>
      </c>
      <c r="D3081" t="s">
        <v>10</v>
      </c>
      <c r="E3081" t="s">
        <v>11</v>
      </c>
      <c r="F3081" s="2">
        <v>1</v>
      </c>
      <c r="G3081" t="s">
        <v>67</v>
      </c>
      <c r="H3081" t="s">
        <v>13</v>
      </c>
    </row>
    <row r="3082" spans="1:8" x14ac:dyDescent="0.25">
      <c r="A3082" s="1">
        <v>44525</v>
      </c>
      <c r="B3082" t="s">
        <v>2249</v>
      </c>
      <c r="C3082" t="s">
        <v>79</v>
      </c>
      <c r="D3082" t="s">
        <v>10</v>
      </c>
      <c r="E3082" t="s">
        <v>11</v>
      </c>
      <c r="F3082" s="2">
        <v>1</v>
      </c>
      <c r="G3082" t="s">
        <v>100</v>
      </c>
      <c r="H3082" t="s">
        <v>13</v>
      </c>
    </row>
    <row r="3083" spans="1:8" x14ac:dyDescent="0.25">
      <c r="A3083" s="1">
        <v>44525</v>
      </c>
      <c r="B3083" t="s">
        <v>2249</v>
      </c>
      <c r="C3083" t="s">
        <v>80</v>
      </c>
      <c r="D3083" t="s">
        <v>10</v>
      </c>
      <c r="E3083" t="s">
        <v>11</v>
      </c>
      <c r="F3083" s="2">
        <v>1</v>
      </c>
      <c r="G3083" t="s">
        <v>100</v>
      </c>
      <c r="H3083" t="s">
        <v>13</v>
      </c>
    </row>
    <row r="3084" spans="1:8" x14ac:dyDescent="0.25">
      <c r="A3084" s="1">
        <v>44525</v>
      </c>
      <c r="B3084" t="s">
        <v>2250</v>
      </c>
      <c r="C3084" t="s">
        <v>76</v>
      </c>
      <c r="D3084" t="s">
        <v>10</v>
      </c>
      <c r="E3084" t="s">
        <v>11</v>
      </c>
      <c r="F3084" s="2">
        <v>1</v>
      </c>
      <c r="G3084" t="s">
        <v>20</v>
      </c>
      <c r="H3084" t="s">
        <v>13</v>
      </c>
    </row>
    <row r="3085" spans="1:8" x14ac:dyDescent="0.25">
      <c r="A3085" s="1">
        <v>44524</v>
      </c>
      <c r="B3085" t="s">
        <v>2251</v>
      </c>
      <c r="C3085" t="s">
        <v>76</v>
      </c>
      <c r="D3085" t="s">
        <v>10</v>
      </c>
      <c r="E3085" t="s">
        <v>11</v>
      </c>
      <c r="F3085" s="2">
        <v>1</v>
      </c>
      <c r="G3085" t="s">
        <v>31</v>
      </c>
      <c r="H3085" t="s">
        <v>13</v>
      </c>
    </row>
    <row r="3086" spans="1:8" x14ac:dyDescent="0.25">
      <c r="A3086" s="1">
        <v>44524</v>
      </c>
      <c r="B3086" t="s">
        <v>2252</v>
      </c>
      <c r="C3086" t="s">
        <v>92</v>
      </c>
      <c r="D3086" t="s">
        <v>10</v>
      </c>
      <c r="E3086" t="s">
        <v>11</v>
      </c>
      <c r="F3086" s="2">
        <v>1</v>
      </c>
      <c r="G3086" t="s">
        <v>342</v>
      </c>
      <c r="H3086" t="s">
        <v>13</v>
      </c>
    </row>
    <row r="3087" spans="1:8" x14ac:dyDescent="0.25">
      <c r="A3087" s="1">
        <v>44523</v>
      </c>
      <c r="B3087" t="s">
        <v>2253</v>
      </c>
      <c r="C3087" t="s">
        <v>9</v>
      </c>
      <c r="D3087" t="s">
        <v>10</v>
      </c>
      <c r="E3087" t="s">
        <v>11</v>
      </c>
      <c r="F3087" s="2">
        <v>1</v>
      </c>
      <c r="G3087" t="s">
        <v>232</v>
      </c>
      <c r="H3087" t="s">
        <v>13</v>
      </c>
    </row>
    <row r="3088" spans="1:8" x14ac:dyDescent="0.25">
      <c r="A3088" s="1">
        <v>44522</v>
      </c>
      <c r="B3088" t="s">
        <v>2254</v>
      </c>
      <c r="C3088" t="s">
        <v>35</v>
      </c>
      <c r="D3088" t="s">
        <v>10</v>
      </c>
      <c r="E3088" t="s">
        <v>11</v>
      </c>
      <c r="F3088" s="2">
        <v>1</v>
      </c>
      <c r="G3088" t="s">
        <v>374</v>
      </c>
      <c r="H3088" t="s">
        <v>13</v>
      </c>
    </row>
    <row r="3089" spans="1:8" x14ac:dyDescent="0.25">
      <c r="A3089" s="1">
        <v>44522</v>
      </c>
      <c r="B3089" t="s">
        <v>2255</v>
      </c>
      <c r="C3089" t="s">
        <v>2256</v>
      </c>
      <c r="D3089" t="s">
        <v>10</v>
      </c>
      <c r="E3089" t="s">
        <v>11</v>
      </c>
      <c r="F3089" s="2">
        <v>1</v>
      </c>
      <c r="G3089" t="s">
        <v>663</v>
      </c>
      <c r="H3089" t="s">
        <v>13</v>
      </c>
    </row>
    <row r="3090" spans="1:8" x14ac:dyDescent="0.25">
      <c r="A3090" s="1">
        <v>44522</v>
      </c>
      <c r="B3090" t="s">
        <v>2257</v>
      </c>
      <c r="C3090" t="s">
        <v>120</v>
      </c>
      <c r="D3090" t="s">
        <v>10</v>
      </c>
      <c r="E3090" t="s">
        <v>11</v>
      </c>
      <c r="F3090" s="2">
        <v>1</v>
      </c>
      <c r="G3090" t="s">
        <v>788</v>
      </c>
      <c r="H3090" t="s">
        <v>13</v>
      </c>
    </row>
    <row r="3091" spans="1:8" x14ac:dyDescent="0.25">
      <c r="A3091" s="1">
        <v>44522</v>
      </c>
      <c r="B3091" t="s">
        <v>2258</v>
      </c>
      <c r="C3091" t="s">
        <v>563</v>
      </c>
      <c r="D3091" t="s">
        <v>10</v>
      </c>
      <c r="E3091" t="s">
        <v>11</v>
      </c>
      <c r="F3091" s="2">
        <v>1</v>
      </c>
      <c r="G3091" t="s">
        <v>20</v>
      </c>
      <c r="H3091" t="s">
        <v>13</v>
      </c>
    </row>
    <row r="3092" spans="1:8" x14ac:dyDescent="0.25">
      <c r="A3092" s="1">
        <v>44521</v>
      </c>
      <c r="B3092" t="s">
        <v>2259</v>
      </c>
      <c r="C3092" t="s">
        <v>222</v>
      </c>
      <c r="D3092" t="s">
        <v>26</v>
      </c>
      <c r="E3092" t="s">
        <v>11</v>
      </c>
      <c r="F3092" s="2">
        <v>1</v>
      </c>
      <c r="G3092" t="s">
        <v>46</v>
      </c>
      <c r="H3092" t="s">
        <v>13</v>
      </c>
    </row>
    <row r="3093" spans="1:8" x14ac:dyDescent="0.25">
      <c r="A3093" s="1">
        <v>44521</v>
      </c>
      <c r="B3093" t="s">
        <v>2260</v>
      </c>
      <c r="C3093" t="s">
        <v>9</v>
      </c>
      <c r="D3093" t="s">
        <v>10</v>
      </c>
      <c r="E3093" t="s">
        <v>11</v>
      </c>
      <c r="F3093" s="2">
        <v>1</v>
      </c>
      <c r="G3093" t="s">
        <v>24</v>
      </c>
      <c r="H3093" t="s">
        <v>13</v>
      </c>
    </row>
    <row r="3094" spans="1:8" x14ac:dyDescent="0.25">
      <c r="A3094" s="1">
        <v>44521</v>
      </c>
      <c r="B3094" t="s">
        <v>2260</v>
      </c>
      <c r="C3094" t="s">
        <v>35</v>
      </c>
      <c r="D3094" t="s">
        <v>10</v>
      </c>
      <c r="E3094" t="s">
        <v>11</v>
      </c>
      <c r="F3094" s="2">
        <v>1</v>
      </c>
      <c r="G3094" t="s">
        <v>24</v>
      </c>
      <c r="H3094" t="s">
        <v>13</v>
      </c>
    </row>
    <row r="3095" spans="1:8" x14ac:dyDescent="0.25">
      <c r="A3095" s="1">
        <v>44521</v>
      </c>
      <c r="B3095" t="s">
        <v>2261</v>
      </c>
      <c r="C3095" t="s">
        <v>9</v>
      </c>
      <c r="D3095" t="s">
        <v>10</v>
      </c>
      <c r="E3095" t="s">
        <v>11</v>
      </c>
      <c r="F3095" s="2">
        <v>1</v>
      </c>
      <c r="G3095" t="s">
        <v>1544</v>
      </c>
      <c r="H3095" t="s">
        <v>13</v>
      </c>
    </row>
    <row r="3096" spans="1:8" x14ac:dyDescent="0.25">
      <c r="A3096" s="1">
        <v>44521</v>
      </c>
      <c r="B3096" t="s">
        <v>2261</v>
      </c>
      <c r="C3096" t="s">
        <v>52</v>
      </c>
      <c r="D3096" t="s">
        <v>10</v>
      </c>
      <c r="E3096" t="s">
        <v>11</v>
      </c>
      <c r="F3096" s="2">
        <v>1</v>
      </c>
      <c r="G3096" t="s">
        <v>1544</v>
      </c>
      <c r="H3096" t="s">
        <v>13</v>
      </c>
    </row>
    <row r="3097" spans="1:8" x14ac:dyDescent="0.25">
      <c r="A3097" s="1">
        <v>44521</v>
      </c>
      <c r="B3097" t="s">
        <v>2261</v>
      </c>
      <c r="C3097" t="s">
        <v>14</v>
      </c>
      <c r="D3097" t="s">
        <v>10</v>
      </c>
      <c r="E3097" t="s">
        <v>11</v>
      </c>
      <c r="F3097" s="2">
        <v>1</v>
      </c>
      <c r="G3097" t="s">
        <v>1544</v>
      </c>
      <c r="H3097" t="s">
        <v>13</v>
      </c>
    </row>
    <row r="3098" spans="1:8" x14ac:dyDescent="0.25">
      <c r="A3098" s="1">
        <v>44520</v>
      </c>
      <c r="B3098" t="s">
        <v>2262</v>
      </c>
      <c r="C3098" t="s">
        <v>19</v>
      </c>
      <c r="D3098" t="s">
        <v>10</v>
      </c>
      <c r="E3098" t="s">
        <v>11</v>
      </c>
      <c r="F3098" s="2">
        <v>1</v>
      </c>
      <c r="G3098" t="s">
        <v>20</v>
      </c>
      <c r="H3098" t="s">
        <v>13</v>
      </c>
    </row>
    <row r="3099" spans="1:8" x14ac:dyDescent="0.25">
      <c r="A3099" s="1">
        <v>44518</v>
      </c>
      <c r="B3099" t="s">
        <v>2263</v>
      </c>
      <c r="C3099" t="s">
        <v>16</v>
      </c>
      <c r="D3099" t="s">
        <v>10</v>
      </c>
      <c r="E3099" t="s">
        <v>11</v>
      </c>
      <c r="F3099" s="2">
        <v>1</v>
      </c>
      <c r="G3099" t="s">
        <v>111</v>
      </c>
      <c r="H3099" t="s">
        <v>13</v>
      </c>
    </row>
    <row r="3100" spans="1:8" x14ac:dyDescent="0.25">
      <c r="A3100" s="1">
        <v>44518</v>
      </c>
      <c r="B3100" t="s">
        <v>2264</v>
      </c>
      <c r="C3100" t="s">
        <v>9</v>
      </c>
      <c r="D3100" t="s">
        <v>10</v>
      </c>
      <c r="E3100" t="s">
        <v>11</v>
      </c>
      <c r="F3100" s="2">
        <v>1</v>
      </c>
      <c r="G3100" t="s">
        <v>859</v>
      </c>
      <c r="H3100" t="s">
        <v>13</v>
      </c>
    </row>
    <row r="3101" spans="1:8" x14ac:dyDescent="0.25">
      <c r="A3101" s="1">
        <v>44516</v>
      </c>
      <c r="B3101" t="s">
        <v>2265</v>
      </c>
      <c r="C3101" t="s">
        <v>160</v>
      </c>
      <c r="D3101" t="s">
        <v>10</v>
      </c>
      <c r="E3101" t="s">
        <v>11</v>
      </c>
      <c r="F3101" s="2">
        <v>1</v>
      </c>
      <c r="G3101" t="s">
        <v>197</v>
      </c>
      <c r="H3101" t="s">
        <v>13</v>
      </c>
    </row>
    <row r="3102" spans="1:8" x14ac:dyDescent="0.25">
      <c r="A3102" s="1">
        <v>44516</v>
      </c>
      <c r="B3102" t="s">
        <v>2266</v>
      </c>
      <c r="C3102" t="s">
        <v>453</v>
      </c>
      <c r="D3102" t="s">
        <v>10</v>
      </c>
      <c r="E3102" t="s">
        <v>11</v>
      </c>
      <c r="F3102" s="2">
        <v>1</v>
      </c>
      <c r="G3102" t="s">
        <v>154</v>
      </c>
      <c r="H3102" t="s">
        <v>13</v>
      </c>
    </row>
    <row r="3103" spans="1:8" x14ac:dyDescent="0.25">
      <c r="A3103" s="1">
        <v>44516</v>
      </c>
      <c r="B3103" t="s">
        <v>2267</v>
      </c>
      <c r="C3103" t="s">
        <v>76</v>
      </c>
      <c r="D3103" t="s">
        <v>10</v>
      </c>
      <c r="E3103" t="s">
        <v>11</v>
      </c>
      <c r="F3103" s="2">
        <v>1</v>
      </c>
      <c r="G3103" t="s">
        <v>574</v>
      </c>
      <c r="H3103" t="s">
        <v>13</v>
      </c>
    </row>
    <row r="3104" spans="1:8" x14ac:dyDescent="0.25">
      <c r="A3104" s="1">
        <v>44515</v>
      </c>
      <c r="B3104" t="s">
        <v>2268</v>
      </c>
      <c r="C3104" t="s">
        <v>394</v>
      </c>
      <c r="D3104" t="s">
        <v>10</v>
      </c>
      <c r="E3104" t="s">
        <v>11</v>
      </c>
      <c r="F3104" s="2">
        <v>1</v>
      </c>
      <c r="G3104" t="s">
        <v>70</v>
      </c>
      <c r="H3104" t="s">
        <v>13</v>
      </c>
    </row>
    <row r="3105" spans="1:8" x14ac:dyDescent="0.25">
      <c r="A3105" s="1">
        <v>44515</v>
      </c>
      <c r="B3105" t="s">
        <v>2269</v>
      </c>
      <c r="C3105" t="s">
        <v>9</v>
      </c>
      <c r="D3105" t="s">
        <v>10</v>
      </c>
      <c r="E3105" t="s">
        <v>11</v>
      </c>
      <c r="F3105" s="2">
        <v>1</v>
      </c>
      <c r="G3105" t="s">
        <v>135</v>
      </c>
      <c r="H3105" t="s">
        <v>13</v>
      </c>
    </row>
    <row r="3106" spans="1:8" x14ac:dyDescent="0.25">
      <c r="A3106" s="1">
        <v>44515</v>
      </c>
      <c r="B3106" t="s">
        <v>2269</v>
      </c>
      <c r="C3106" t="s">
        <v>47</v>
      </c>
      <c r="D3106" t="s">
        <v>10</v>
      </c>
      <c r="E3106" t="s">
        <v>11</v>
      </c>
      <c r="F3106" s="2">
        <v>1</v>
      </c>
      <c r="G3106" t="s">
        <v>135</v>
      </c>
      <c r="H3106" t="s">
        <v>13</v>
      </c>
    </row>
    <row r="3107" spans="1:8" x14ac:dyDescent="0.25">
      <c r="A3107" s="1">
        <v>44513</v>
      </c>
      <c r="B3107" t="s">
        <v>2270</v>
      </c>
      <c r="C3107" t="s">
        <v>9</v>
      </c>
      <c r="D3107" t="s">
        <v>10</v>
      </c>
      <c r="E3107" t="s">
        <v>11</v>
      </c>
      <c r="F3107" s="2">
        <v>1</v>
      </c>
      <c r="G3107" t="s">
        <v>20</v>
      </c>
      <c r="H3107" t="s">
        <v>13</v>
      </c>
    </row>
    <row r="3108" spans="1:8" x14ac:dyDescent="0.25">
      <c r="A3108" s="1">
        <v>44513</v>
      </c>
      <c r="B3108" t="s">
        <v>2271</v>
      </c>
      <c r="C3108" t="s">
        <v>762</v>
      </c>
      <c r="D3108" t="s">
        <v>10</v>
      </c>
      <c r="E3108" t="s">
        <v>11</v>
      </c>
      <c r="F3108" s="2">
        <v>1</v>
      </c>
      <c r="G3108" t="s">
        <v>2158</v>
      </c>
      <c r="H3108" t="s">
        <v>13</v>
      </c>
    </row>
    <row r="3109" spans="1:8" x14ac:dyDescent="0.25">
      <c r="A3109" s="1">
        <v>44513</v>
      </c>
      <c r="B3109" t="s">
        <v>2271</v>
      </c>
      <c r="C3109" t="s">
        <v>762</v>
      </c>
      <c r="D3109" t="s">
        <v>10</v>
      </c>
      <c r="E3109" t="s">
        <v>11</v>
      </c>
      <c r="F3109" s="2">
        <v>1</v>
      </c>
      <c r="G3109" t="s">
        <v>2158</v>
      </c>
      <c r="H3109" t="s">
        <v>13</v>
      </c>
    </row>
    <row r="3110" spans="1:8" x14ac:dyDescent="0.25">
      <c r="A3110" s="1">
        <v>44513</v>
      </c>
      <c r="B3110" t="s">
        <v>2271</v>
      </c>
      <c r="C3110" t="s">
        <v>47</v>
      </c>
      <c r="D3110" t="s">
        <v>10</v>
      </c>
      <c r="E3110" t="s">
        <v>11</v>
      </c>
      <c r="F3110" s="2">
        <v>1</v>
      </c>
      <c r="G3110" t="s">
        <v>2158</v>
      </c>
      <c r="H3110" t="s">
        <v>13</v>
      </c>
    </row>
    <row r="3111" spans="1:8" x14ac:dyDescent="0.25">
      <c r="A3111" s="1">
        <v>44513</v>
      </c>
      <c r="B3111" t="s">
        <v>2271</v>
      </c>
      <c r="C3111" t="s">
        <v>47</v>
      </c>
      <c r="D3111" t="s">
        <v>10</v>
      </c>
      <c r="E3111" t="s">
        <v>11</v>
      </c>
      <c r="F3111" s="2">
        <v>1</v>
      </c>
      <c r="G3111" t="s">
        <v>2158</v>
      </c>
      <c r="H3111" t="s">
        <v>13</v>
      </c>
    </row>
    <row r="3112" spans="1:8" x14ac:dyDescent="0.25">
      <c r="A3112" s="1">
        <v>44513</v>
      </c>
      <c r="B3112" t="s">
        <v>2272</v>
      </c>
      <c r="C3112" t="s">
        <v>35</v>
      </c>
      <c r="D3112" t="s">
        <v>10</v>
      </c>
      <c r="E3112" t="s">
        <v>11</v>
      </c>
      <c r="F3112" s="2">
        <v>1</v>
      </c>
      <c r="G3112" t="s">
        <v>2273</v>
      </c>
      <c r="H3112" t="s">
        <v>13</v>
      </c>
    </row>
    <row r="3113" spans="1:8" x14ac:dyDescent="0.25">
      <c r="A3113" s="1">
        <v>44512</v>
      </c>
      <c r="B3113" t="s">
        <v>2274</v>
      </c>
      <c r="C3113" t="s">
        <v>74</v>
      </c>
      <c r="D3113" t="s">
        <v>10</v>
      </c>
      <c r="E3113" t="s">
        <v>11</v>
      </c>
      <c r="F3113" s="2">
        <v>1</v>
      </c>
      <c r="G3113" t="s">
        <v>100</v>
      </c>
      <c r="H3113" t="s">
        <v>13</v>
      </c>
    </row>
    <row r="3114" spans="1:8" x14ac:dyDescent="0.25">
      <c r="A3114" s="1">
        <v>44512</v>
      </c>
      <c r="B3114" t="s">
        <v>2275</v>
      </c>
      <c r="C3114" t="s">
        <v>79</v>
      </c>
      <c r="D3114" t="s">
        <v>10</v>
      </c>
      <c r="E3114" t="s">
        <v>11</v>
      </c>
      <c r="F3114" s="2">
        <v>1</v>
      </c>
      <c r="G3114" t="s">
        <v>553</v>
      </c>
      <c r="H3114" t="s">
        <v>13</v>
      </c>
    </row>
    <row r="3115" spans="1:8" x14ac:dyDescent="0.25">
      <c r="A3115" s="1">
        <v>44512</v>
      </c>
      <c r="B3115" t="s">
        <v>2275</v>
      </c>
      <c r="C3115" t="s">
        <v>80</v>
      </c>
      <c r="D3115" t="s">
        <v>10</v>
      </c>
      <c r="E3115" t="s">
        <v>11</v>
      </c>
      <c r="F3115" s="2">
        <v>1</v>
      </c>
      <c r="G3115" t="s">
        <v>553</v>
      </c>
      <c r="H3115" t="s">
        <v>13</v>
      </c>
    </row>
    <row r="3116" spans="1:8" x14ac:dyDescent="0.25">
      <c r="A3116" s="1">
        <v>44510</v>
      </c>
      <c r="B3116" t="s">
        <v>2276</v>
      </c>
      <c r="C3116" t="s">
        <v>9</v>
      </c>
      <c r="D3116" t="s">
        <v>10</v>
      </c>
      <c r="E3116" t="s">
        <v>11</v>
      </c>
      <c r="F3116" s="2">
        <v>1</v>
      </c>
      <c r="G3116" t="s">
        <v>2277</v>
      </c>
      <c r="H3116" t="s">
        <v>13</v>
      </c>
    </row>
    <row r="3117" spans="1:8" x14ac:dyDescent="0.25">
      <c r="A3117" s="1">
        <v>44510</v>
      </c>
      <c r="B3117" t="s">
        <v>2276</v>
      </c>
      <c r="C3117" t="s">
        <v>47</v>
      </c>
      <c r="D3117" t="s">
        <v>10</v>
      </c>
      <c r="E3117" t="s">
        <v>11</v>
      </c>
      <c r="F3117" s="2">
        <v>1</v>
      </c>
      <c r="G3117" t="s">
        <v>2277</v>
      </c>
      <c r="H3117" t="s">
        <v>13</v>
      </c>
    </row>
    <row r="3118" spans="1:8" x14ac:dyDescent="0.25">
      <c r="A3118" s="1">
        <v>44510</v>
      </c>
      <c r="B3118" t="s">
        <v>2276</v>
      </c>
      <c r="C3118" t="s">
        <v>207</v>
      </c>
      <c r="D3118" t="s">
        <v>10</v>
      </c>
      <c r="E3118" t="s">
        <v>11</v>
      </c>
      <c r="F3118" s="2">
        <v>1</v>
      </c>
      <c r="G3118" t="s">
        <v>2277</v>
      </c>
      <c r="H3118" t="s">
        <v>13</v>
      </c>
    </row>
    <row r="3119" spans="1:8" x14ac:dyDescent="0.25">
      <c r="A3119" s="1">
        <v>44510</v>
      </c>
      <c r="B3119" t="s">
        <v>2278</v>
      </c>
      <c r="C3119" t="s">
        <v>9</v>
      </c>
      <c r="D3119" t="s">
        <v>10</v>
      </c>
      <c r="E3119" t="s">
        <v>11</v>
      </c>
      <c r="F3119" s="2">
        <v>1</v>
      </c>
      <c r="G3119" t="s">
        <v>181</v>
      </c>
      <c r="H3119" t="s">
        <v>13</v>
      </c>
    </row>
    <row r="3120" spans="1:8" x14ac:dyDescent="0.25">
      <c r="A3120" s="1">
        <v>44510</v>
      </c>
      <c r="B3120" t="s">
        <v>2279</v>
      </c>
      <c r="C3120" t="s">
        <v>79</v>
      </c>
      <c r="D3120" t="s">
        <v>10</v>
      </c>
      <c r="E3120" t="s">
        <v>11</v>
      </c>
      <c r="F3120" s="2">
        <v>1</v>
      </c>
      <c r="G3120" t="s">
        <v>46</v>
      </c>
      <c r="H3120" t="s">
        <v>13</v>
      </c>
    </row>
    <row r="3121" spans="1:8" x14ac:dyDescent="0.25">
      <c r="A3121" s="1">
        <v>44510</v>
      </c>
      <c r="B3121" t="s">
        <v>2279</v>
      </c>
      <c r="C3121" t="s">
        <v>80</v>
      </c>
      <c r="D3121" t="s">
        <v>10</v>
      </c>
      <c r="E3121" t="s">
        <v>11</v>
      </c>
      <c r="F3121" s="2">
        <v>1</v>
      </c>
      <c r="G3121" t="s">
        <v>46</v>
      </c>
      <c r="H3121" t="s">
        <v>13</v>
      </c>
    </row>
    <row r="3122" spans="1:8" x14ac:dyDescent="0.25">
      <c r="A3122" s="1">
        <v>44510</v>
      </c>
      <c r="B3122" t="s">
        <v>2280</v>
      </c>
      <c r="C3122" t="s">
        <v>9</v>
      </c>
      <c r="D3122" t="s">
        <v>10</v>
      </c>
      <c r="E3122" t="s">
        <v>11</v>
      </c>
      <c r="F3122" s="2">
        <v>1</v>
      </c>
      <c r="G3122" t="s">
        <v>77</v>
      </c>
      <c r="H3122" t="s">
        <v>13</v>
      </c>
    </row>
    <row r="3123" spans="1:8" x14ac:dyDescent="0.25">
      <c r="A3123" s="1">
        <v>44510</v>
      </c>
      <c r="B3123" t="s">
        <v>2280</v>
      </c>
      <c r="C3123" t="s">
        <v>47</v>
      </c>
      <c r="D3123" t="s">
        <v>10</v>
      </c>
      <c r="E3123" t="s">
        <v>11</v>
      </c>
      <c r="F3123" s="2">
        <v>1</v>
      </c>
      <c r="G3123" t="s">
        <v>77</v>
      </c>
      <c r="H3123" t="s">
        <v>13</v>
      </c>
    </row>
    <row r="3124" spans="1:8" x14ac:dyDescent="0.25">
      <c r="A3124" s="1">
        <v>44510</v>
      </c>
      <c r="B3124" t="s">
        <v>2281</v>
      </c>
      <c r="C3124" t="s">
        <v>47</v>
      </c>
      <c r="D3124" t="s">
        <v>10</v>
      </c>
      <c r="E3124" t="s">
        <v>11</v>
      </c>
      <c r="F3124" s="2">
        <v>1</v>
      </c>
      <c r="G3124" t="s">
        <v>2282</v>
      </c>
      <c r="H3124" t="s">
        <v>13</v>
      </c>
    </row>
    <row r="3125" spans="1:8" x14ac:dyDescent="0.25">
      <c r="A3125" s="1">
        <v>44510</v>
      </c>
      <c r="B3125" t="s">
        <v>2283</v>
      </c>
      <c r="C3125" t="s">
        <v>9</v>
      </c>
      <c r="D3125" t="s">
        <v>10</v>
      </c>
      <c r="E3125" t="s">
        <v>11</v>
      </c>
      <c r="F3125" s="2">
        <v>1</v>
      </c>
      <c r="G3125" t="s">
        <v>53</v>
      </c>
      <c r="H3125" t="s">
        <v>13</v>
      </c>
    </row>
    <row r="3126" spans="1:8" x14ac:dyDescent="0.25">
      <c r="A3126" s="1">
        <v>44509</v>
      </c>
      <c r="B3126" t="s">
        <v>2284</v>
      </c>
      <c r="C3126" t="s">
        <v>35</v>
      </c>
      <c r="D3126" t="s">
        <v>10</v>
      </c>
      <c r="E3126" t="s">
        <v>11</v>
      </c>
      <c r="F3126" s="2">
        <v>1</v>
      </c>
      <c r="G3126" t="s">
        <v>157</v>
      </c>
      <c r="H3126" t="s">
        <v>13</v>
      </c>
    </row>
    <row r="3127" spans="1:8" x14ac:dyDescent="0.25">
      <c r="A3127" s="1">
        <v>44508</v>
      </c>
      <c r="B3127" t="s">
        <v>2285</v>
      </c>
      <c r="C3127" t="s">
        <v>79</v>
      </c>
      <c r="D3127" t="s">
        <v>10</v>
      </c>
      <c r="E3127" t="s">
        <v>11</v>
      </c>
      <c r="F3127" s="2">
        <v>1</v>
      </c>
      <c r="G3127" t="s">
        <v>661</v>
      </c>
      <c r="H3127" t="s">
        <v>13</v>
      </c>
    </row>
    <row r="3128" spans="1:8" x14ac:dyDescent="0.25">
      <c r="A3128" s="1">
        <v>44508</v>
      </c>
      <c r="B3128" t="s">
        <v>2285</v>
      </c>
      <c r="C3128" t="s">
        <v>80</v>
      </c>
      <c r="D3128" t="s">
        <v>10</v>
      </c>
      <c r="E3128" t="s">
        <v>11</v>
      </c>
      <c r="F3128" s="2">
        <v>1</v>
      </c>
      <c r="G3128" t="s">
        <v>661</v>
      </c>
      <c r="H3128" t="s">
        <v>13</v>
      </c>
    </row>
    <row r="3129" spans="1:8" x14ac:dyDescent="0.25">
      <c r="A3129" s="1">
        <v>44508</v>
      </c>
      <c r="B3129" t="s">
        <v>2286</v>
      </c>
      <c r="C3129" t="s">
        <v>9</v>
      </c>
      <c r="D3129" t="s">
        <v>10</v>
      </c>
      <c r="E3129" t="s">
        <v>11</v>
      </c>
      <c r="F3129" s="2">
        <v>1</v>
      </c>
      <c r="G3129" t="s">
        <v>20</v>
      </c>
      <c r="H3129" t="s">
        <v>13</v>
      </c>
    </row>
    <row r="3130" spans="1:8" x14ac:dyDescent="0.25">
      <c r="A3130" s="1">
        <v>44508</v>
      </c>
      <c r="B3130" t="s">
        <v>2286</v>
      </c>
      <c r="C3130" t="s">
        <v>29</v>
      </c>
      <c r="D3130" t="s">
        <v>10</v>
      </c>
      <c r="E3130" t="s">
        <v>11</v>
      </c>
      <c r="F3130" s="2">
        <v>1</v>
      </c>
      <c r="G3130" t="s">
        <v>20</v>
      </c>
      <c r="H3130" t="s">
        <v>13</v>
      </c>
    </row>
    <row r="3131" spans="1:8" x14ac:dyDescent="0.25">
      <c r="A3131" s="1">
        <v>44508</v>
      </c>
      <c r="B3131" t="s">
        <v>2286</v>
      </c>
      <c r="C3131" t="s">
        <v>35</v>
      </c>
      <c r="D3131" t="s">
        <v>10</v>
      </c>
      <c r="E3131" t="s">
        <v>11</v>
      </c>
      <c r="F3131" s="2">
        <v>1</v>
      </c>
      <c r="G3131" t="s">
        <v>20</v>
      </c>
      <c r="H3131" t="s">
        <v>13</v>
      </c>
    </row>
    <row r="3132" spans="1:8" x14ac:dyDescent="0.25">
      <c r="A3132" s="1">
        <v>44507</v>
      </c>
      <c r="B3132" t="s">
        <v>2287</v>
      </c>
      <c r="C3132" t="s">
        <v>47</v>
      </c>
      <c r="D3132" t="s">
        <v>10</v>
      </c>
      <c r="E3132" t="s">
        <v>11</v>
      </c>
      <c r="F3132" s="2">
        <v>1</v>
      </c>
      <c r="G3132" t="s">
        <v>137</v>
      </c>
      <c r="H3132" t="s">
        <v>13</v>
      </c>
    </row>
    <row r="3133" spans="1:8" x14ac:dyDescent="0.25">
      <c r="A3133" s="1">
        <v>44506</v>
      </c>
      <c r="B3133" t="s">
        <v>2288</v>
      </c>
      <c r="C3133" t="s">
        <v>9</v>
      </c>
      <c r="D3133" t="s">
        <v>10</v>
      </c>
      <c r="E3133" t="s">
        <v>11</v>
      </c>
      <c r="F3133" s="2">
        <v>1</v>
      </c>
      <c r="G3133" t="s">
        <v>111</v>
      </c>
      <c r="H3133" t="s">
        <v>13</v>
      </c>
    </row>
    <row r="3134" spans="1:8" x14ac:dyDescent="0.25">
      <c r="A3134" s="1">
        <v>44506</v>
      </c>
      <c r="B3134" t="s">
        <v>2288</v>
      </c>
      <c r="C3134" t="s">
        <v>28</v>
      </c>
      <c r="D3134" t="s">
        <v>10</v>
      </c>
      <c r="E3134" t="s">
        <v>11</v>
      </c>
      <c r="F3134" s="2">
        <v>1</v>
      </c>
      <c r="G3134" t="s">
        <v>111</v>
      </c>
      <c r="H3134" t="s">
        <v>13</v>
      </c>
    </row>
    <row r="3135" spans="1:8" x14ac:dyDescent="0.25">
      <c r="A3135" s="1">
        <v>44506</v>
      </c>
      <c r="B3135" t="s">
        <v>2288</v>
      </c>
      <c r="C3135" t="s">
        <v>29</v>
      </c>
      <c r="D3135" t="s">
        <v>10</v>
      </c>
      <c r="E3135" t="s">
        <v>11</v>
      </c>
      <c r="F3135" s="2">
        <v>1</v>
      </c>
      <c r="G3135" t="s">
        <v>111</v>
      </c>
      <c r="H3135" t="s">
        <v>13</v>
      </c>
    </row>
    <row r="3136" spans="1:8" x14ac:dyDescent="0.25">
      <c r="A3136" s="1">
        <v>44506</v>
      </c>
      <c r="B3136" t="s">
        <v>2288</v>
      </c>
      <c r="C3136" t="s">
        <v>1153</v>
      </c>
      <c r="D3136" t="s">
        <v>10</v>
      </c>
      <c r="E3136" t="s">
        <v>11</v>
      </c>
      <c r="F3136" s="2">
        <v>1</v>
      </c>
      <c r="G3136" t="s">
        <v>111</v>
      </c>
      <c r="H3136" t="s">
        <v>13</v>
      </c>
    </row>
    <row r="3137" spans="1:8" x14ac:dyDescent="0.25">
      <c r="A3137" s="1">
        <v>44505</v>
      </c>
      <c r="B3137" t="s">
        <v>2289</v>
      </c>
      <c r="C3137" t="s">
        <v>79</v>
      </c>
      <c r="D3137" t="s">
        <v>10</v>
      </c>
      <c r="E3137" t="s">
        <v>11</v>
      </c>
      <c r="F3137" s="2">
        <v>1</v>
      </c>
      <c r="G3137" t="s">
        <v>63</v>
      </c>
      <c r="H3137" t="s">
        <v>13</v>
      </c>
    </row>
    <row r="3138" spans="1:8" x14ac:dyDescent="0.25">
      <c r="A3138" s="1">
        <v>44505</v>
      </c>
      <c r="B3138" t="s">
        <v>2289</v>
      </c>
      <c r="C3138" t="s">
        <v>80</v>
      </c>
      <c r="D3138" t="s">
        <v>10</v>
      </c>
      <c r="E3138" t="s">
        <v>11</v>
      </c>
      <c r="F3138" s="2">
        <v>1</v>
      </c>
      <c r="G3138" t="s">
        <v>63</v>
      </c>
      <c r="H3138" t="s">
        <v>13</v>
      </c>
    </row>
    <row r="3139" spans="1:8" x14ac:dyDescent="0.25">
      <c r="A3139" s="1">
        <v>44505</v>
      </c>
      <c r="B3139" t="s">
        <v>2290</v>
      </c>
      <c r="C3139" t="s">
        <v>28</v>
      </c>
      <c r="D3139" t="s">
        <v>10</v>
      </c>
      <c r="E3139" t="s">
        <v>11</v>
      </c>
      <c r="F3139" s="2">
        <v>1</v>
      </c>
      <c r="G3139" t="s">
        <v>20</v>
      </c>
      <c r="H3139" t="s">
        <v>13</v>
      </c>
    </row>
    <row r="3140" spans="1:8" x14ac:dyDescent="0.25">
      <c r="A3140" s="1">
        <v>44505</v>
      </c>
      <c r="B3140" t="s">
        <v>2290</v>
      </c>
      <c r="C3140" t="s">
        <v>268</v>
      </c>
      <c r="D3140" t="s">
        <v>10</v>
      </c>
      <c r="E3140" t="s">
        <v>11</v>
      </c>
      <c r="F3140" s="2">
        <v>1</v>
      </c>
      <c r="G3140" t="s">
        <v>20</v>
      </c>
      <c r="H3140" t="s">
        <v>13</v>
      </c>
    </row>
    <row r="3141" spans="1:8" x14ac:dyDescent="0.25">
      <c r="A3141" s="1">
        <v>44504</v>
      </c>
      <c r="B3141" t="s">
        <v>2291</v>
      </c>
      <c r="C3141" t="s">
        <v>271</v>
      </c>
      <c r="D3141" t="s">
        <v>10</v>
      </c>
      <c r="E3141" t="s">
        <v>11</v>
      </c>
      <c r="F3141" s="2">
        <v>1</v>
      </c>
      <c r="G3141" t="s">
        <v>661</v>
      </c>
      <c r="H3141" t="s">
        <v>13</v>
      </c>
    </row>
    <row r="3142" spans="1:8" x14ac:dyDescent="0.25">
      <c r="A3142" s="1">
        <v>44504</v>
      </c>
      <c r="B3142" t="s">
        <v>2292</v>
      </c>
      <c r="C3142" t="s">
        <v>96</v>
      </c>
      <c r="D3142" t="s">
        <v>10</v>
      </c>
      <c r="E3142" t="s">
        <v>11</v>
      </c>
      <c r="F3142" s="2">
        <v>1</v>
      </c>
      <c r="G3142" t="s">
        <v>262</v>
      </c>
      <c r="H3142" t="s">
        <v>13</v>
      </c>
    </row>
    <row r="3143" spans="1:8" x14ac:dyDescent="0.25">
      <c r="A3143" s="1">
        <v>44503</v>
      </c>
      <c r="B3143" t="s">
        <v>2293</v>
      </c>
      <c r="C3143" t="s">
        <v>35</v>
      </c>
      <c r="D3143" t="s">
        <v>10</v>
      </c>
      <c r="E3143" t="s">
        <v>11</v>
      </c>
      <c r="F3143" s="2">
        <v>1</v>
      </c>
      <c r="G3143" t="s">
        <v>111</v>
      </c>
      <c r="H3143" t="s">
        <v>13</v>
      </c>
    </row>
    <row r="3144" spans="1:8" x14ac:dyDescent="0.25">
      <c r="A3144" s="1">
        <v>44503</v>
      </c>
      <c r="B3144" t="s">
        <v>2293</v>
      </c>
      <c r="C3144" t="s">
        <v>14</v>
      </c>
      <c r="D3144" t="s">
        <v>10</v>
      </c>
      <c r="E3144" t="s">
        <v>11</v>
      </c>
      <c r="F3144" s="2">
        <v>1</v>
      </c>
      <c r="G3144" t="s">
        <v>111</v>
      </c>
      <c r="H3144" t="s">
        <v>13</v>
      </c>
    </row>
    <row r="3145" spans="1:8" x14ac:dyDescent="0.25">
      <c r="A3145" s="1">
        <v>44503</v>
      </c>
      <c r="B3145" t="s">
        <v>2294</v>
      </c>
      <c r="C3145" t="s">
        <v>19</v>
      </c>
      <c r="D3145" t="s">
        <v>10</v>
      </c>
      <c r="E3145" t="s">
        <v>11</v>
      </c>
      <c r="F3145" s="2">
        <v>1</v>
      </c>
      <c r="G3145" t="s">
        <v>748</v>
      </c>
      <c r="H3145" t="s">
        <v>13</v>
      </c>
    </row>
    <row r="3146" spans="1:8" x14ac:dyDescent="0.25">
      <c r="A3146" s="1">
        <v>44503</v>
      </c>
      <c r="B3146" t="s">
        <v>2294</v>
      </c>
      <c r="C3146" t="s">
        <v>2295</v>
      </c>
      <c r="D3146" t="s">
        <v>10</v>
      </c>
      <c r="E3146" t="s">
        <v>11</v>
      </c>
      <c r="F3146" s="2">
        <v>1</v>
      </c>
      <c r="G3146" t="s">
        <v>748</v>
      </c>
      <c r="H3146" t="s">
        <v>13</v>
      </c>
    </row>
    <row r="3147" spans="1:8" x14ac:dyDescent="0.25">
      <c r="A3147" s="1">
        <v>44502</v>
      </c>
      <c r="B3147" t="s">
        <v>2296</v>
      </c>
      <c r="C3147" t="s">
        <v>9</v>
      </c>
      <c r="D3147" t="s">
        <v>26</v>
      </c>
      <c r="E3147" t="s">
        <v>11</v>
      </c>
      <c r="F3147" s="2">
        <v>1</v>
      </c>
      <c r="G3147" t="s">
        <v>699</v>
      </c>
      <c r="H3147" t="s">
        <v>13</v>
      </c>
    </row>
    <row r="3148" spans="1:8" x14ac:dyDescent="0.25">
      <c r="A3148" s="1">
        <v>44502</v>
      </c>
      <c r="B3148" t="s">
        <v>2296</v>
      </c>
      <c r="C3148" t="s">
        <v>271</v>
      </c>
      <c r="D3148" t="s">
        <v>26</v>
      </c>
      <c r="E3148" t="s">
        <v>11</v>
      </c>
      <c r="F3148" s="2">
        <v>1</v>
      </c>
      <c r="G3148" t="s">
        <v>699</v>
      </c>
      <c r="H3148" t="s">
        <v>13</v>
      </c>
    </row>
    <row r="3149" spans="1:8" x14ac:dyDescent="0.25">
      <c r="A3149" s="1">
        <v>44501</v>
      </c>
      <c r="B3149" t="s">
        <v>2297</v>
      </c>
      <c r="C3149" t="s">
        <v>9</v>
      </c>
      <c r="D3149" t="s">
        <v>10</v>
      </c>
      <c r="E3149" t="s">
        <v>11</v>
      </c>
      <c r="F3149" s="2">
        <v>1</v>
      </c>
      <c r="G3149" t="s">
        <v>100</v>
      </c>
      <c r="H3149" t="s">
        <v>13</v>
      </c>
    </row>
    <row r="3150" spans="1:8" x14ac:dyDescent="0.25">
      <c r="A3150" s="1">
        <v>44501</v>
      </c>
      <c r="B3150" t="s">
        <v>2298</v>
      </c>
      <c r="C3150" t="s">
        <v>79</v>
      </c>
      <c r="D3150" t="s">
        <v>10</v>
      </c>
      <c r="E3150" t="s">
        <v>11</v>
      </c>
      <c r="F3150" s="2">
        <v>1</v>
      </c>
      <c r="G3150" t="s">
        <v>2299</v>
      </c>
      <c r="H3150" t="s">
        <v>13</v>
      </c>
    </row>
    <row r="3151" spans="1:8" x14ac:dyDescent="0.25">
      <c r="A3151" s="1">
        <v>44501</v>
      </c>
      <c r="B3151" t="s">
        <v>2298</v>
      </c>
      <c r="C3151" t="s">
        <v>1176</v>
      </c>
      <c r="D3151" t="s">
        <v>10</v>
      </c>
      <c r="E3151" t="s">
        <v>11</v>
      </c>
      <c r="F3151" s="2">
        <v>1</v>
      </c>
      <c r="G3151" t="s">
        <v>2299</v>
      </c>
      <c r="H3151" t="s">
        <v>13</v>
      </c>
    </row>
    <row r="3152" spans="1:8" x14ac:dyDescent="0.25">
      <c r="A3152" s="1">
        <v>44501</v>
      </c>
      <c r="B3152" t="s">
        <v>2298</v>
      </c>
      <c r="C3152" t="s">
        <v>416</v>
      </c>
      <c r="D3152" t="s">
        <v>10</v>
      </c>
      <c r="E3152" t="s">
        <v>11</v>
      </c>
      <c r="F3152" s="2">
        <v>1</v>
      </c>
      <c r="G3152" t="s">
        <v>2299</v>
      </c>
      <c r="H3152" t="s">
        <v>13</v>
      </c>
    </row>
    <row r="3153" spans="1:8" x14ac:dyDescent="0.25">
      <c r="A3153" s="1">
        <v>44501</v>
      </c>
      <c r="B3153" t="s">
        <v>2298</v>
      </c>
      <c r="C3153" t="s">
        <v>731</v>
      </c>
      <c r="D3153" t="s">
        <v>10</v>
      </c>
      <c r="E3153" t="s">
        <v>11</v>
      </c>
      <c r="F3153" s="2">
        <v>1</v>
      </c>
      <c r="G3153" t="s">
        <v>2299</v>
      </c>
      <c r="H3153" t="s">
        <v>13</v>
      </c>
    </row>
    <row r="3154" spans="1:8" x14ac:dyDescent="0.25">
      <c r="A3154" s="1">
        <v>44500</v>
      </c>
      <c r="B3154" t="s">
        <v>2300</v>
      </c>
      <c r="C3154" t="s">
        <v>9</v>
      </c>
      <c r="D3154" t="s">
        <v>10</v>
      </c>
      <c r="E3154" t="s">
        <v>11</v>
      </c>
      <c r="F3154" s="2">
        <v>1</v>
      </c>
      <c r="G3154" t="s">
        <v>72</v>
      </c>
      <c r="H3154" t="s">
        <v>13</v>
      </c>
    </row>
    <row r="3155" spans="1:8" x14ac:dyDescent="0.25">
      <c r="A3155" s="1">
        <v>44498</v>
      </c>
      <c r="B3155" t="s">
        <v>2301</v>
      </c>
      <c r="C3155" t="s">
        <v>268</v>
      </c>
      <c r="D3155" t="s">
        <v>10</v>
      </c>
      <c r="E3155" t="s">
        <v>11</v>
      </c>
      <c r="F3155" s="2">
        <v>1</v>
      </c>
      <c r="G3155" t="s">
        <v>154</v>
      </c>
      <c r="H3155" t="s">
        <v>13</v>
      </c>
    </row>
    <row r="3156" spans="1:8" x14ac:dyDescent="0.25">
      <c r="A3156" s="1">
        <v>44498</v>
      </c>
      <c r="B3156" t="s">
        <v>2302</v>
      </c>
      <c r="C3156" t="s">
        <v>689</v>
      </c>
      <c r="D3156" t="s">
        <v>10</v>
      </c>
      <c r="E3156" t="s">
        <v>11</v>
      </c>
      <c r="F3156" s="2">
        <v>1</v>
      </c>
      <c r="G3156" t="s">
        <v>37</v>
      </c>
      <c r="H3156" t="s">
        <v>13</v>
      </c>
    </row>
    <row r="3157" spans="1:8" x14ac:dyDescent="0.25">
      <c r="A3157" s="1">
        <v>44497</v>
      </c>
      <c r="B3157" t="s">
        <v>2303</v>
      </c>
      <c r="C3157" t="s">
        <v>86</v>
      </c>
      <c r="D3157" t="s">
        <v>10</v>
      </c>
      <c r="E3157" t="s">
        <v>11</v>
      </c>
      <c r="F3157" s="2">
        <v>1</v>
      </c>
      <c r="G3157" t="s">
        <v>663</v>
      </c>
      <c r="H3157" t="s">
        <v>13</v>
      </c>
    </row>
    <row r="3158" spans="1:8" x14ac:dyDescent="0.25">
      <c r="A3158" s="1">
        <v>44497</v>
      </c>
      <c r="B3158" t="s">
        <v>2304</v>
      </c>
      <c r="C3158" t="s">
        <v>410</v>
      </c>
      <c r="D3158" t="s">
        <v>10</v>
      </c>
      <c r="E3158" t="s">
        <v>11</v>
      </c>
      <c r="F3158" s="2">
        <v>1</v>
      </c>
      <c r="G3158" t="s">
        <v>20</v>
      </c>
      <c r="H3158" t="s">
        <v>13</v>
      </c>
    </row>
    <row r="3159" spans="1:8" x14ac:dyDescent="0.25">
      <c r="A3159" s="1">
        <v>44497</v>
      </c>
      <c r="B3159" t="s">
        <v>2305</v>
      </c>
      <c r="C3159" t="s">
        <v>9</v>
      </c>
      <c r="D3159" t="s">
        <v>10</v>
      </c>
      <c r="E3159" t="s">
        <v>11</v>
      </c>
      <c r="F3159" s="2">
        <v>1</v>
      </c>
      <c r="G3159" t="s">
        <v>37</v>
      </c>
      <c r="H3159" t="s">
        <v>13</v>
      </c>
    </row>
    <row r="3160" spans="1:8" x14ac:dyDescent="0.25">
      <c r="A3160" s="1">
        <v>44497</v>
      </c>
      <c r="B3160" t="s">
        <v>2305</v>
      </c>
      <c r="C3160" t="s">
        <v>35</v>
      </c>
      <c r="D3160" t="s">
        <v>10</v>
      </c>
      <c r="E3160" t="s">
        <v>11</v>
      </c>
      <c r="F3160" s="2">
        <v>1</v>
      </c>
      <c r="G3160" t="s">
        <v>37</v>
      </c>
      <c r="H3160" t="s">
        <v>13</v>
      </c>
    </row>
    <row r="3161" spans="1:8" x14ac:dyDescent="0.25">
      <c r="A3161" s="1">
        <v>44496</v>
      </c>
      <c r="B3161" t="s">
        <v>2306</v>
      </c>
      <c r="C3161" t="s">
        <v>9</v>
      </c>
      <c r="D3161" t="s">
        <v>10</v>
      </c>
      <c r="E3161" t="s">
        <v>11</v>
      </c>
      <c r="F3161" s="2">
        <v>1</v>
      </c>
      <c r="G3161" t="s">
        <v>191</v>
      </c>
      <c r="H3161" t="s">
        <v>13</v>
      </c>
    </row>
    <row r="3162" spans="1:8" x14ac:dyDescent="0.25">
      <c r="A3162" s="1">
        <v>44496</v>
      </c>
      <c r="B3162" t="s">
        <v>2306</v>
      </c>
      <c r="C3162" t="s">
        <v>35</v>
      </c>
      <c r="D3162" t="s">
        <v>10</v>
      </c>
      <c r="E3162" t="s">
        <v>11</v>
      </c>
      <c r="F3162" s="2">
        <v>1</v>
      </c>
      <c r="G3162" t="s">
        <v>191</v>
      </c>
      <c r="H3162" t="s">
        <v>13</v>
      </c>
    </row>
    <row r="3163" spans="1:8" x14ac:dyDescent="0.25">
      <c r="A3163" s="1">
        <v>44496</v>
      </c>
      <c r="B3163" t="s">
        <v>2306</v>
      </c>
      <c r="C3163" t="s">
        <v>32</v>
      </c>
      <c r="D3163" t="s">
        <v>10</v>
      </c>
      <c r="E3163" t="s">
        <v>11</v>
      </c>
      <c r="F3163" s="2">
        <v>1</v>
      </c>
      <c r="G3163" t="s">
        <v>191</v>
      </c>
      <c r="H3163" t="s">
        <v>13</v>
      </c>
    </row>
    <row r="3164" spans="1:8" x14ac:dyDescent="0.25">
      <c r="A3164" s="1">
        <v>44496</v>
      </c>
      <c r="B3164" t="s">
        <v>2307</v>
      </c>
      <c r="C3164" t="s">
        <v>19</v>
      </c>
      <c r="D3164" t="s">
        <v>10</v>
      </c>
      <c r="E3164" t="s">
        <v>11</v>
      </c>
      <c r="F3164" s="2">
        <v>1</v>
      </c>
      <c r="G3164" t="s">
        <v>72</v>
      </c>
      <c r="H3164" t="s">
        <v>13</v>
      </c>
    </row>
    <row r="3165" spans="1:8" x14ac:dyDescent="0.25">
      <c r="A3165" s="1">
        <v>44496</v>
      </c>
      <c r="B3165" t="s">
        <v>2308</v>
      </c>
      <c r="C3165" t="s">
        <v>86</v>
      </c>
      <c r="D3165" t="s">
        <v>10</v>
      </c>
      <c r="E3165" t="s">
        <v>11</v>
      </c>
      <c r="F3165" s="2">
        <v>1</v>
      </c>
      <c r="G3165" t="s">
        <v>663</v>
      </c>
      <c r="H3165" t="s">
        <v>13</v>
      </c>
    </row>
    <row r="3166" spans="1:8" x14ac:dyDescent="0.25">
      <c r="A3166" s="1">
        <v>44495</v>
      </c>
      <c r="B3166" t="s">
        <v>2309</v>
      </c>
      <c r="C3166" t="s">
        <v>9</v>
      </c>
      <c r="D3166" t="s">
        <v>10</v>
      </c>
      <c r="E3166" t="s">
        <v>11</v>
      </c>
      <c r="F3166" s="2">
        <v>1</v>
      </c>
      <c r="G3166" t="s">
        <v>191</v>
      </c>
      <c r="H3166" t="s">
        <v>13</v>
      </c>
    </row>
    <row r="3167" spans="1:8" x14ac:dyDescent="0.25">
      <c r="A3167" s="1">
        <v>44495</v>
      </c>
      <c r="B3167" t="s">
        <v>2310</v>
      </c>
      <c r="C3167" t="s">
        <v>58</v>
      </c>
      <c r="D3167" t="s">
        <v>10</v>
      </c>
      <c r="E3167" t="s">
        <v>11</v>
      </c>
      <c r="F3167" s="2">
        <v>1</v>
      </c>
      <c r="G3167" t="s">
        <v>197</v>
      </c>
      <c r="H3167" t="s">
        <v>13</v>
      </c>
    </row>
    <row r="3168" spans="1:8" x14ac:dyDescent="0.25">
      <c r="A3168" s="1">
        <v>44494</v>
      </c>
      <c r="B3168" t="s">
        <v>2311</v>
      </c>
      <c r="C3168" t="s">
        <v>9</v>
      </c>
      <c r="D3168" t="s">
        <v>10</v>
      </c>
      <c r="E3168" t="s">
        <v>11</v>
      </c>
      <c r="F3168" s="2">
        <v>1</v>
      </c>
      <c r="G3168" t="s">
        <v>135</v>
      </c>
      <c r="H3168" t="s">
        <v>13</v>
      </c>
    </row>
    <row r="3169" spans="1:8" x14ac:dyDescent="0.25">
      <c r="A3169" s="1">
        <v>44494</v>
      </c>
      <c r="B3169" t="s">
        <v>2311</v>
      </c>
      <c r="C3169" t="s">
        <v>28</v>
      </c>
      <c r="D3169" t="s">
        <v>10</v>
      </c>
      <c r="E3169" t="s">
        <v>11</v>
      </c>
      <c r="F3169" s="2">
        <v>1</v>
      </c>
      <c r="G3169" t="s">
        <v>135</v>
      </c>
      <c r="H3169" t="s">
        <v>13</v>
      </c>
    </row>
    <row r="3170" spans="1:8" x14ac:dyDescent="0.25">
      <c r="A3170" s="1">
        <v>44494</v>
      </c>
      <c r="B3170" t="s">
        <v>2311</v>
      </c>
      <c r="C3170" t="s">
        <v>29</v>
      </c>
      <c r="D3170" t="s">
        <v>10</v>
      </c>
      <c r="E3170" t="s">
        <v>11</v>
      </c>
      <c r="F3170" s="2">
        <v>1</v>
      </c>
      <c r="G3170" t="s">
        <v>135</v>
      </c>
      <c r="H3170" t="s">
        <v>13</v>
      </c>
    </row>
    <row r="3171" spans="1:8" x14ac:dyDescent="0.25">
      <c r="A3171" s="1">
        <v>44494</v>
      </c>
      <c r="B3171" t="s">
        <v>2311</v>
      </c>
      <c r="C3171" t="s">
        <v>35</v>
      </c>
      <c r="D3171" t="s">
        <v>10</v>
      </c>
      <c r="E3171" t="s">
        <v>11</v>
      </c>
      <c r="F3171" s="2">
        <v>1</v>
      </c>
      <c r="G3171" t="s">
        <v>135</v>
      </c>
      <c r="H3171" t="s">
        <v>13</v>
      </c>
    </row>
    <row r="3172" spans="1:8" x14ac:dyDescent="0.25">
      <c r="A3172" s="1">
        <v>44494</v>
      </c>
      <c r="B3172" t="s">
        <v>2312</v>
      </c>
      <c r="C3172" t="s">
        <v>2313</v>
      </c>
      <c r="D3172" t="s">
        <v>10</v>
      </c>
      <c r="E3172" t="s">
        <v>11</v>
      </c>
      <c r="F3172" s="2">
        <v>1</v>
      </c>
      <c r="G3172" t="s">
        <v>27</v>
      </c>
      <c r="H3172" t="s">
        <v>13</v>
      </c>
    </row>
    <row r="3173" spans="1:8" x14ac:dyDescent="0.25">
      <c r="A3173" s="1">
        <v>44493</v>
      </c>
      <c r="B3173" t="s">
        <v>2314</v>
      </c>
      <c r="C3173" t="s">
        <v>19</v>
      </c>
      <c r="D3173" t="s">
        <v>10</v>
      </c>
      <c r="E3173" t="s">
        <v>11</v>
      </c>
      <c r="F3173" s="2">
        <v>1</v>
      </c>
      <c r="G3173" t="s">
        <v>181</v>
      </c>
      <c r="H3173" t="s">
        <v>13</v>
      </c>
    </row>
    <row r="3174" spans="1:8" x14ac:dyDescent="0.25">
      <c r="A3174" s="1">
        <v>44493</v>
      </c>
      <c r="B3174" t="s">
        <v>2315</v>
      </c>
      <c r="C3174" t="s">
        <v>9</v>
      </c>
      <c r="D3174" t="s">
        <v>10</v>
      </c>
      <c r="E3174" t="s">
        <v>11</v>
      </c>
      <c r="F3174" s="2">
        <v>1</v>
      </c>
      <c r="G3174" t="s">
        <v>663</v>
      </c>
      <c r="H3174" t="s">
        <v>13</v>
      </c>
    </row>
    <row r="3175" spans="1:8" x14ac:dyDescent="0.25">
      <c r="A3175" s="1">
        <v>44493</v>
      </c>
      <c r="B3175" t="s">
        <v>2315</v>
      </c>
      <c r="C3175" t="s">
        <v>35</v>
      </c>
      <c r="D3175" t="s">
        <v>10</v>
      </c>
      <c r="E3175" t="s">
        <v>11</v>
      </c>
      <c r="F3175" s="2">
        <v>1</v>
      </c>
      <c r="G3175" t="s">
        <v>663</v>
      </c>
      <c r="H3175" t="s">
        <v>13</v>
      </c>
    </row>
    <row r="3176" spans="1:8" x14ac:dyDescent="0.25">
      <c r="A3176" s="1">
        <v>44491</v>
      </c>
      <c r="B3176" t="s">
        <v>2316</v>
      </c>
      <c r="C3176" t="s">
        <v>58</v>
      </c>
      <c r="D3176" t="s">
        <v>10</v>
      </c>
      <c r="E3176" t="s">
        <v>11</v>
      </c>
      <c r="F3176" s="2">
        <v>1</v>
      </c>
      <c r="G3176" t="s">
        <v>46</v>
      </c>
      <c r="H3176" t="s">
        <v>13</v>
      </c>
    </row>
    <row r="3177" spans="1:8" x14ac:dyDescent="0.25">
      <c r="A3177" s="1">
        <v>44491</v>
      </c>
      <c r="B3177" t="s">
        <v>2317</v>
      </c>
      <c r="C3177" t="s">
        <v>19</v>
      </c>
      <c r="D3177" t="s">
        <v>10</v>
      </c>
      <c r="E3177" t="s">
        <v>11</v>
      </c>
      <c r="F3177" s="2">
        <v>1</v>
      </c>
      <c r="G3177" t="s">
        <v>20</v>
      </c>
      <c r="H3177" t="s">
        <v>13</v>
      </c>
    </row>
    <row r="3178" spans="1:8" x14ac:dyDescent="0.25">
      <c r="A3178" s="1">
        <v>44491</v>
      </c>
      <c r="B3178" t="s">
        <v>2318</v>
      </c>
      <c r="C3178" t="s">
        <v>9</v>
      </c>
      <c r="D3178" t="s">
        <v>10</v>
      </c>
      <c r="E3178" t="s">
        <v>11</v>
      </c>
      <c r="F3178" s="2">
        <v>1</v>
      </c>
      <c r="G3178" t="s">
        <v>40</v>
      </c>
      <c r="H3178" t="s">
        <v>13</v>
      </c>
    </row>
    <row r="3179" spans="1:8" x14ac:dyDescent="0.25">
      <c r="A3179" s="1">
        <v>44491</v>
      </c>
      <c r="B3179" t="s">
        <v>2318</v>
      </c>
      <c r="C3179" t="s">
        <v>9</v>
      </c>
      <c r="D3179" t="s">
        <v>10</v>
      </c>
      <c r="E3179" t="s">
        <v>11</v>
      </c>
      <c r="F3179" s="2">
        <v>1</v>
      </c>
      <c r="G3179" t="s">
        <v>40</v>
      </c>
      <c r="H3179" t="s">
        <v>13</v>
      </c>
    </row>
    <row r="3180" spans="1:8" x14ac:dyDescent="0.25">
      <c r="A3180" s="1">
        <v>44491</v>
      </c>
      <c r="B3180" t="s">
        <v>2319</v>
      </c>
      <c r="C3180" t="s">
        <v>149</v>
      </c>
      <c r="D3180" t="s">
        <v>26</v>
      </c>
      <c r="E3180" t="s">
        <v>11</v>
      </c>
      <c r="F3180" s="2">
        <v>1</v>
      </c>
      <c r="G3180" t="s">
        <v>77</v>
      </c>
      <c r="H3180" t="s">
        <v>13</v>
      </c>
    </row>
    <row r="3181" spans="1:8" x14ac:dyDescent="0.25">
      <c r="A3181" s="1">
        <v>44491</v>
      </c>
      <c r="B3181" t="s">
        <v>2319</v>
      </c>
      <c r="C3181" t="s">
        <v>379</v>
      </c>
      <c r="D3181" t="s">
        <v>26</v>
      </c>
      <c r="E3181" t="s">
        <v>11</v>
      </c>
      <c r="F3181" s="2">
        <v>1</v>
      </c>
      <c r="G3181" t="s">
        <v>77</v>
      </c>
      <c r="H3181" t="s">
        <v>13</v>
      </c>
    </row>
    <row r="3182" spans="1:8" x14ac:dyDescent="0.25">
      <c r="A3182" s="1">
        <v>44490</v>
      </c>
      <c r="B3182" t="s">
        <v>2320</v>
      </c>
      <c r="C3182" t="s">
        <v>9</v>
      </c>
      <c r="D3182" t="s">
        <v>10</v>
      </c>
      <c r="E3182" t="s">
        <v>11</v>
      </c>
      <c r="F3182" s="2">
        <v>1</v>
      </c>
      <c r="G3182" t="s">
        <v>318</v>
      </c>
      <c r="H3182" t="s">
        <v>13</v>
      </c>
    </row>
    <row r="3183" spans="1:8" x14ac:dyDescent="0.25">
      <c r="A3183" s="1">
        <v>44490</v>
      </c>
      <c r="B3183" t="s">
        <v>2321</v>
      </c>
      <c r="C3183" t="s">
        <v>35</v>
      </c>
      <c r="D3183" t="s">
        <v>10</v>
      </c>
      <c r="E3183" t="s">
        <v>11</v>
      </c>
      <c r="F3183" s="2">
        <v>1</v>
      </c>
      <c r="G3183" t="s">
        <v>181</v>
      </c>
      <c r="H3183" t="s">
        <v>13</v>
      </c>
    </row>
    <row r="3184" spans="1:8" x14ac:dyDescent="0.25">
      <c r="A3184" s="1">
        <v>44490</v>
      </c>
      <c r="B3184" t="s">
        <v>2321</v>
      </c>
      <c r="C3184" t="s">
        <v>47</v>
      </c>
      <c r="D3184" t="s">
        <v>10</v>
      </c>
      <c r="E3184" t="s">
        <v>11</v>
      </c>
      <c r="F3184" s="2">
        <v>1</v>
      </c>
      <c r="G3184" t="s">
        <v>181</v>
      </c>
      <c r="H3184" t="s">
        <v>13</v>
      </c>
    </row>
    <row r="3185" spans="1:8" x14ac:dyDescent="0.25">
      <c r="A3185" s="1">
        <v>44490</v>
      </c>
      <c r="B3185" t="s">
        <v>2321</v>
      </c>
      <c r="C3185" t="s">
        <v>271</v>
      </c>
      <c r="D3185" t="s">
        <v>10</v>
      </c>
      <c r="E3185" t="s">
        <v>11</v>
      </c>
      <c r="F3185" s="2">
        <v>1</v>
      </c>
      <c r="G3185" t="s">
        <v>181</v>
      </c>
      <c r="H3185" t="s">
        <v>13</v>
      </c>
    </row>
    <row r="3186" spans="1:8" x14ac:dyDescent="0.25">
      <c r="A3186" s="1">
        <v>44490</v>
      </c>
      <c r="B3186" t="s">
        <v>2321</v>
      </c>
      <c r="C3186" t="s">
        <v>14</v>
      </c>
      <c r="D3186" t="s">
        <v>10</v>
      </c>
      <c r="E3186" t="s">
        <v>11</v>
      </c>
      <c r="F3186" s="2">
        <v>1</v>
      </c>
      <c r="G3186" t="s">
        <v>181</v>
      </c>
      <c r="H3186" t="s">
        <v>13</v>
      </c>
    </row>
    <row r="3187" spans="1:8" x14ac:dyDescent="0.25">
      <c r="A3187" s="1">
        <v>44490</v>
      </c>
      <c r="B3187" t="s">
        <v>2322</v>
      </c>
      <c r="C3187" t="s">
        <v>510</v>
      </c>
      <c r="D3187" t="s">
        <v>10</v>
      </c>
      <c r="E3187" t="s">
        <v>11</v>
      </c>
      <c r="F3187" s="2">
        <v>1</v>
      </c>
      <c r="G3187" t="s">
        <v>296</v>
      </c>
      <c r="H3187" t="s">
        <v>13</v>
      </c>
    </row>
    <row r="3188" spans="1:8" x14ac:dyDescent="0.25">
      <c r="A3188" s="1">
        <v>44490</v>
      </c>
      <c r="B3188" t="s">
        <v>2323</v>
      </c>
      <c r="C3188" t="s">
        <v>9</v>
      </c>
      <c r="D3188" t="s">
        <v>10</v>
      </c>
      <c r="E3188" t="s">
        <v>11</v>
      </c>
      <c r="F3188" s="2">
        <v>1</v>
      </c>
      <c r="G3188" t="s">
        <v>2324</v>
      </c>
      <c r="H3188" t="s">
        <v>13</v>
      </c>
    </row>
    <row r="3189" spans="1:8" x14ac:dyDescent="0.25">
      <c r="A3189" s="1">
        <v>44490</v>
      </c>
      <c r="B3189" t="s">
        <v>2323</v>
      </c>
      <c r="C3189" t="s">
        <v>35</v>
      </c>
      <c r="D3189" t="s">
        <v>10</v>
      </c>
      <c r="E3189" t="s">
        <v>11</v>
      </c>
      <c r="F3189" s="2">
        <v>1</v>
      </c>
      <c r="G3189" t="s">
        <v>2324</v>
      </c>
      <c r="H3189" t="s">
        <v>13</v>
      </c>
    </row>
    <row r="3190" spans="1:8" x14ac:dyDescent="0.25">
      <c r="A3190" s="1">
        <v>44490</v>
      </c>
      <c r="B3190" t="s">
        <v>2323</v>
      </c>
      <c r="C3190" t="s">
        <v>47</v>
      </c>
      <c r="D3190" t="s">
        <v>10</v>
      </c>
      <c r="E3190" t="s">
        <v>11</v>
      </c>
      <c r="F3190" s="2">
        <v>1</v>
      </c>
      <c r="G3190" t="s">
        <v>2324</v>
      </c>
      <c r="H3190" t="s">
        <v>13</v>
      </c>
    </row>
    <row r="3191" spans="1:8" x14ac:dyDescent="0.25">
      <c r="A3191" s="1">
        <v>44489</v>
      </c>
      <c r="B3191" t="s">
        <v>2325</v>
      </c>
      <c r="C3191" t="s">
        <v>16</v>
      </c>
      <c r="D3191" t="s">
        <v>10</v>
      </c>
      <c r="E3191" t="s">
        <v>11</v>
      </c>
      <c r="F3191" s="2">
        <v>1</v>
      </c>
      <c r="G3191" t="s">
        <v>53</v>
      </c>
      <c r="H3191" t="s">
        <v>13</v>
      </c>
    </row>
    <row r="3192" spans="1:8" x14ac:dyDescent="0.25">
      <c r="A3192" s="1">
        <v>44489</v>
      </c>
      <c r="B3192" t="s">
        <v>2325</v>
      </c>
      <c r="C3192" t="s">
        <v>413</v>
      </c>
      <c r="D3192" t="s">
        <v>10</v>
      </c>
      <c r="E3192" t="s">
        <v>11</v>
      </c>
      <c r="F3192" s="2">
        <v>1</v>
      </c>
      <c r="G3192" t="s">
        <v>53</v>
      </c>
      <c r="H3192" t="s">
        <v>13</v>
      </c>
    </row>
    <row r="3193" spans="1:8" x14ac:dyDescent="0.25">
      <c r="A3193" s="1">
        <v>44488</v>
      </c>
      <c r="B3193" t="s">
        <v>2326</v>
      </c>
      <c r="C3193" t="s">
        <v>149</v>
      </c>
      <c r="D3193" t="s">
        <v>10</v>
      </c>
      <c r="E3193" t="s">
        <v>11</v>
      </c>
      <c r="F3193" s="2">
        <v>1</v>
      </c>
      <c r="G3193" t="s">
        <v>77</v>
      </c>
      <c r="H3193" t="s">
        <v>13</v>
      </c>
    </row>
    <row r="3194" spans="1:8" x14ac:dyDescent="0.25">
      <c r="A3194" s="1">
        <v>44488</v>
      </c>
      <c r="B3194" t="s">
        <v>2326</v>
      </c>
      <c r="C3194" t="s">
        <v>149</v>
      </c>
      <c r="D3194" t="s">
        <v>10</v>
      </c>
      <c r="E3194" t="s">
        <v>11</v>
      </c>
      <c r="F3194" s="2">
        <v>1</v>
      </c>
      <c r="G3194" t="s">
        <v>77</v>
      </c>
      <c r="H3194" t="s">
        <v>13</v>
      </c>
    </row>
    <row r="3195" spans="1:8" x14ac:dyDescent="0.25">
      <c r="A3195" s="1">
        <v>44488</v>
      </c>
      <c r="B3195" t="s">
        <v>2326</v>
      </c>
      <c r="C3195" t="s">
        <v>150</v>
      </c>
      <c r="D3195" t="s">
        <v>10</v>
      </c>
      <c r="E3195" t="s">
        <v>11</v>
      </c>
      <c r="F3195" s="2">
        <v>1</v>
      </c>
      <c r="G3195" t="s">
        <v>77</v>
      </c>
      <c r="H3195" t="s">
        <v>13</v>
      </c>
    </row>
    <row r="3196" spans="1:8" x14ac:dyDescent="0.25">
      <c r="A3196" s="1">
        <v>44488</v>
      </c>
      <c r="B3196" t="s">
        <v>2326</v>
      </c>
      <c r="C3196" t="s">
        <v>150</v>
      </c>
      <c r="D3196" t="s">
        <v>10</v>
      </c>
      <c r="E3196" t="s">
        <v>11</v>
      </c>
      <c r="F3196" s="2">
        <v>1</v>
      </c>
      <c r="G3196" t="s">
        <v>77</v>
      </c>
      <c r="H3196" t="s">
        <v>13</v>
      </c>
    </row>
    <row r="3197" spans="1:8" x14ac:dyDescent="0.25">
      <c r="A3197" s="1">
        <v>44488</v>
      </c>
      <c r="B3197" t="s">
        <v>2326</v>
      </c>
      <c r="C3197" t="s">
        <v>1082</v>
      </c>
      <c r="D3197" t="s">
        <v>10</v>
      </c>
      <c r="E3197" t="s">
        <v>11</v>
      </c>
      <c r="F3197" s="2">
        <v>1</v>
      </c>
      <c r="G3197" t="s">
        <v>77</v>
      </c>
      <c r="H3197" t="s">
        <v>13</v>
      </c>
    </row>
    <row r="3198" spans="1:8" x14ac:dyDescent="0.25">
      <c r="A3198" s="1">
        <v>44488</v>
      </c>
      <c r="B3198" t="s">
        <v>2326</v>
      </c>
      <c r="C3198" t="s">
        <v>1082</v>
      </c>
      <c r="D3198" t="s">
        <v>10</v>
      </c>
      <c r="E3198" t="s">
        <v>11</v>
      </c>
      <c r="F3198" s="2">
        <v>1</v>
      </c>
      <c r="G3198" t="s">
        <v>77</v>
      </c>
      <c r="H3198" t="s">
        <v>13</v>
      </c>
    </row>
    <row r="3199" spans="1:8" x14ac:dyDescent="0.25">
      <c r="A3199" s="1">
        <v>44488</v>
      </c>
      <c r="B3199" t="s">
        <v>2327</v>
      </c>
      <c r="C3199" t="s">
        <v>413</v>
      </c>
      <c r="D3199" t="s">
        <v>10</v>
      </c>
      <c r="E3199" t="s">
        <v>11</v>
      </c>
      <c r="F3199" s="2">
        <v>1</v>
      </c>
      <c r="G3199" t="s">
        <v>2328</v>
      </c>
      <c r="H3199" t="s">
        <v>13</v>
      </c>
    </row>
    <row r="3200" spans="1:8" x14ac:dyDescent="0.25">
      <c r="A3200" s="1">
        <v>44487</v>
      </c>
      <c r="B3200" t="s">
        <v>2329</v>
      </c>
      <c r="C3200" t="s">
        <v>19</v>
      </c>
      <c r="D3200" t="s">
        <v>10</v>
      </c>
      <c r="E3200" t="s">
        <v>11</v>
      </c>
      <c r="F3200" s="2">
        <v>1</v>
      </c>
      <c r="G3200" t="s">
        <v>72</v>
      </c>
      <c r="H3200" t="s">
        <v>13</v>
      </c>
    </row>
    <row r="3201" spans="1:8" x14ac:dyDescent="0.25">
      <c r="A3201" s="1">
        <v>44487</v>
      </c>
      <c r="B3201" t="s">
        <v>2330</v>
      </c>
      <c r="C3201" t="s">
        <v>35</v>
      </c>
      <c r="D3201" t="s">
        <v>10</v>
      </c>
      <c r="E3201" t="s">
        <v>11</v>
      </c>
      <c r="F3201" s="2">
        <v>1</v>
      </c>
      <c r="G3201" t="s">
        <v>157</v>
      </c>
      <c r="H3201" t="s">
        <v>13</v>
      </c>
    </row>
    <row r="3202" spans="1:8" x14ac:dyDescent="0.25">
      <c r="A3202" s="1">
        <v>44487</v>
      </c>
      <c r="B3202" t="s">
        <v>2330</v>
      </c>
      <c r="C3202" t="s">
        <v>271</v>
      </c>
      <c r="D3202" t="s">
        <v>10</v>
      </c>
      <c r="E3202" t="s">
        <v>11</v>
      </c>
      <c r="F3202" s="2">
        <v>1</v>
      </c>
      <c r="G3202" t="s">
        <v>157</v>
      </c>
      <c r="H3202" t="s">
        <v>13</v>
      </c>
    </row>
    <row r="3203" spans="1:8" x14ac:dyDescent="0.25">
      <c r="A3203" s="1">
        <v>44486</v>
      </c>
      <c r="B3203" t="s">
        <v>2331</v>
      </c>
      <c r="C3203" t="s">
        <v>19</v>
      </c>
      <c r="D3203" t="s">
        <v>10</v>
      </c>
      <c r="E3203" t="s">
        <v>11</v>
      </c>
      <c r="F3203" s="2">
        <v>1</v>
      </c>
      <c r="G3203" t="s">
        <v>636</v>
      </c>
      <c r="H3203" t="s">
        <v>13</v>
      </c>
    </row>
    <row r="3204" spans="1:8" x14ac:dyDescent="0.25">
      <c r="A3204" s="1">
        <v>44482</v>
      </c>
      <c r="B3204" t="s">
        <v>2332</v>
      </c>
      <c r="C3204" t="s">
        <v>35</v>
      </c>
      <c r="D3204" t="s">
        <v>10</v>
      </c>
      <c r="E3204" t="s">
        <v>11</v>
      </c>
      <c r="F3204" s="2">
        <v>1</v>
      </c>
      <c r="G3204" t="s">
        <v>205</v>
      </c>
      <c r="H3204" t="s">
        <v>13</v>
      </c>
    </row>
    <row r="3205" spans="1:8" x14ac:dyDescent="0.25">
      <c r="A3205" s="1">
        <v>44482</v>
      </c>
      <c r="B3205" t="s">
        <v>2332</v>
      </c>
      <c r="C3205" t="s">
        <v>96</v>
      </c>
      <c r="D3205" t="s">
        <v>10</v>
      </c>
      <c r="E3205" t="s">
        <v>11</v>
      </c>
      <c r="F3205" s="2">
        <v>1</v>
      </c>
      <c r="G3205" t="s">
        <v>205</v>
      </c>
      <c r="H3205" t="s">
        <v>13</v>
      </c>
    </row>
    <row r="3206" spans="1:8" x14ac:dyDescent="0.25">
      <c r="A3206" s="1">
        <v>44482</v>
      </c>
      <c r="B3206" t="s">
        <v>2332</v>
      </c>
      <c r="C3206" t="s">
        <v>65</v>
      </c>
      <c r="D3206" t="s">
        <v>10</v>
      </c>
      <c r="E3206" t="s">
        <v>11</v>
      </c>
      <c r="F3206" s="2">
        <v>1</v>
      </c>
      <c r="G3206" t="s">
        <v>205</v>
      </c>
      <c r="H3206" t="s">
        <v>13</v>
      </c>
    </row>
    <row r="3207" spans="1:8" x14ac:dyDescent="0.25">
      <c r="A3207" s="1">
        <v>44482</v>
      </c>
      <c r="B3207" t="s">
        <v>2333</v>
      </c>
      <c r="C3207" t="s">
        <v>14</v>
      </c>
      <c r="D3207" t="s">
        <v>10</v>
      </c>
      <c r="E3207" t="s">
        <v>11</v>
      </c>
      <c r="F3207" s="2">
        <v>1</v>
      </c>
      <c r="G3207" t="s">
        <v>100</v>
      </c>
      <c r="H3207" t="s">
        <v>13</v>
      </c>
    </row>
    <row r="3208" spans="1:8" x14ac:dyDescent="0.25">
      <c r="A3208" s="1">
        <v>44482</v>
      </c>
      <c r="B3208" t="s">
        <v>2334</v>
      </c>
      <c r="C3208" t="s">
        <v>149</v>
      </c>
      <c r="D3208" t="s">
        <v>10</v>
      </c>
      <c r="E3208" t="s">
        <v>11</v>
      </c>
      <c r="F3208" s="2">
        <v>1</v>
      </c>
      <c r="G3208" t="s">
        <v>20</v>
      </c>
      <c r="H3208" t="s">
        <v>13</v>
      </c>
    </row>
    <row r="3209" spans="1:8" x14ac:dyDescent="0.25">
      <c r="A3209" s="1">
        <v>44482</v>
      </c>
      <c r="B3209" t="s">
        <v>2334</v>
      </c>
      <c r="C3209" t="s">
        <v>150</v>
      </c>
      <c r="D3209" t="s">
        <v>10</v>
      </c>
      <c r="E3209" t="s">
        <v>11</v>
      </c>
      <c r="F3209" s="2">
        <v>1</v>
      </c>
      <c r="G3209" t="s">
        <v>20</v>
      </c>
      <c r="H3209" t="s">
        <v>13</v>
      </c>
    </row>
    <row r="3210" spans="1:8" x14ac:dyDescent="0.25">
      <c r="A3210" s="1">
        <v>44482</v>
      </c>
      <c r="B3210" t="s">
        <v>2334</v>
      </c>
      <c r="C3210" t="s">
        <v>379</v>
      </c>
      <c r="D3210" t="s">
        <v>10</v>
      </c>
      <c r="E3210" t="s">
        <v>11</v>
      </c>
      <c r="F3210" s="2">
        <v>1</v>
      </c>
      <c r="G3210" t="s">
        <v>20</v>
      </c>
      <c r="H3210" t="s">
        <v>13</v>
      </c>
    </row>
    <row r="3211" spans="1:8" x14ac:dyDescent="0.25">
      <c r="A3211" s="1">
        <v>44482</v>
      </c>
      <c r="B3211" t="s">
        <v>2334</v>
      </c>
      <c r="C3211" t="s">
        <v>453</v>
      </c>
      <c r="D3211" t="s">
        <v>10</v>
      </c>
      <c r="E3211" t="s">
        <v>11</v>
      </c>
      <c r="F3211" s="2">
        <v>1</v>
      </c>
      <c r="G3211" t="s">
        <v>20</v>
      </c>
      <c r="H3211" t="s">
        <v>13</v>
      </c>
    </row>
    <row r="3212" spans="1:8" x14ac:dyDescent="0.25">
      <c r="A3212" s="1">
        <v>44482</v>
      </c>
      <c r="B3212" t="s">
        <v>2335</v>
      </c>
      <c r="C3212" t="s">
        <v>92</v>
      </c>
      <c r="D3212" t="s">
        <v>10</v>
      </c>
      <c r="E3212" t="s">
        <v>11</v>
      </c>
      <c r="F3212" s="2">
        <v>1</v>
      </c>
      <c r="G3212" t="s">
        <v>20</v>
      </c>
      <c r="H3212" t="s">
        <v>13</v>
      </c>
    </row>
    <row r="3213" spans="1:8" x14ac:dyDescent="0.25">
      <c r="A3213" s="1">
        <v>44482</v>
      </c>
      <c r="B3213" t="s">
        <v>2336</v>
      </c>
      <c r="C3213" t="s">
        <v>42</v>
      </c>
      <c r="D3213" t="s">
        <v>10</v>
      </c>
      <c r="E3213" t="s">
        <v>11</v>
      </c>
      <c r="F3213" s="2">
        <v>1</v>
      </c>
      <c r="G3213" t="s">
        <v>205</v>
      </c>
      <c r="H3213" t="s">
        <v>13</v>
      </c>
    </row>
    <row r="3214" spans="1:8" x14ac:dyDescent="0.25">
      <c r="A3214" s="1">
        <v>44480</v>
      </c>
      <c r="B3214" t="s">
        <v>2337</v>
      </c>
      <c r="C3214" t="s">
        <v>58</v>
      </c>
      <c r="D3214" t="s">
        <v>10</v>
      </c>
      <c r="E3214" t="s">
        <v>11</v>
      </c>
      <c r="F3214" s="2">
        <v>1</v>
      </c>
      <c r="G3214" t="s">
        <v>191</v>
      </c>
      <c r="H3214" t="s">
        <v>13</v>
      </c>
    </row>
    <row r="3215" spans="1:8" x14ac:dyDescent="0.25">
      <c r="A3215" s="1">
        <v>44480</v>
      </c>
      <c r="B3215" t="s">
        <v>2338</v>
      </c>
      <c r="C3215" t="s">
        <v>9</v>
      </c>
      <c r="D3215" t="s">
        <v>10</v>
      </c>
      <c r="E3215" t="s">
        <v>11</v>
      </c>
      <c r="F3215" s="2">
        <v>1</v>
      </c>
      <c r="G3215" t="s">
        <v>663</v>
      </c>
      <c r="H3215" t="s">
        <v>13</v>
      </c>
    </row>
    <row r="3216" spans="1:8" x14ac:dyDescent="0.25">
      <c r="A3216" s="1">
        <v>44480</v>
      </c>
      <c r="B3216" t="s">
        <v>2338</v>
      </c>
      <c r="C3216" t="s">
        <v>413</v>
      </c>
      <c r="D3216" t="s">
        <v>10</v>
      </c>
      <c r="E3216" t="s">
        <v>11</v>
      </c>
      <c r="F3216" s="2">
        <v>1</v>
      </c>
      <c r="G3216" t="s">
        <v>663</v>
      </c>
      <c r="H3216" t="s">
        <v>13</v>
      </c>
    </row>
    <row r="3217" spans="1:8" x14ac:dyDescent="0.25">
      <c r="A3217" s="1">
        <v>44480</v>
      </c>
      <c r="B3217" t="s">
        <v>2339</v>
      </c>
      <c r="C3217" t="s">
        <v>9</v>
      </c>
      <c r="D3217" t="s">
        <v>10</v>
      </c>
      <c r="E3217" t="s">
        <v>11</v>
      </c>
      <c r="F3217" s="2">
        <v>1</v>
      </c>
      <c r="G3217" t="s">
        <v>46</v>
      </c>
      <c r="H3217" t="s">
        <v>13</v>
      </c>
    </row>
    <row r="3218" spans="1:8" x14ac:dyDescent="0.25">
      <c r="A3218" s="1">
        <v>44480</v>
      </c>
      <c r="B3218" t="s">
        <v>2339</v>
      </c>
      <c r="C3218" t="s">
        <v>28</v>
      </c>
      <c r="D3218" t="s">
        <v>10</v>
      </c>
      <c r="E3218" t="s">
        <v>11</v>
      </c>
      <c r="F3218" s="2">
        <v>1</v>
      </c>
      <c r="G3218" t="s">
        <v>46</v>
      </c>
      <c r="H3218" t="s">
        <v>13</v>
      </c>
    </row>
    <row r="3219" spans="1:8" x14ac:dyDescent="0.25">
      <c r="A3219" s="1">
        <v>44480</v>
      </c>
      <c r="B3219" t="s">
        <v>2339</v>
      </c>
      <c r="C3219" t="s">
        <v>29</v>
      </c>
      <c r="D3219" t="s">
        <v>10</v>
      </c>
      <c r="E3219" t="s">
        <v>11</v>
      </c>
      <c r="F3219" s="2">
        <v>1</v>
      </c>
      <c r="G3219" t="s">
        <v>46</v>
      </c>
      <c r="H3219" t="s">
        <v>13</v>
      </c>
    </row>
    <row r="3220" spans="1:8" x14ac:dyDescent="0.25">
      <c r="A3220" s="1">
        <v>44480</v>
      </c>
      <c r="B3220" t="s">
        <v>2339</v>
      </c>
      <c r="C3220" t="s">
        <v>35</v>
      </c>
      <c r="D3220" t="s">
        <v>10</v>
      </c>
      <c r="E3220" t="s">
        <v>11</v>
      </c>
      <c r="F3220" s="2">
        <v>1</v>
      </c>
      <c r="G3220" t="s">
        <v>46</v>
      </c>
      <c r="H3220" t="s">
        <v>13</v>
      </c>
    </row>
    <row r="3221" spans="1:8" x14ac:dyDescent="0.25">
      <c r="A3221" s="1">
        <v>44479</v>
      </c>
      <c r="B3221" t="s">
        <v>2340</v>
      </c>
      <c r="C3221" t="s">
        <v>9</v>
      </c>
      <c r="D3221" t="s">
        <v>10</v>
      </c>
      <c r="E3221" t="s">
        <v>11</v>
      </c>
      <c r="F3221" s="2">
        <v>1</v>
      </c>
      <c r="G3221" t="s">
        <v>37</v>
      </c>
      <c r="H3221" t="s">
        <v>13</v>
      </c>
    </row>
    <row r="3222" spans="1:8" x14ac:dyDescent="0.25">
      <c r="A3222" s="1">
        <v>44479</v>
      </c>
      <c r="B3222" t="s">
        <v>2341</v>
      </c>
      <c r="C3222" t="s">
        <v>28</v>
      </c>
      <c r="D3222" t="s">
        <v>10</v>
      </c>
      <c r="E3222" t="s">
        <v>11</v>
      </c>
      <c r="F3222" s="2">
        <v>1</v>
      </c>
      <c r="G3222" t="s">
        <v>244</v>
      </c>
      <c r="H3222" t="s">
        <v>13</v>
      </c>
    </row>
    <row r="3223" spans="1:8" x14ac:dyDescent="0.25">
      <c r="A3223" s="1">
        <v>44479</v>
      </c>
      <c r="B3223" t="s">
        <v>2341</v>
      </c>
      <c r="C3223" t="s">
        <v>29</v>
      </c>
      <c r="D3223" t="s">
        <v>10</v>
      </c>
      <c r="E3223" t="s">
        <v>11</v>
      </c>
      <c r="F3223" s="2">
        <v>1</v>
      </c>
      <c r="G3223" t="s">
        <v>244</v>
      </c>
      <c r="H3223" t="s">
        <v>13</v>
      </c>
    </row>
    <row r="3224" spans="1:8" x14ac:dyDescent="0.25">
      <c r="A3224" s="1">
        <v>44478</v>
      </c>
      <c r="B3224" t="s">
        <v>2342</v>
      </c>
      <c r="C3224" t="s">
        <v>19</v>
      </c>
      <c r="D3224" t="s">
        <v>10</v>
      </c>
      <c r="E3224" t="s">
        <v>11</v>
      </c>
      <c r="F3224" s="2">
        <v>1</v>
      </c>
      <c r="G3224" t="s">
        <v>701</v>
      </c>
      <c r="H3224" t="s">
        <v>13</v>
      </c>
    </row>
    <row r="3225" spans="1:8" x14ac:dyDescent="0.25">
      <c r="A3225" s="1">
        <v>44478</v>
      </c>
      <c r="B3225" t="s">
        <v>2343</v>
      </c>
      <c r="C3225" t="s">
        <v>92</v>
      </c>
      <c r="D3225" t="s">
        <v>10</v>
      </c>
      <c r="E3225" t="s">
        <v>11</v>
      </c>
      <c r="F3225" s="2">
        <v>1</v>
      </c>
      <c r="G3225" t="s">
        <v>100</v>
      </c>
      <c r="H3225" t="s">
        <v>13</v>
      </c>
    </row>
    <row r="3226" spans="1:8" x14ac:dyDescent="0.25">
      <c r="A3226" s="1">
        <v>44477</v>
      </c>
      <c r="B3226" t="s">
        <v>2344</v>
      </c>
      <c r="C3226" t="s">
        <v>28</v>
      </c>
      <c r="D3226" t="s">
        <v>10</v>
      </c>
      <c r="E3226" t="s">
        <v>11</v>
      </c>
      <c r="F3226" s="2">
        <v>1</v>
      </c>
      <c r="G3226" t="s">
        <v>663</v>
      </c>
      <c r="H3226" t="s">
        <v>13</v>
      </c>
    </row>
    <row r="3227" spans="1:8" x14ac:dyDescent="0.25">
      <c r="A3227" s="1">
        <v>44477</v>
      </c>
      <c r="B3227" t="s">
        <v>2344</v>
      </c>
      <c r="C3227" t="s">
        <v>29</v>
      </c>
      <c r="D3227" t="s">
        <v>10</v>
      </c>
      <c r="E3227" t="s">
        <v>11</v>
      </c>
      <c r="F3227" s="2">
        <v>1</v>
      </c>
      <c r="G3227" t="s">
        <v>663</v>
      </c>
      <c r="H3227" t="s">
        <v>13</v>
      </c>
    </row>
    <row r="3228" spans="1:8" x14ac:dyDescent="0.25">
      <c r="A3228" s="1">
        <v>44477</v>
      </c>
      <c r="B3228" t="s">
        <v>2345</v>
      </c>
      <c r="C3228" t="s">
        <v>439</v>
      </c>
      <c r="D3228" t="s">
        <v>10</v>
      </c>
      <c r="E3228" t="s">
        <v>11</v>
      </c>
      <c r="F3228" s="2">
        <v>1</v>
      </c>
      <c r="G3228" t="s">
        <v>216</v>
      </c>
      <c r="H3228" t="s">
        <v>13</v>
      </c>
    </row>
    <row r="3229" spans="1:8" x14ac:dyDescent="0.25">
      <c r="A3229" s="1">
        <v>44476</v>
      </c>
      <c r="B3229" t="s">
        <v>2346</v>
      </c>
      <c r="C3229" t="s">
        <v>379</v>
      </c>
      <c r="D3229" t="s">
        <v>10</v>
      </c>
      <c r="E3229" t="s">
        <v>11</v>
      </c>
      <c r="F3229" s="2">
        <v>1</v>
      </c>
      <c r="G3229" t="s">
        <v>145</v>
      </c>
      <c r="H3229" t="s">
        <v>13</v>
      </c>
    </row>
    <row r="3230" spans="1:8" x14ac:dyDescent="0.25">
      <c r="A3230" s="1">
        <v>44476</v>
      </c>
      <c r="B3230" t="s">
        <v>2346</v>
      </c>
      <c r="C3230" t="s">
        <v>518</v>
      </c>
      <c r="D3230" t="s">
        <v>10</v>
      </c>
      <c r="E3230" t="s">
        <v>11</v>
      </c>
      <c r="F3230" s="2">
        <v>1</v>
      </c>
      <c r="G3230" t="s">
        <v>145</v>
      </c>
      <c r="H3230" t="s">
        <v>13</v>
      </c>
    </row>
    <row r="3231" spans="1:8" x14ac:dyDescent="0.25">
      <c r="A3231" s="1">
        <v>44476</v>
      </c>
      <c r="B3231" t="s">
        <v>2347</v>
      </c>
      <c r="C3231" t="s">
        <v>86</v>
      </c>
      <c r="D3231" t="s">
        <v>10</v>
      </c>
      <c r="E3231" t="s">
        <v>11</v>
      </c>
      <c r="F3231" s="2">
        <v>1</v>
      </c>
      <c r="G3231" t="s">
        <v>24</v>
      </c>
      <c r="H3231" t="s">
        <v>13</v>
      </c>
    </row>
    <row r="3232" spans="1:8" x14ac:dyDescent="0.25">
      <c r="A3232" s="1">
        <v>44476</v>
      </c>
      <c r="B3232" t="s">
        <v>2348</v>
      </c>
      <c r="C3232" t="s">
        <v>14</v>
      </c>
      <c r="D3232" t="s">
        <v>10</v>
      </c>
      <c r="E3232" t="s">
        <v>11</v>
      </c>
      <c r="F3232" s="2">
        <v>1</v>
      </c>
      <c r="G3232" t="s">
        <v>67</v>
      </c>
      <c r="H3232" t="s">
        <v>13</v>
      </c>
    </row>
    <row r="3233" spans="1:8" x14ac:dyDescent="0.25">
      <c r="A3233" s="1">
        <v>44475</v>
      </c>
      <c r="B3233" t="s">
        <v>2349</v>
      </c>
      <c r="C3233" t="s">
        <v>510</v>
      </c>
      <c r="D3233" t="s">
        <v>10</v>
      </c>
      <c r="E3233" t="s">
        <v>11</v>
      </c>
      <c r="F3233" s="2">
        <v>1</v>
      </c>
      <c r="G3233" t="s">
        <v>31</v>
      </c>
      <c r="H3233" t="s">
        <v>13</v>
      </c>
    </row>
    <row r="3234" spans="1:8" x14ac:dyDescent="0.25">
      <c r="A3234" s="1">
        <v>44475</v>
      </c>
      <c r="B3234" t="s">
        <v>2350</v>
      </c>
      <c r="C3234" t="s">
        <v>35</v>
      </c>
      <c r="D3234" t="s">
        <v>10</v>
      </c>
      <c r="E3234" t="s">
        <v>11</v>
      </c>
      <c r="F3234" s="2">
        <v>1</v>
      </c>
      <c r="G3234" t="s">
        <v>100</v>
      </c>
      <c r="H3234" t="s">
        <v>13</v>
      </c>
    </row>
    <row r="3235" spans="1:8" x14ac:dyDescent="0.25">
      <c r="A3235" s="1">
        <v>44473</v>
      </c>
      <c r="B3235" t="s">
        <v>2351</v>
      </c>
      <c r="C3235" t="s">
        <v>79</v>
      </c>
      <c r="D3235" t="s">
        <v>10</v>
      </c>
      <c r="E3235" t="s">
        <v>11</v>
      </c>
      <c r="F3235" s="2">
        <v>1</v>
      </c>
      <c r="G3235" t="s">
        <v>181</v>
      </c>
      <c r="H3235" t="s">
        <v>13</v>
      </c>
    </row>
    <row r="3236" spans="1:8" x14ac:dyDescent="0.25">
      <c r="A3236" s="1">
        <v>44473</v>
      </c>
      <c r="B3236" t="s">
        <v>2351</v>
      </c>
      <c r="C3236" t="s">
        <v>80</v>
      </c>
      <c r="D3236" t="s">
        <v>10</v>
      </c>
      <c r="E3236" t="s">
        <v>11</v>
      </c>
      <c r="F3236" s="2">
        <v>1</v>
      </c>
      <c r="G3236" t="s">
        <v>181</v>
      </c>
      <c r="H3236" t="s">
        <v>13</v>
      </c>
    </row>
    <row r="3237" spans="1:8" x14ac:dyDescent="0.25">
      <c r="A3237" s="1">
        <v>44473</v>
      </c>
      <c r="B3237" t="s">
        <v>2352</v>
      </c>
      <c r="C3237" t="s">
        <v>28</v>
      </c>
      <c r="D3237" t="s">
        <v>10</v>
      </c>
      <c r="E3237" t="s">
        <v>11</v>
      </c>
      <c r="F3237" s="2">
        <v>1</v>
      </c>
      <c r="G3237" t="s">
        <v>183</v>
      </c>
      <c r="H3237" t="s">
        <v>13</v>
      </c>
    </row>
    <row r="3238" spans="1:8" x14ac:dyDescent="0.25">
      <c r="A3238" s="1">
        <v>44473</v>
      </c>
      <c r="B3238" t="s">
        <v>2353</v>
      </c>
      <c r="C3238" t="s">
        <v>79</v>
      </c>
      <c r="D3238" t="s">
        <v>10</v>
      </c>
      <c r="E3238" t="s">
        <v>11</v>
      </c>
      <c r="F3238" s="2">
        <v>1</v>
      </c>
      <c r="G3238" t="s">
        <v>181</v>
      </c>
      <c r="H3238" t="s">
        <v>13</v>
      </c>
    </row>
    <row r="3239" spans="1:8" x14ac:dyDescent="0.25">
      <c r="A3239" s="1">
        <v>44473</v>
      </c>
      <c r="B3239" t="s">
        <v>2353</v>
      </c>
      <c r="C3239" t="s">
        <v>1176</v>
      </c>
      <c r="D3239" t="s">
        <v>10</v>
      </c>
      <c r="E3239" t="s">
        <v>11</v>
      </c>
      <c r="F3239" s="2">
        <v>1</v>
      </c>
      <c r="G3239" t="s">
        <v>181</v>
      </c>
      <c r="H3239" t="s">
        <v>13</v>
      </c>
    </row>
    <row r="3240" spans="1:8" x14ac:dyDescent="0.25">
      <c r="A3240" s="1">
        <v>44473</v>
      </c>
      <c r="B3240" t="s">
        <v>2353</v>
      </c>
      <c r="C3240" t="s">
        <v>80</v>
      </c>
      <c r="D3240" t="s">
        <v>10</v>
      </c>
      <c r="E3240" t="s">
        <v>11</v>
      </c>
      <c r="F3240" s="2">
        <v>1</v>
      </c>
      <c r="G3240" t="s">
        <v>181</v>
      </c>
      <c r="H3240" t="s">
        <v>13</v>
      </c>
    </row>
    <row r="3241" spans="1:8" x14ac:dyDescent="0.25">
      <c r="A3241" s="1">
        <v>44473</v>
      </c>
      <c r="B3241" t="s">
        <v>2354</v>
      </c>
      <c r="C3241" t="s">
        <v>79</v>
      </c>
      <c r="D3241" t="s">
        <v>10</v>
      </c>
      <c r="E3241" t="s">
        <v>11</v>
      </c>
      <c r="F3241" s="2">
        <v>1</v>
      </c>
      <c r="G3241" t="s">
        <v>181</v>
      </c>
      <c r="H3241" t="s">
        <v>13</v>
      </c>
    </row>
    <row r="3242" spans="1:8" x14ac:dyDescent="0.25">
      <c r="A3242" s="1">
        <v>44473</v>
      </c>
      <c r="B3242" t="s">
        <v>2354</v>
      </c>
      <c r="C3242" t="s">
        <v>80</v>
      </c>
      <c r="D3242" t="s">
        <v>10</v>
      </c>
      <c r="E3242" t="s">
        <v>11</v>
      </c>
      <c r="F3242" s="2">
        <v>1</v>
      </c>
      <c r="G3242" t="s">
        <v>181</v>
      </c>
      <c r="H3242" t="s">
        <v>13</v>
      </c>
    </row>
    <row r="3243" spans="1:8" x14ac:dyDescent="0.25">
      <c r="A3243" s="1">
        <v>44472</v>
      </c>
      <c r="B3243" t="s">
        <v>2355</v>
      </c>
      <c r="C3243" t="s">
        <v>19</v>
      </c>
      <c r="D3243" t="s">
        <v>10</v>
      </c>
      <c r="E3243" t="s">
        <v>11</v>
      </c>
      <c r="F3243" s="2">
        <v>1</v>
      </c>
      <c r="G3243" t="s">
        <v>100</v>
      </c>
      <c r="H3243" t="s">
        <v>13</v>
      </c>
    </row>
    <row r="3244" spans="1:8" x14ac:dyDescent="0.25">
      <c r="A3244" s="1">
        <v>44470</v>
      </c>
      <c r="B3244" t="s">
        <v>2356</v>
      </c>
      <c r="C3244" t="s">
        <v>9</v>
      </c>
      <c r="D3244" t="s">
        <v>10</v>
      </c>
      <c r="E3244" t="s">
        <v>11</v>
      </c>
      <c r="F3244" s="2">
        <v>1</v>
      </c>
      <c r="G3244" t="s">
        <v>553</v>
      </c>
      <c r="H3244" t="s">
        <v>13</v>
      </c>
    </row>
    <row r="3245" spans="1:8" x14ac:dyDescent="0.25">
      <c r="A3245" s="1">
        <v>44470</v>
      </c>
      <c r="B3245" t="s">
        <v>2356</v>
      </c>
      <c r="C3245" t="s">
        <v>47</v>
      </c>
      <c r="D3245" t="s">
        <v>10</v>
      </c>
      <c r="E3245" t="s">
        <v>11</v>
      </c>
      <c r="F3245" s="2">
        <v>1</v>
      </c>
      <c r="G3245" t="s">
        <v>553</v>
      </c>
      <c r="H3245" t="s">
        <v>13</v>
      </c>
    </row>
    <row r="3246" spans="1:8" x14ac:dyDescent="0.25">
      <c r="A3246" s="1">
        <v>44470</v>
      </c>
      <c r="B3246" t="s">
        <v>2357</v>
      </c>
      <c r="C3246" t="s">
        <v>9</v>
      </c>
      <c r="D3246" t="s">
        <v>10</v>
      </c>
      <c r="E3246" t="s">
        <v>11</v>
      </c>
      <c r="F3246" s="2">
        <v>1</v>
      </c>
      <c r="G3246" t="s">
        <v>100</v>
      </c>
      <c r="H3246" t="s">
        <v>13</v>
      </c>
    </row>
    <row r="3247" spans="1:8" x14ac:dyDescent="0.25">
      <c r="A3247" s="1">
        <v>44470</v>
      </c>
      <c r="B3247" t="s">
        <v>2358</v>
      </c>
      <c r="C3247" t="s">
        <v>28</v>
      </c>
      <c r="D3247" t="s">
        <v>10</v>
      </c>
      <c r="E3247" t="s">
        <v>11</v>
      </c>
      <c r="F3247" s="2">
        <v>1</v>
      </c>
      <c r="G3247" t="s">
        <v>1392</v>
      </c>
      <c r="H3247" t="s">
        <v>13</v>
      </c>
    </row>
    <row r="3248" spans="1:8" x14ac:dyDescent="0.25">
      <c r="A3248" s="1">
        <v>44467</v>
      </c>
      <c r="B3248" t="s">
        <v>2359</v>
      </c>
      <c r="C3248" t="s">
        <v>35</v>
      </c>
      <c r="D3248" t="s">
        <v>10</v>
      </c>
      <c r="E3248" t="s">
        <v>11</v>
      </c>
      <c r="F3248" s="2">
        <v>1</v>
      </c>
      <c r="G3248" t="s">
        <v>20</v>
      </c>
      <c r="H3248" t="s">
        <v>13</v>
      </c>
    </row>
    <row r="3249" spans="1:8" x14ac:dyDescent="0.25">
      <c r="A3249" s="1">
        <v>44467</v>
      </c>
      <c r="B3249" t="s">
        <v>2359</v>
      </c>
      <c r="C3249" t="s">
        <v>836</v>
      </c>
      <c r="D3249" t="s">
        <v>10</v>
      </c>
      <c r="E3249" t="s">
        <v>11</v>
      </c>
      <c r="F3249" s="2">
        <v>1</v>
      </c>
      <c r="G3249" t="s">
        <v>20</v>
      </c>
      <c r="H3249" t="s">
        <v>13</v>
      </c>
    </row>
    <row r="3250" spans="1:8" x14ac:dyDescent="0.25">
      <c r="A3250" s="1">
        <v>44467</v>
      </c>
      <c r="B3250" t="s">
        <v>2359</v>
      </c>
      <c r="C3250" t="s">
        <v>32</v>
      </c>
      <c r="D3250" t="s">
        <v>10</v>
      </c>
      <c r="E3250" t="s">
        <v>11</v>
      </c>
      <c r="F3250" s="2">
        <v>1</v>
      </c>
      <c r="G3250" t="s">
        <v>20</v>
      </c>
      <c r="H3250" t="s">
        <v>13</v>
      </c>
    </row>
    <row r="3251" spans="1:8" x14ac:dyDescent="0.25">
      <c r="A3251" s="1">
        <v>44467</v>
      </c>
      <c r="B3251" t="s">
        <v>2360</v>
      </c>
      <c r="C3251" t="s">
        <v>9</v>
      </c>
      <c r="D3251" t="s">
        <v>10</v>
      </c>
      <c r="E3251" t="s">
        <v>11</v>
      </c>
      <c r="F3251" s="2">
        <v>1</v>
      </c>
      <c r="G3251" t="s">
        <v>137</v>
      </c>
      <c r="H3251" t="s">
        <v>13</v>
      </c>
    </row>
    <row r="3252" spans="1:8" x14ac:dyDescent="0.25">
      <c r="A3252" s="1">
        <v>44467</v>
      </c>
      <c r="B3252" t="s">
        <v>2360</v>
      </c>
      <c r="C3252" t="s">
        <v>249</v>
      </c>
      <c r="D3252" t="s">
        <v>10</v>
      </c>
      <c r="E3252" t="s">
        <v>11</v>
      </c>
      <c r="F3252" s="2">
        <v>1</v>
      </c>
      <c r="G3252" t="s">
        <v>137</v>
      </c>
      <c r="H3252" t="s">
        <v>13</v>
      </c>
    </row>
    <row r="3253" spans="1:8" x14ac:dyDescent="0.25">
      <c r="A3253" s="1">
        <v>44467</v>
      </c>
      <c r="B3253" t="s">
        <v>2360</v>
      </c>
      <c r="C3253" t="s">
        <v>2256</v>
      </c>
      <c r="D3253" t="s">
        <v>10</v>
      </c>
      <c r="E3253" t="s">
        <v>11</v>
      </c>
      <c r="F3253" s="2">
        <v>1</v>
      </c>
      <c r="G3253" t="s">
        <v>137</v>
      </c>
      <c r="H3253" t="s">
        <v>13</v>
      </c>
    </row>
    <row r="3254" spans="1:8" x14ac:dyDescent="0.25">
      <c r="A3254" s="1">
        <v>44467</v>
      </c>
      <c r="B3254" t="s">
        <v>2361</v>
      </c>
      <c r="C3254" t="s">
        <v>9</v>
      </c>
      <c r="D3254" t="s">
        <v>10</v>
      </c>
      <c r="E3254" t="s">
        <v>11</v>
      </c>
      <c r="F3254" s="2">
        <v>1</v>
      </c>
      <c r="G3254" t="s">
        <v>330</v>
      </c>
      <c r="H3254" t="s">
        <v>13</v>
      </c>
    </row>
    <row r="3255" spans="1:8" x14ac:dyDescent="0.25">
      <c r="A3255" s="1">
        <v>44467</v>
      </c>
      <c r="B3255" t="s">
        <v>2361</v>
      </c>
      <c r="C3255" t="s">
        <v>47</v>
      </c>
      <c r="D3255" t="s">
        <v>10</v>
      </c>
      <c r="E3255" t="s">
        <v>11</v>
      </c>
      <c r="F3255" s="2">
        <v>1</v>
      </c>
      <c r="G3255" t="s">
        <v>330</v>
      </c>
      <c r="H3255" t="s">
        <v>13</v>
      </c>
    </row>
    <row r="3256" spans="1:8" x14ac:dyDescent="0.25">
      <c r="A3256" s="1">
        <v>44467</v>
      </c>
      <c r="B3256" t="s">
        <v>2362</v>
      </c>
      <c r="C3256" t="s">
        <v>9</v>
      </c>
      <c r="D3256" t="s">
        <v>10</v>
      </c>
      <c r="E3256" t="s">
        <v>11</v>
      </c>
      <c r="F3256" s="2">
        <v>1</v>
      </c>
      <c r="G3256" t="s">
        <v>72</v>
      </c>
      <c r="H3256" t="s">
        <v>13</v>
      </c>
    </row>
    <row r="3257" spans="1:8" x14ac:dyDescent="0.25">
      <c r="A3257" s="1">
        <v>44466</v>
      </c>
      <c r="B3257" t="s">
        <v>2363</v>
      </c>
      <c r="C3257" t="s">
        <v>379</v>
      </c>
      <c r="D3257" t="s">
        <v>10</v>
      </c>
      <c r="E3257" t="s">
        <v>11</v>
      </c>
      <c r="F3257" s="2">
        <v>1</v>
      </c>
      <c r="G3257" t="s">
        <v>20</v>
      </c>
      <c r="H3257" t="s">
        <v>13</v>
      </c>
    </row>
    <row r="3258" spans="1:8" x14ac:dyDescent="0.25">
      <c r="A3258" s="1">
        <v>44466</v>
      </c>
      <c r="B3258" t="s">
        <v>2363</v>
      </c>
      <c r="C3258" t="s">
        <v>453</v>
      </c>
      <c r="D3258" t="s">
        <v>10</v>
      </c>
      <c r="E3258" t="s">
        <v>11</v>
      </c>
      <c r="F3258" s="2">
        <v>1</v>
      </c>
      <c r="G3258" t="s">
        <v>20</v>
      </c>
      <c r="H3258" t="s">
        <v>13</v>
      </c>
    </row>
    <row r="3259" spans="1:8" x14ac:dyDescent="0.25">
      <c r="A3259" s="1">
        <v>44465</v>
      </c>
      <c r="B3259" t="s">
        <v>2364</v>
      </c>
      <c r="C3259" t="s">
        <v>410</v>
      </c>
      <c r="D3259" t="s">
        <v>10</v>
      </c>
      <c r="E3259" t="s">
        <v>11</v>
      </c>
      <c r="F3259" s="2">
        <v>1</v>
      </c>
      <c r="G3259" t="s">
        <v>53</v>
      </c>
      <c r="H3259" t="s">
        <v>13</v>
      </c>
    </row>
    <row r="3260" spans="1:8" x14ac:dyDescent="0.25">
      <c r="A3260" s="1">
        <v>44461</v>
      </c>
      <c r="B3260" t="s">
        <v>2365</v>
      </c>
      <c r="C3260" t="s">
        <v>79</v>
      </c>
      <c r="D3260" t="s">
        <v>10</v>
      </c>
      <c r="E3260" t="s">
        <v>11</v>
      </c>
      <c r="F3260" s="2">
        <v>1</v>
      </c>
      <c r="G3260" t="s">
        <v>111</v>
      </c>
      <c r="H3260" t="s">
        <v>13</v>
      </c>
    </row>
    <row r="3261" spans="1:8" x14ac:dyDescent="0.25">
      <c r="A3261" s="1">
        <v>44461</v>
      </c>
      <c r="B3261" t="s">
        <v>2365</v>
      </c>
      <c r="C3261" t="s">
        <v>80</v>
      </c>
      <c r="D3261" t="s">
        <v>10</v>
      </c>
      <c r="E3261" t="s">
        <v>11</v>
      </c>
      <c r="F3261" s="2">
        <v>1</v>
      </c>
      <c r="G3261" t="s">
        <v>111</v>
      </c>
      <c r="H3261" t="s">
        <v>13</v>
      </c>
    </row>
    <row r="3262" spans="1:8" x14ac:dyDescent="0.25">
      <c r="A3262" s="1">
        <v>44461</v>
      </c>
      <c r="B3262" t="s">
        <v>2366</v>
      </c>
      <c r="C3262" t="s">
        <v>118</v>
      </c>
      <c r="D3262" t="s">
        <v>10</v>
      </c>
      <c r="E3262" t="s">
        <v>11</v>
      </c>
      <c r="F3262" s="2">
        <v>1</v>
      </c>
      <c r="G3262" t="s">
        <v>216</v>
      </c>
      <c r="H3262" t="s">
        <v>13</v>
      </c>
    </row>
    <row r="3263" spans="1:8" x14ac:dyDescent="0.25">
      <c r="A3263" s="1">
        <v>44461</v>
      </c>
      <c r="B3263" t="s">
        <v>2366</v>
      </c>
      <c r="C3263" t="s">
        <v>142</v>
      </c>
      <c r="D3263" t="s">
        <v>10</v>
      </c>
      <c r="E3263" t="s">
        <v>11</v>
      </c>
      <c r="F3263" s="2">
        <v>1</v>
      </c>
      <c r="G3263" t="s">
        <v>216</v>
      </c>
      <c r="H3263" t="s">
        <v>13</v>
      </c>
    </row>
    <row r="3264" spans="1:8" x14ac:dyDescent="0.25">
      <c r="A3264" s="1">
        <v>44461</v>
      </c>
      <c r="B3264" t="s">
        <v>2366</v>
      </c>
      <c r="C3264" t="s">
        <v>16</v>
      </c>
      <c r="D3264" t="s">
        <v>10</v>
      </c>
      <c r="E3264" t="s">
        <v>11</v>
      </c>
      <c r="F3264" s="2">
        <v>1</v>
      </c>
      <c r="G3264" t="s">
        <v>216</v>
      </c>
      <c r="H3264" t="s">
        <v>13</v>
      </c>
    </row>
    <row r="3265" spans="1:8" x14ac:dyDescent="0.25">
      <c r="A3265" s="1">
        <v>44461</v>
      </c>
      <c r="B3265" t="s">
        <v>2366</v>
      </c>
      <c r="C3265" t="s">
        <v>379</v>
      </c>
      <c r="D3265" t="s">
        <v>10</v>
      </c>
      <c r="E3265" t="s">
        <v>11</v>
      </c>
      <c r="F3265" s="2">
        <v>1</v>
      </c>
      <c r="G3265" t="s">
        <v>216</v>
      </c>
      <c r="H3265" t="s">
        <v>13</v>
      </c>
    </row>
    <row r="3266" spans="1:8" x14ac:dyDescent="0.25">
      <c r="A3266" s="1">
        <v>44461</v>
      </c>
      <c r="B3266" t="s">
        <v>2366</v>
      </c>
      <c r="C3266" t="s">
        <v>151</v>
      </c>
      <c r="D3266" t="s">
        <v>10</v>
      </c>
      <c r="E3266" t="s">
        <v>11</v>
      </c>
      <c r="F3266" s="2">
        <v>1</v>
      </c>
      <c r="G3266" t="s">
        <v>216</v>
      </c>
      <c r="H3266" t="s">
        <v>13</v>
      </c>
    </row>
    <row r="3267" spans="1:8" x14ac:dyDescent="0.25">
      <c r="A3267" s="1">
        <v>44461</v>
      </c>
      <c r="B3267" t="s">
        <v>2367</v>
      </c>
      <c r="C3267" t="s">
        <v>42</v>
      </c>
      <c r="D3267" t="s">
        <v>10</v>
      </c>
      <c r="E3267" t="s">
        <v>11</v>
      </c>
      <c r="F3267" s="2">
        <v>1</v>
      </c>
      <c r="G3267" t="s">
        <v>205</v>
      </c>
      <c r="H3267" t="s">
        <v>13</v>
      </c>
    </row>
    <row r="3268" spans="1:8" x14ac:dyDescent="0.25">
      <c r="A3268" s="1">
        <v>44460</v>
      </c>
      <c r="B3268" t="s">
        <v>2368</v>
      </c>
      <c r="C3268" t="s">
        <v>9</v>
      </c>
      <c r="D3268" t="s">
        <v>10</v>
      </c>
      <c r="E3268" t="s">
        <v>11</v>
      </c>
      <c r="F3268" s="2">
        <v>1</v>
      </c>
      <c r="G3268" t="s">
        <v>44</v>
      </c>
      <c r="H3268" t="s">
        <v>13</v>
      </c>
    </row>
    <row r="3269" spans="1:8" x14ac:dyDescent="0.25">
      <c r="A3269" s="1">
        <v>44459</v>
      </c>
      <c r="B3269" t="s">
        <v>2369</v>
      </c>
      <c r="C3269" t="s">
        <v>79</v>
      </c>
      <c r="D3269" t="s">
        <v>10</v>
      </c>
      <c r="E3269" t="s">
        <v>11</v>
      </c>
      <c r="F3269" s="2">
        <v>1</v>
      </c>
      <c r="G3269" t="s">
        <v>191</v>
      </c>
      <c r="H3269" t="s">
        <v>13</v>
      </c>
    </row>
    <row r="3270" spans="1:8" x14ac:dyDescent="0.25">
      <c r="A3270" s="1">
        <v>44459</v>
      </c>
      <c r="B3270" t="s">
        <v>2369</v>
      </c>
      <c r="C3270" t="s">
        <v>80</v>
      </c>
      <c r="D3270" t="s">
        <v>10</v>
      </c>
      <c r="E3270" t="s">
        <v>11</v>
      </c>
      <c r="F3270" s="2">
        <v>1</v>
      </c>
      <c r="G3270" t="s">
        <v>191</v>
      </c>
      <c r="H3270" t="s">
        <v>13</v>
      </c>
    </row>
    <row r="3271" spans="1:8" x14ac:dyDescent="0.25">
      <c r="A3271" s="1">
        <v>44458</v>
      </c>
      <c r="B3271" t="s">
        <v>2370</v>
      </c>
      <c r="C3271" t="s">
        <v>19</v>
      </c>
      <c r="D3271" t="s">
        <v>10</v>
      </c>
      <c r="E3271" t="s">
        <v>11</v>
      </c>
      <c r="F3271" s="2">
        <v>1</v>
      </c>
      <c r="G3271" t="s">
        <v>135</v>
      </c>
      <c r="H3271" t="s">
        <v>13</v>
      </c>
    </row>
    <row r="3272" spans="1:8" x14ac:dyDescent="0.25">
      <c r="A3272" s="1">
        <v>44458</v>
      </c>
      <c r="B3272" t="s">
        <v>2370</v>
      </c>
      <c r="C3272" t="s">
        <v>19</v>
      </c>
      <c r="D3272" t="s">
        <v>10</v>
      </c>
      <c r="E3272" t="s">
        <v>11</v>
      </c>
      <c r="F3272" s="2">
        <v>1</v>
      </c>
      <c r="G3272" t="s">
        <v>135</v>
      </c>
      <c r="H3272" t="s">
        <v>13</v>
      </c>
    </row>
    <row r="3273" spans="1:8" x14ac:dyDescent="0.25">
      <c r="A3273" s="1">
        <v>44458</v>
      </c>
      <c r="B3273" t="s">
        <v>2370</v>
      </c>
      <c r="C3273" t="s">
        <v>800</v>
      </c>
      <c r="D3273" t="s">
        <v>10</v>
      </c>
      <c r="E3273" t="s">
        <v>11</v>
      </c>
      <c r="F3273" s="2">
        <v>1</v>
      </c>
      <c r="G3273" t="s">
        <v>135</v>
      </c>
      <c r="H3273" t="s">
        <v>13</v>
      </c>
    </row>
    <row r="3274" spans="1:8" x14ac:dyDescent="0.25">
      <c r="A3274" s="1">
        <v>44458</v>
      </c>
      <c r="B3274" t="s">
        <v>2370</v>
      </c>
      <c r="C3274" t="s">
        <v>800</v>
      </c>
      <c r="D3274" t="s">
        <v>10</v>
      </c>
      <c r="E3274" t="s">
        <v>11</v>
      </c>
      <c r="F3274" s="2">
        <v>1</v>
      </c>
      <c r="G3274" t="s">
        <v>135</v>
      </c>
      <c r="H3274" t="s">
        <v>13</v>
      </c>
    </row>
    <row r="3275" spans="1:8" x14ac:dyDescent="0.25">
      <c r="A3275" s="1">
        <v>44458</v>
      </c>
      <c r="B3275" t="s">
        <v>2370</v>
      </c>
      <c r="C3275" t="s">
        <v>689</v>
      </c>
      <c r="D3275" t="s">
        <v>10</v>
      </c>
      <c r="E3275" t="s">
        <v>11</v>
      </c>
      <c r="F3275" s="2">
        <v>1</v>
      </c>
      <c r="G3275" t="s">
        <v>135</v>
      </c>
      <c r="H3275" t="s">
        <v>13</v>
      </c>
    </row>
    <row r="3276" spans="1:8" x14ac:dyDescent="0.25">
      <c r="A3276" s="1">
        <v>44458</v>
      </c>
      <c r="B3276" t="s">
        <v>2370</v>
      </c>
      <c r="C3276" t="s">
        <v>689</v>
      </c>
      <c r="D3276" t="s">
        <v>10</v>
      </c>
      <c r="E3276" t="s">
        <v>11</v>
      </c>
      <c r="F3276" s="2">
        <v>1</v>
      </c>
      <c r="G3276" t="s">
        <v>135</v>
      </c>
      <c r="H3276" t="s">
        <v>13</v>
      </c>
    </row>
    <row r="3277" spans="1:8" x14ac:dyDescent="0.25">
      <c r="A3277" s="1">
        <v>44458</v>
      </c>
      <c r="B3277" t="s">
        <v>2370</v>
      </c>
      <c r="C3277" t="s">
        <v>16</v>
      </c>
      <c r="D3277" t="s">
        <v>10</v>
      </c>
      <c r="E3277" t="s">
        <v>11</v>
      </c>
      <c r="F3277" s="2">
        <v>1</v>
      </c>
      <c r="G3277" t="s">
        <v>135</v>
      </c>
      <c r="H3277" t="s">
        <v>13</v>
      </c>
    </row>
    <row r="3278" spans="1:8" x14ac:dyDescent="0.25">
      <c r="A3278" s="1">
        <v>44458</v>
      </c>
      <c r="B3278" t="s">
        <v>2370</v>
      </c>
      <c r="C3278" t="s">
        <v>16</v>
      </c>
      <c r="D3278" t="s">
        <v>10</v>
      </c>
      <c r="E3278" t="s">
        <v>11</v>
      </c>
      <c r="F3278" s="2">
        <v>1</v>
      </c>
      <c r="G3278" t="s">
        <v>135</v>
      </c>
      <c r="H3278" t="s">
        <v>13</v>
      </c>
    </row>
    <row r="3279" spans="1:8" x14ac:dyDescent="0.25">
      <c r="A3279" s="1">
        <v>44458</v>
      </c>
      <c r="B3279" t="s">
        <v>2370</v>
      </c>
      <c r="C3279" t="s">
        <v>47</v>
      </c>
      <c r="D3279" t="s">
        <v>10</v>
      </c>
      <c r="E3279" t="s">
        <v>11</v>
      </c>
      <c r="F3279" s="2">
        <v>1</v>
      </c>
      <c r="G3279" t="s">
        <v>135</v>
      </c>
      <c r="H3279" t="s">
        <v>13</v>
      </c>
    </row>
    <row r="3280" spans="1:8" x14ac:dyDescent="0.25">
      <c r="A3280" s="1">
        <v>44458</v>
      </c>
      <c r="B3280" t="s">
        <v>2370</v>
      </c>
      <c r="C3280" t="s">
        <v>47</v>
      </c>
      <c r="D3280" t="s">
        <v>10</v>
      </c>
      <c r="E3280" t="s">
        <v>11</v>
      </c>
      <c r="F3280" s="2">
        <v>1</v>
      </c>
      <c r="G3280" t="s">
        <v>135</v>
      </c>
      <c r="H3280" t="s">
        <v>13</v>
      </c>
    </row>
    <row r="3281" spans="1:8" x14ac:dyDescent="0.25">
      <c r="A3281" s="1">
        <v>44458</v>
      </c>
      <c r="B3281" t="s">
        <v>2370</v>
      </c>
      <c r="C3281" t="s">
        <v>282</v>
      </c>
      <c r="D3281" t="s">
        <v>10</v>
      </c>
      <c r="E3281" t="s">
        <v>11</v>
      </c>
      <c r="F3281" s="2">
        <v>1</v>
      </c>
      <c r="G3281" t="s">
        <v>135</v>
      </c>
      <c r="H3281" t="s">
        <v>13</v>
      </c>
    </row>
    <row r="3282" spans="1:8" x14ac:dyDescent="0.25">
      <c r="A3282" s="1">
        <v>44458</v>
      </c>
      <c r="B3282" t="s">
        <v>2370</v>
      </c>
      <c r="C3282" t="s">
        <v>282</v>
      </c>
      <c r="D3282" t="s">
        <v>10</v>
      </c>
      <c r="E3282" t="s">
        <v>11</v>
      </c>
      <c r="F3282" s="2">
        <v>1</v>
      </c>
      <c r="G3282" t="s">
        <v>135</v>
      </c>
      <c r="H3282" t="s">
        <v>13</v>
      </c>
    </row>
    <row r="3283" spans="1:8" x14ac:dyDescent="0.25">
      <c r="A3283" s="1">
        <v>44457</v>
      </c>
      <c r="B3283" t="s">
        <v>2371</v>
      </c>
      <c r="C3283" t="s">
        <v>118</v>
      </c>
      <c r="D3283" t="s">
        <v>10</v>
      </c>
      <c r="E3283" t="s">
        <v>11</v>
      </c>
      <c r="F3283" s="2">
        <v>1</v>
      </c>
      <c r="G3283" t="s">
        <v>40</v>
      </c>
      <c r="H3283" t="s">
        <v>13</v>
      </c>
    </row>
    <row r="3284" spans="1:8" x14ac:dyDescent="0.25">
      <c r="A3284" s="1">
        <v>44457</v>
      </c>
      <c r="B3284" t="s">
        <v>2371</v>
      </c>
      <c r="C3284" t="s">
        <v>65</v>
      </c>
      <c r="D3284" t="s">
        <v>10</v>
      </c>
      <c r="E3284" t="s">
        <v>11</v>
      </c>
      <c r="F3284" s="2">
        <v>1</v>
      </c>
      <c r="G3284" t="s">
        <v>40</v>
      </c>
      <c r="H3284" t="s">
        <v>13</v>
      </c>
    </row>
    <row r="3285" spans="1:8" x14ac:dyDescent="0.25">
      <c r="A3285" s="1">
        <v>44457</v>
      </c>
      <c r="B3285" t="s">
        <v>2372</v>
      </c>
      <c r="C3285" t="s">
        <v>9</v>
      </c>
      <c r="D3285" t="s">
        <v>10</v>
      </c>
      <c r="E3285" t="s">
        <v>11</v>
      </c>
      <c r="F3285" s="2">
        <v>1</v>
      </c>
      <c r="G3285" t="s">
        <v>20</v>
      </c>
      <c r="H3285" t="s">
        <v>13</v>
      </c>
    </row>
    <row r="3286" spans="1:8" x14ac:dyDescent="0.25">
      <c r="A3286" s="1">
        <v>44457</v>
      </c>
      <c r="B3286" t="s">
        <v>2372</v>
      </c>
      <c r="C3286" t="s">
        <v>47</v>
      </c>
      <c r="D3286" t="s">
        <v>10</v>
      </c>
      <c r="E3286" t="s">
        <v>11</v>
      </c>
      <c r="F3286" s="2">
        <v>1</v>
      </c>
      <c r="G3286" t="s">
        <v>20</v>
      </c>
      <c r="H3286" t="s">
        <v>13</v>
      </c>
    </row>
    <row r="3287" spans="1:8" x14ac:dyDescent="0.25">
      <c r="A3287" s="1">
        <v>44457</v>
      </c>
      <c r="B3287" t="s">
        <v>2373</v>
      </c>
      <c r="C3287" t="s">
        <v>9</v>
      </c>
      <c r="D3287" t="s">
        <v>10</v>
      </c>
      <c r="E3287" t="s">
        <v>11</v>
      </c>
      <c r="F3287" s="2">
        <v>1</v>
      </c>
      <c r="G3287" t="s">
        <v>100</v>
      </c>
      <c r="H3287" t="s">
        <v>13</v>
      </c>
    </row>
    <row r="3288" spans="1:8" x14ac:dyDescent="0.25">
      <c r="A3288" s="1">
        <v>44456</v>
      </c>
      <c r="B3288" t="s">
        <v>2374</v>
      </c>
      <c r="C3288" t="s">
        <v>174</v>
      </c>
      <c r="D3288" t="s">
        <v>10</v>
      </c>
      <c r="E3288" t="s">
        <v>11</v>
      </c>
      <c r="F3288" s="2">
        <v>1</v>
      </c>
      <c r="G3288" t="s">
        <v>37</v>
      </c>
      <c r="H3288" t="s">
        <v>13</v>
      </c>
    </row>
    <row r="3289" spans="1:8" x14ac:dyDescent="0.25">
      <c r="A3289" s="1">
        <v>44456</v>
      </c>
      <c r="B3289" t="s">
        <v>2375</v>
      </c>
      <c r="C3289" t="s">
        <v>79</v>
      </c>
      <c r="D3289" t="s">
        <v>10</v>
      </c>
      <c r="E3289" t="s">
        <v>11</v>
      </c>
      <c r="F3289" s="2">
        <v>1</v>
      </c>
      <c r="G3289" t="s">
        <v>197</v>
      </c>
      <c r="H3289" t="s">
        <v>13</v>
      </c>
    </row>
    <row r="3290" spans="1:8" x14ac:dyDescent="0.25">
      <c r="A3290" s="1">
        <v>44456</v>
      </c>
      <c r="B3290" t="s">
        <v>2375</v>
      </c>
      <c r="C3290" t="s">
        <v>80</v>
      </c>
      <c r="D3290" t="s">
        <v>10</v>
      </c>
      <c r="E3290" t="s">
        <v>11</v>
      </c>
      <c r="F3290" s="2">
        <v>1</v>
      </c>
      <c r="G3290" t="s">
        <v>197</v>
      </c>
      <c r="H3290" t="s">
        <v>13</v>
      </c>
    </row>
    <row r="3291" spans="1:8" x14ac:dyDescent="0.25">
      <c r="A3291" s="1">
        <v>44456</v>
      </c>
      <c r="B3291" t="s">
        <v>2376</v>
      </c>
      <c r="C3291" t="s">
        <v>1153</v>
      </c>
      <c r="D3291" t="s">
        <v>10</v>
      </c>
      <c r="E3291" t="s">
        <v>11</v>
      </c>
      <c r="F3291" s="2">
        <v>1</v>
      </c>
      <c r="G3291" t="s">
        <v>205</v>
      </c>
      <c r="H3291" t="s">
        <v>13</v>
      </c>
    </row>
    <row r="3292" spans="1:8" x14ac:dyDescent="0.25">
      <c r="A3292" s="1">
        <v>44456</v>
      </c>
      <c r="B3292" t="s">
        <v>2377</v>
      </c>
      <c r="C3292" t="s">
        <v>9</v>
      </c>
      <c r="D3292" t="s">
        <v>10</v>
      </c>
      <c r="E3292" t="s">
        <v>11</v>
      </c>
      <c r="F3292" s="2">
        <v>1</v>
      </c>
      <c r="G3292" t="s">
        <v>251</v>
      </c>
      <c r="H3292" t="s">
        <v>13</v>
      </c>
    </row>
    <row r="3293" spans="1:8" x14ac:dyDescent="0.25">
      <c r="A3293" s="1">
        <v>44456</v>
      </c>
      <c r="B3293" t="s">
        <v>2377</v>
      </c>
      <c r="C3293" t="s">
        <v>52</v>
      </c>
      <c r="D3293" t="s">
        <v>10</v>
      </c>
      <c r="E3293" t="s">
        <v>11</v>
      </c>
      <c r="F3293" s="2">
        <v>1</v>
      </c>
      <c r="G3293" t="s">
        <v>251</v>
      </c>
      <c r="H3293" t="s">
        <v>13</v>
      </c>
    </row>
    <row r="3294" spans="1:8" x14ac:dyDescent="0.25">
      <c r="A3294" s="1">
        <v>44456</v>
      </c>
      <c r="B3294" t="s">
        <v>2377</v>
      </c>
      <c r="C3294" t="s">
        <v>142</v>
      </c>
      <c r="D3294" t="s">
        <v>10</v>
      </c>
      <c r="E3294" t="s">
        <v>11</v>
      </c>
      <c r="F3294" s="2">
        <v>1</v>
      </c>
      <c r="G3294" t="s">
        <v>251</v>
      </c>
      <c r="H3294" t="s">
        <v>13</v>
      </c>
    </row>
    <row r="3295" spans="1:8" x14ac:dyDescent="0.25">
      <c r="A3295" s="1">
        <v>44456</v>
      </c>
      <c r="B3295" t="s">
        <v>2377</v>
      </c>
      <c r="C3295" t="s">
        <v>16</v>
      </c>
      <c r="D3295" t="s">
        <v>10</v>
      </c>
      <c r="E3295" t="s">
        <v>11</v>
      </c>
      <c r="F3295" s="2">
        <v>1</v>
      </c>
      <c r="G3295" t="s">
        <v>251</v>
      </c>
      <c r="H3295" t="s">
        <v>13</v>
      </c>
    </row>
    <row r="3296" spans="1:8" x14ac:dyDescent="0.25">
      <c r="A3296" s="1">
        <v>44456</v>
      </c>
      <c r="B3296" t="s">
        <v>2377</v>
      </c>
      <c r="C3296" t="s">
        <v>35</v>
      </c>
      <c r="D3296" t="s">
        <v>10</v>
      </c>
      <c r="E3296" t="s">
        <v>11</v>
      </c>
      <c r="F3296" s="2">
        <v>1</v>
      </c>
      <c r="G3296" t="s">
        <v>251</v>
      </c>
      <c r="H3296" t="s">
        <v>13</v>
      </c>
    </row>
    <row r="3297" spans="1:8" x14ac:dyDescent="0.25">
      <c r="A3297" s="1">
        <v>44456</v>
      </c>
      <c r="B3297" t="s">
        <v>2377</v>
      </c>
      <c r="C3297" t="s">
        <v>47</v>
      </c>
      <c r="D3297" t="s">
        <v>10</v>
      </c>
      <c r="E3297" t="s">
        <v>11</v>
      </c>
      <c r="F3297" s="2">
        <v>1</v>
      </c>
      <c r="G3297" t="s">
        <v>251</v>
      </c>
      <c r="H3297" t="s">
        <v>13</v>
      </c>
    </row>
    <row r="3298" spans="1:8" x14ac:dyDescent="0.25">
      <c r="A3298" s="1">
        <v>44456</v>
      </c>
      <c r="B3298" t="s">
        <v>2377</v>
      </c>
      <c r="C3298" t="s">
        <v>151</v>
      </c>
      <c r="D3298" t="s">
        <v>10</v>
      </c>
      <c r="E3298" t="s">
        <v>11</v>
      </c>
      <c r="F3298" s="2">
        <v>1</v>
      </c>
      <c r="G3298" t="s">
        <v>251</v>
      </c>
      <c r="H3298" t="s">
        <v>13</v>
      </c>
    </row>
    <row r="3299" spans="1:8" x14ac:dyDescent="0.25">
      <c r="A3299" s="1">
        <v>44452</v>
      </c>
      <c r="B3299" t="s">
        <v>2378</v>
      </c>
      <c r="C3299" t="s">
        <v>19</v>
      </c>
      <c r="D3299" t="s">
        <v>10</v>
      </c>
      <c r="E3299" t="s">
        <v>11</v>
      </c>
      <c r="F3299" s="2">
        <v>1</v>
      </c>
      <c r="G3299" t="s">
        <v>100</v>
      </c>
      <c r="H3299" t="s">
        <v>13</v>
      </c>
    </row>
    <row r="3300" spans="1:8" x14ac:dyDescent="0.25">
      <c r="A3300" s="1">
        <v>44451</v>
      </c>
      <c r="B3300" t="s">
        <v>2379</v>
      </c>
      <c r="C3300" t="s">
        <v>47</v>
      </c>
      <c r="D3300" t="s">
        <v>10</v>
      </c>
      <c r="E3300" t="s">
        <v>11</v>
      </c>
      <c r="F3300" s="2">
        <v>1</v>
      </c>
      <c r="G3300" t="s">
        <v>27</v>
      </c>
      <c r="H3300" t="s">
        <v>13</v>
      </c>
    </row>
    <row r="3301" spans="1:8" x14ac:dyDescent="0.25">
      <c r="A3301" s="1">
        <v>44450</v>
      </c>
      <c r="B3301" t="s">
        <v>2380</v>
      </c>
      <c r="C3301" t="s">
        <v>9</v>
      </c>
      <c r="D3301" t="s">
        <v>10</v>
      </c>
      <c r="E3301" t="s">
        <v>11</v>
      </c>
      <c r="F3301" s="2">
        <v>1</v>
      </c>
      <c r="G3301" t="s">
        <v>137</v>
      </c>
      <c r="H3301" t="s">
        <v>13</v>
      </c>
    </row>
    <row r="3302" spans="1:8" x14ac:dyDescent="0.25">
      <c r="A3302" s="1">
        <v>44450</v>
      </c>
      <c r="B3302" t="s">
        <v>2380</v>
      </c>
      <c r="C3302" t="s">
        <v>16</v>
      </c>
      <c r="D3302" t="s">
        <v>10</v>
      </c>
      <c r="E3302" t="s">
        <v>11</v>
      </c>
      <c r="F3302" s="2">
        <v>1</v>
      </c>
      <c r="G3302" t="s">
        <v>137</v>
      </c>
      <c r="H3302" t="s">
        <v>13</v>
      </c>
    </row>
    <row r="3303" spans="1:8" x14ac:dyDescent="0.25">
      <c r="A3303" s="1">
        <v>44450</v>
      </c>
      <c r="B3303" t="s">
        <v>2381</v>
      </c>
      <c r="C3303" t="s">
        <v>9</v>
      </c>
      <c r="D3303" t="s">
        <v>10</v>
      </c>
      <c r="E3303" t="s">
        <v>11</v>
      </c>
      <c r="F3303" s="2">
        <v>1</v>
      </c>
      <c r="G3303" t="s">
        <v>636</v>
      </c>
      <c r="H3303" t="s">
        <v>13</v>
      </c>
    </row>
    <row r="3304" spans="1:8" x14ac:dyDescent="0.25">
      <c r="A3304" s="1">
        <v>44450</v>
      </c>
      <c r="B3304" t="s">
        <v>2382</v>
      </c>
      <c r="C3304" t="s">
        <v>47</v>
      </c>
      <c r="D3304" t="s">
        <v>10</v>
      </c>
      <c r="E3304" t="s">
        <v>11</v>
      </c>
      <c r="F3304" s="2">
        <v>1</v>
      </c>
      <c r="G3304" t="s">
        <v>63</v>
      </c>
      <c r="H3304" t="s">
        <v>13</v>
      </c>
    </row>
    <row r="3305" spans="1:8" x14ac:dyDescent="0.25">
      <c r="A3305" s="1">
        <v>44450</v>
      </c>
      <c r="B3305" t="s">
        <v>2383</v>
      </c>
      <c r="C3305" t="s">
        <v>9</v>
      </c>
      <c r="D3305" t="s">
        <v>10</v>
      </c>
      <c r="E3305" t="s">
        <v>11</v>
      </c>
      <c r="F3305" s="2">
        <v>1</v>
      </c>
      <c r="G3305" t="s">
        <v>1405</v>
      </c>
      <c r="H3305" t="s">
        <v>13</v>
      </c>
    </row>
    <row r="3306" spans="1:8" x14ac:dyDescent="0.25">
      <c r="A3306" s="1">
        <v>44450</v>
      </c>
      <c r="B3306" t="s">
        <v>2383</v>
      </c>
      <c r="C3306" t="s">
        <v>1153</v>
      </c>
      <c r="D3306" t="s">
        <v>10</v>
      </c>
      <c r="E3306" t="s">
        <v>11</v>
      </c>
      <c r="F3306" s="2">
        <v>1</v>
      </c>
      <c r="G3306" t="s">
        <v>1405</v>
      </c>
      <c r="H3306" t="s">
        <v>13</v>
      </c>
    </row>
    <row r="3307" spans="1:8" x14ac:dyDescent="0.25">
      <c r="A3307" s="1">
        <v>44450</v>
      </c>
      <c r="B3307" t="s">
        <v>2383</v>
      </c>
      <c r="C3307" t="s">
        <v>619</v>
      </c>
      <c r="D3307" t="s">
        <v>10</v>
      </c>
      <c r="E3307" t="s">
        <v>11</v>
      </c>
      <c r="F3307" s="2">
        <v>1</v>
      </c>
      <c r="G3307" t="s">
        <v>1405</v>
      </c>
      <c r="H3307" t="s">
        <v>13</v>
      </c>
    </row>
    <row r="3308" spans="1:8" x14ac:dyDescent="0.25">
      <c r="A3308" s="1">
        <v>44449</v>
      </c>
      <c r="B3308" t="s">
        <v>2384</v>
      </c>
      <c r="C3308" t="s">
        <v>2385</v>
      </c>
      <c r="D3308" t="s">
        <v>10</v>
      </c>
      <c r="E3308" t="s">
        <v>11</v>
      </c>
      <c r="F3308" s="2">
        <v>1</v>
      </c>
      <c r="G3308" t="s">
        <v>44</v>
      </c>
      <c r="H3308" t="s">
        <v>13</v>
      </c>
    </row>
    <row r="3309" spans="1:8" x14ac:dyDescent="0.25">
      <c r="A3309" s="1">
        <v>44449</v>
      </c>
      <c r="B3309" t="s">
        <v>2384</v>
      </c>
      <c r="C3309" t="s">
        <v>2385</v>
      </c>
      <c r="D3309" t="s">
        <v>10</v>
      </c>
      <c r="E3309" t="s">
        <v>11</v>
      </c>
      <c r="F3309" s="2">
        <v>1</v>
      </c>
      <c r="G3309" t="s">
        <v>44</v>
      </c>
      <c r="H3309" t="s">
        <v>13</v>
      </c>
    </row>
    <row r="3310" spans="1:8" x14ac:dyDescent="0.25">
      <c r="A3310" s="1">
        <v>44448</v>
      </c>
      <c r="B3310" t="s">
        <v>2386</v>
      </c>
      <c r="C3310" t="s">
        <v>9</v>
      </c>
      <c r="D3310" t="s">
        <v>10</v>
      </c>
      <c r="E3310" t="s">
        <v>11</v>
      </c>
      <c r="F3310" s="2">
        <v>1</v>
      </c>
      <c r="G3310" t="s">
        <v>53</v>
      </c>
      <c r="H3310" t="s">
        <v>13</v>
      </c>
    </row>
    <row r="3311" spans="1:8" x14ac:dyDescent="0.25">
      <c r="A3311" s="1">
        <v>44447</v>
      </c>
      <c r="B3311" t="s">
        <v>2387</v>
      </c>
      <c r="C3311" t="s">
        <v>32</v>
      </c>
      <c r="D3311" t="s">
        <v>10</v>
      </c>
      <c r="E3311" t="s">
        <v>11</v>
      </c>
      <c r="F3311" s="2">
        <v>1</v>
      </c>
      <c r="G3311" t="s">
        <v>111</v>
      </c>
      <c r="H3311" t="s">
        <v>13</v>
      </c>
    </row>
    <row r="3312" spans="1:8" x14ac:dyDescent="0.25">
      <c r="A3312" s="1">
        <v>44447</v>
      </c>
      <c r="B3312" t="s">
        <v>2388</v>
      </c>
      <c r="C3312" t="s">
        <v>9</v>
      </c>
      <c r="D3312" t="s">
        <v>10</v>
      </c>
      <c r="E3312" t="s">
        <v>11</v>
      </c>
      <c r="F3312" s="2">
        <v>1</v>
      </c>
      <c r="G3312" t="s">
        <v>157</v>
      </c>
      <c r="H3312" t="s">
        <v>13</v>
      </c>
    </row>
    <row r="3313" spans="1:8" x14ac:dyDescent="0.25">
      <c r="A3313" s="1">
        <v>44447</v>
      </c>
      <c r="B3313" t="s">
        <v>2389</v>
      </c>
      <c r="C3313" t="s">
        <v>9</v>
      </c>
      <c r="D3313" t="s">
        <v>10</v>
      </c>
      <c r="E3313" t="s">
        <v>11</v>
      </c>
      <c r="F3313" s="2">
        <v>1</v>
      </c>
      <c r="G3313" t="s">
        <v>72</v>
      </c>
      <c r="H3313" t="s">
        <v>13</v>
      </c>
    </row>
    <row r="3314" spans="1:8" x14ac:dyDescent="0.25">
      <c r="A3314" s="1">
        <v>44445</v>
      </c>
      <c r="B3314" t="s">
        <v>2390</v>
      </c>
      <c r="C3314" t="s">
        <v>19</v>
      </c>
      <c r="D3314" t="s">
        <v>10</v>
      </c>
      <c r="E3314" t="s">
        <v>11</v>
      </c>
      <c r="F3314" s="2">
        <v>1</v>
      </c>
      <c r="G3314" t="s">
        <v>100</v>
      </c>
      <c r="H3314" t="s">
        <v>13</v>
      </c>
    </row>
    <row r="3315" spans="1:8" x14ac:dyDescent="0.25">
      <c r="A3315" s="1">
        <v>44445</v>
      </c>
      <c r="B3315" t="s">
        <v>2391</v>
      </c>
      <c r="C3315" t="s">
        <v>174</v>
      </c>
      <c r="D3315" t="s">
        <v>10</v>
      </c>
      <c r="E3315" t="s">
        <v>11</v>
      </c>
      <c r="F3315" s="2">
        <v>1</v>
      </c>
      <c r="G3315" t="s">
        <v>318</v>
      </c>
      <c r="H3315" t="s">
        <v>13</v>
      </c>
    </row>
    <row r="3316" spans="1:8" x14ac:dyDescent="0.25">
      <c r="A3316" s="1">
        <v>44445</v>
      </c>
      <c r="B3316" t="s">
        <v>2392</v>
      </c>
      <c r="C3316" t="s">
        <v>905</v>
      </c>
      <c r="D3316" t="s">
        <v>10</v>
      </c>
      <c r="E3316" t="s">
        <v>11</v>
      </c>
      <c r="F3316" s="2">
        <v>1</v>
      </c>
      <c r="G3316" t="s">
        <v>100</v>
      </c>
      <c r="H3316" t="s">
        <v>13</v>
      </c>
    </row>
    <row r="3317" spans="1:8" x14ac:dyDescent="0.25">
      <c r="A3317" s="1">
        <v>44445</v>
      </c>
      <c r="B3317" t="s">
        <v>2392</v>
      </c>
      <c r="C3317" t="s">
        <v>96</v>
      </c>
      <c r="D3317" t="s">
        <v>10</v>
      </c>
      <c r="E3317" t="s">
        <v>11</v>
      </c>
      <c r="F3317" s="2">
        <v>1</v>
      </c>
      <c r="G3317" t="s">
        <v>100</v>
      </c>
      <c r="H3317" t="s">
        <v>13</v>
      </c>
    </row>
    <row r="3318" spans="1:8" x14ac:dyDescent="0.25">
      <c r="A3318" s="1">
        <v>44445</v>
      </c>
      <c r="B3318" t="s">
        <v>2393</v>
      </c>
      <c r="C3318" t="s">
        <v>118</v>
      </c>
      <c r="D3318" t="s">
        <v>10</v>
      </c>
      <c r="E3318" t="s">
        <v>11</v>
      </c>
      <c r="F3318" s="2">
        <v>1</v>
      </c>
      <c r="G3318" t="s">
        <v>37</v>
      </c>
      <c r="H3318" t="s">
        <v>13</v>
      </c>
    </row>
    <row r="3319" spans="1:8" x14ac:dyDescent="0.25">
      <c r="A3319" s="1">
        <v>44443</v>
      </c>
      <c r="B3319" t="s">
        <v>2394</v>
      </c>
      <c r="C3319" t="s">
        <v>271</v>
      </c>
      <c r="D3319" t="s">
        <v>10</v>
      </c>
      <c r="E3319" t="s">
        <v>11</v>
      </c>
      <c r="F3319" s="2">
        <v>1</v>
      </c>
      <c r="G3319" t="s">
        <v>113</v>
      </c>
      <c r="H3319" t="s">
        <v>13</v>
      </c>
    </row>
    <row r="3320" spans="1:8" x14ac:dyDescent="0.25">
      <c r="A3320" s="1">
        <v>44443</v>
      </c>
      <c r="B3320" t="s">
        <v>2395</v>
      </c>
      <c r="C3320" t="s">
        <v>9</v>
      </c>
      <c r="D3320" t="s">
        <v>10</v>
      </c>
      <c r="E3320" t="s">
        <v>11</v>
      </c>
      <c r="F3320" s="2">
        <v>1</v>
      </c>
      <c r="G3320" t="s">
        <v>300</v>
      </c>
      <c r="H3320" t="s">
        <v>13</v>
      </c>
    </row>
    <row r="3321" spans="1:8" x14ac:dyDescent="0.25">
      <c r="A3321" s="1">
        <v>44443</v>
      </c>
      <c r="B3321" t="s">
        <v>2396</v>
      </c>
      <c r="C3321" t="s">
        <v>47</v>
      </c>
      <c r="D3321" t="s">
        <v>10</v>
      </c>
      <c r="E3321" t="s">
        <v>11</v>
      </c>
      <c r="F3321" s="2">
        <v>1</v>
      </c>
      <c r="G3321" t="s">
        <v>46</v>
      </c>
      <c r="H3321" t="s">
        <v>13</v>
      </c>
    </row>
    <row r="3322" spans="1:8" x14ac:dyDescent="0.25">
      <c r="A3322" s="1">
        <v>44441</v>
      </c>
      <c r="B3322" t="s">
        <v>2397</v>
      </c>
      <c r="C3322" t="s">
        <v>52</v>
      </c>
      <c r="D3322" t="s">
        <v>10</v>
      </c>
      <c r="E3322" t="s">
        <v>11</v>
      </c>
      <c r="F3322" s="2">
        <v>1</v>
      </c>
      <c r="G3322" t="s">
        <v>100</v>
      </c>
      <c r="H3322" t="s">
        <v>13</v>
      </c>
    </row>
    <row r="3323" spans="1:8" x14ac:dyDescent="0.25">
      <c r="A3323" s="1">
        <v>44441</v>
      </c>
      <c r="B3323" t="s">
        <v>2398</v>
      </c>
      <c r="C3323" t="s">
        <v>1288</v>
      </c>
      <c r="D3323" t="s">
        <v>10</v>
      </c>
      <c r="E3323" t="s">
        <v>11</v>
      </c>
      <c r="F3323" s="2">
        <v>1</v>
      </c>
      <c r="G3323" t="s">
        <v>216</v>
      </c>
      <c r="H3323" t="s">
        <v>13</v>
      </c>
    </row>
    <row r="3324" spans="1:8" x14ac:dyDescent="0.25">
      <c r="A3324" s="1">
        <v>44441</v>
      </c>
      <c r="B3324" t="s">
        <v>2398</v>
      </c>
      <c r="C3324" t="s">
        <v>52</v>
      </c>
      <c r="D3324" t="s">
        <v>10</v>
      </c>
      <c r="E3324" t="s">
        <v>11</v>
      </c>
      <c r="F3324" s="2">
        <v>1</v>
      </c>
      <c r="G3324" t="s">
        <v>216</v>
      </c>
      <c r="H3324" t="s">
        <v>13</v>
      </c>
    </row>
    <row r="3325" spans="1:8" x14ac:dyDescent="0.25">
      <c r="A3325" s="1">
        <v>44441</v>
      </c>
      <c r="B3325" t="s">
        <v>2398</v>
      </c>
      <c r="C3325" t="s">
        <v>249</v>
      </c>
      <c r="D3325" t="s">
        <v>10</v>
      </c>
      <c r="E3325" t="s">
        <v>11</v>
      </c>
      <c r="F3325" s="2">
        <v>1</v>
      </c>
      <c r="G3325" t="s">
        <v>216</v>
      </c>
      <c r="H3325" t="s">
        <v>13</v>
      </c>
    </row>
    <row r="3326" spans="1:8" x14ac:dyDescent="0.25">
      <c r="A3326" s="1">
        <v>44441</v>
      </c>
      <c r="B3326" t="s">
        <v>2398</v>
      </c>
      <c r="C3326" t="s">
        <v>47</v>
      </c>
      <c r="D3326" t="s">
        <v>10</v>
      </c>
      <c r="E3326" t="s">
        <v>11</v>
      </c>
      <c r="F3326" s="2">
        <v>1</v>
      </c>
      <c r="G3326" t="s">
        <v>216</v>
      </c>
      <c r="H3326" t="s">
        <v>13</v>
      </c>
    </row>
    <row r="3327" spans="1:8" x14ac:dyDescent="0.25">
      <c r="A3327" s="1">
        <v>44440</v>
      </c>
      <c r="B3327" t="s">
        <v>2399</v>
      </c>
      <c r="C3327" t="s">
        <v>28</v>
      </c>
      <c r="D3327" t="s">
        <v>10</v>
      </c>
      <c r="E3327" t="s">
        <v>11</v>
      </c>
      <c r="F3327" s="2">
        <v>1</v>
      </c>
      <c r="G3327" t="s">
        <v>100</v>
      </c>
      <c r="H3327" t="s">
        <v>13</v>
      </c>
    </row>
    <row r="3328" spans="1:8" x14ac:dyDescent="0.25">
      <c r="A3328" s="1">
        <v>44439</v>
      </c>
      <c r="B3328" t="s">
        <v>2400</v>
      </c>
      <c r="C3328" t="s">
        <v>79</v>
      </c>
      <c r="D3328" t="s">
        <v>10</v>
      </c>
      <c r="E3328" t="s">
        <v>11</v>
      </c>
      <c r="F3328" s="2">
        <v>1</v>
      </c>
      <c r="G3328" t="s">
        <v>135</v>
      </c>
      <c r="H3328" t="s">
        <v>13</v>
      </c>
    </row>
    <row r="3329" spans="1:8" x14ac:dyDescent="0.25">
      <c r="A3329" s="1">
        <v>44439</v>
      </c>
      <c r="B3329" t="s">
        <v>2400</v>
      </c>
      <c r="C3329" t="s">
        <v>80</v>
      </c>
      <c r="D3329" t="s">
        <v>10</v>
      </c>
      <c r="E3329" t="s">
        <v>11</v>
      </c>
      <c r="F3329" s="2">
        <v>1</v>
      </c>
      <c r="G3329" t="s">
        <v>135</v>
      </c>
      <c r="H3329" t="s">
        <v>13</v>
      </c>
    </row>
    <row r="3330" spans="1:8" x14ac:dyDescent="0.25">
      <c r="A3330" s="1">
        <v>44439</v>
      </c>
      <c r="B3330" t="s">
        <v>2401</v>
      </c>
      <c r="C3330" t="s">
        <v>9</v>
      </c>
      <c r="D3330" t="s">
        <v>10</v>
      </c>
      <c r="E3330" t="s">
        <v>11</v>
      </c>
      <c r="F3330" s="2">
        <v>1</v>
      </c>
      <c r="G3330" t="s">
        <v>24</v>
      </c>
      <c r="H3330" t="s">
        <v>13</v>
      </c>
    </row>
    <row r="3331" spans="1:8" x14ac:dyDescent="0.25">
      <c r="A3331" s="1">
        <v>44439</v>
      </c>
      <c r="B3331" t="s">
        <v>2401</v>
      </c>
      <c r="C3331" t="s">
        <v>96</v>
      </c>
      <c r="D3331" t="s">
        <v>10</v>
      </c>
      <c r="E3331" t="s">
        <v>11</v>
      </c>
      <c r="F3331" s="2">
        <v>1</v>
      </c>
      <c r="G3331" t="s">
        <v>24</v>
      </c>
      <c r="H3331" t="s">
        <v>13</v>
      </c>
    </row>
    <row r="3332" spans="1:8" x14ac:dyDescent="0.25">
      <c r="A3332" s="1">
        <v>44438</v>
      </c>
      <c r="B3332" t="s">
        <v>2402</v>
      </c>
      <c r="C3332" t="s">
        <v>19</v>
      </c>
      <c r="D3332" t="s">
        <v>10</v>
      </c>
      <c r="E3332" t="s">
        <v>11</v>
      </c>
      <c r="F3332" s="2">
        <v>1</v>
      </c>
      <c r="G3332" t="s">
        <v>83</v>
      </c>
      <c r="H3332" t="s">
        <v>13</v>
      </c>
    </row>
    <row r="3333" spans="1:8" x14ac:dyDescent="0.25">
      <c r="A3333" s="1">
        <v>44438</v>
      </c>
      <c r="B3333" t="s">
        <v>2403</v>
      </c>
      <c r="C3333" t="s">
        <v>29</v>
      </c>
      <c r="D3333" t="s">
        <v>10</v>
      </c>
      <c r="E3333" t="s">
        <v>11</v>
      </c>
      <c r="F3333" s="2">
        <v>1</v>
      </c>
      <c r="G3333" t="s">
        <v>20</v>
      </c>
      <c r="H3333" t="s">
        <v>13</v>
      </c>
    </row>
    <row r="3334" spans="1:8" x14ac:dyDescent="0.25">
      <c r="A3334" s="1">
        <v>44438</v>
      </c>
      <c r="B3334" t="s">
        <v>2403</v>
      </c>
      <c r="C3334" t="s">
        <v>35</v>
      </c>
      <c r="D3334" t="s">
        <v>10</v>
      </c>
      <c r="E3334" t="s">
        <v>11</v>
      </c>
      <c r="F3334" s="2">
        <v>1</v>
      </c>
      <c r="G3334" t="s">
        <v>20</v>
      </c>
      <c r="H3334" t="s">
        <v>13</v>
      </c>
    </row>
    <row r="3335" spans="1:8" x14ac:dyDescent="0.25">
      <c r="A3335" s="1">
        <v>44437</v>
      </c>
      <c r="B3335" t="s">
        <v>2404</v>
      </c>
      <c r="C3335" t="s">
        <v>689</v>
      </c>
      <c r="D3335" t="s">
        <v>10</v>
      </c>
      <c r="E3335" t="s">
        <v>11</v>
      </c>
      <c r="F3335" s="2">
        <v>1</v>
      </c>
      <c r="G3335" t="s">
        <v>20</v>
      </c>
      <c r="H3335" t="s">
        <v>13</v>
      </c>
    </row>
    <row r="3336" spans="1:8" x14ac:dyDescent="0.25">
      <c r="A3336" s="1">
        <v>44437</v>
      </c>
      <c r="B3336" t="s">
        <v>2404</v>
      </c>
      <c r="C3336" t="s">
        <v>80</v>
      </c>
      <c r="D3336" t="s">
        <v>10</v>
      </c>
      <c r="E3336" t="s">
        <v>11</v>
      </c>
      <c r="F3336" s="2">
        <v>1</v>
      </c>
      <c r="G3336" t="s">
        <v>20</v>
      </c>
      <c r="H3336" t="s">
        <v>13</v>
      </c>
    </row>
    <row r="3337" spans="1:8" x14ac:dyDescent="0.25">
      <c r="A3337" s="1">
        <v>44437</v>
      </c>
      <c r="B3337" t="s">
        <v>2405</v>
      </c>
      <c r="C3337" t="s">
        <v>79</v>
      </c>
      <c r="D3337" t="s">
        <v>10</v>
      </c>
      <c r="E3337" t="s">
        <v>11</v>
      </c>
      <c r="F3337" s="2">
        <v>1</v>
      </c>
      <c r="G3337" t="s">
        <v>37</v>
      </c>
      <c r="H3337" t="s">
        <v>13</v>
      </c>
    </row>
    <row r="3338" spans="1:8" x14ac:dyDescent="0.25">
      <c r="A3338" s="1">
        <v>44437</v>
      </c>
      <c r="B3338" t="s">
        <v>2405</v>
      </c>
      <c r="C3338" t="s">
        <v>416</v>
      </c>
      <c r="D3338" t="s">
        <v>10</v>
      </c>
      <c r="E3338" t="s">
        <v>11</v>
      </c>
      <c r="F3338" s="2">
        <v>1</v>
      </c>
      <c r="G3338" t="s">
        <v>37</v>
      </c>
      <c r="H3338" t="s">
        <v>13</v>
      </c>
    </row>
    <row r="3339" spans="1:8" x14ac:dyDescent="0.25">
      <c r="A3339" s="1">
        <v>44437</v>
      </c>
      <c r="B3339" t="s">
        <v>2406</v>
      </c>
      <c r="C3339" t="s">
        <v>14</v>
      </c>
      <c r="D3339" t="s">
        <v>10</v>
      </c>
      <c r="E3339" t="s">
        <v>11</v>
      </c>
      <c r="F3339" s="2">
        <v>1</v>
      </c>
      <c r="G3339" t="s">
        <v>72</v>
      </c>
      <c r="H3339" t="s">
        <v>13</v>
      </c>
    </row>
    <row r="3340" spans="1:8" x14ac:dyDescent="0.25">
      <c r="A3340" s="1">
        <v>44437</v>
      </c>
      <c r="B3340" t="s">
        <v>2407</v>
      </c>
      <c r="C3340" t="s">
        <v>96</v>
      </c>
      <c r="D3340" t="s">
        <v>10</v>
      </c>
      <c r="E3340" t="s">
        <v>11</v>
      </c>
      <c r="F3340" s="2">
        <v>1</v>
      </c>
      <c r="G3340" t="s">
        <v>1679</v>
      </c>
      <c r="H3340" t="s">
        <v>13</v>
      </c>
    </row>
    <row r="3341" spans="1:8" x14ac:dyDescent="0.25">
      <c r="A3341" s="1">
        <v>44436</v>
      </c>
      <c r="B3341" t="s">
        <v>2408</v>
      </c>
      <c r="C3341" t="s">
        <v>416</v>
      </c>
      <c r="D3341" t="s">
        <v>10</v>
      </c>
      <c r="E3341" t="s">
        <v>11</v>
      </c>
      <c r="F3341" s="2">
        <v>1</v>
      </c>
      <c r="G3341" t="s">
        <v>177</v>
      </c>
      <c r="H3341" t="s">
        <v>13</v>
      </c>
    </row>
    <row r="3342" spans="1:8" x14ac:dyDescent="0.25">
      <c r="A3342" s="1">
        <v>44436</v>
      </c>
      <c r="B3342" t="s">
        <v>2408</v>
      </c>
      <c r="C3342" t="s">
        <v>416</v>
      </c>
      <c r="D3342" t="s">
        <v>10</v>
      </c>
      <c r="E3342" t="s">
        <v>11</v>
      </c>
      <c r="F3342" s="2">
        <v>1</v>
      </c>
      <c r="G3342" t="s">
        <v>177</v>
      </c>
      <c r="H3342" t="s">
        <v>13</v>
      </c>
    </row>
    <row r="3343" spans="1:8" x14ac:dyDescent="0.25">
      <c r="A3343" s="1">
        <v>44436</v>
      </c>
      <c r="B3343" t="s">
        <v>2408</v>
      </c>
      <c r="C3343" t="s">
        <v>96</v>
      </c>
      <c r="D3343" t="s">
        <v>10</v>
      </c>
      <c r="E3343" t="s">
        <v>11</v>
      </c>
      <c r="F3343" s="2">
        <v>1</v>
      </c>
      <c r="G3343" t="s">
        <v>177</v>
      </c>
      <c r="H3343" t="s">
        <v>13</v>
      </c>
    </row>
    <row r="3344" spans="1:8" x14ac:dyDescent="0.25">
      <c r="A3344" s="1">
        <v>44436</v>
      </c>
      <c r="B3344" t="s">
        <v>2408</v>
      </c>
      <c r="C3344" t="s">
        <v>96</v>
      </c>
      <c r="D3344" t="s">
        <v>10</v>
      </c>
      <c r="E3344" t="s">
        <v>11</v>
      </c>
      <c r="F3344" s="2">
        <v>1</v>
      </c>
      <c r="G3344" t="s">
        <v>177</v>
      </c>
      <c r="H3344" t="s">
        <v>13</v>
      </c>
    </row>
    <row r="3345" spans="1:8" x14ac:dyDescent="0.25">
      <c r="A3345" s="1">
        <v>44436</v>
      </c>
      <c r="B3345" t="s">
        <v>2409</v>
      </c>
      <c r="C3345" t="s">
        <v>821</v>
      </c>
      <c r="D3345" t="s">
        <v>10</v>
      </c>
      <c r="E3345" t="s">
        <v>11</v>
      </c>
      <c r="F3345" s="2">
        <v>1</v>
      </c>
      <c r="G3345" t="s">
        <v>181</v>
      </c>
      <c r="H3345" t="s">
        <v>13</v>
      </c>
    </row>
    <row r="3346" spans="1:8" x14ac:dyDescent="0.25">
      <c r="A3346" s="1">
        <v>44436</v>
      </c>
      <c r="B3346" t="s">
        <v>2409</v>
      </c>
      <c r="C3346" t="s">
        <v>42</v>
      </c>
      <c r="D3346" t="s">
        <v>10</v>
      </c>
      <c r="E3346" t="s">
        <v>11</v>
      </c>
      <c r="F3346" s="2">
        <v>1</v>
      </c>
      <c r="G3346" t="s">
        <v>181</v>
      </c>
      <c r="H3346" t="s">
        <v>13</v>
      </c>
    </row>
    <row r="3347" spans="1:8" x14ac:dyDescent="0.25">
      <c r="A3347" s="1">
        <v>44434</v>
      </c>
      <c r="B3347" t="s">
        <v>2410</v>
      </c>
      <c r="C3347" t="s">
        <v>207</v>
      </c>
      <c r="D3347" t="s">
        <v>10</v>
      </c>
      <c r="E3347" t="s">
        <v>11</v>
      </c>
      <c r="F3347" s="2">
        <v>1</v>
      </c>
      <c r="G3347" t="s">
        <v>279</v>
      </c>
      <c r="H3347" t="s">
        <v>13</v>
      </c>
    </row>
    <row r="3348" spans="1:8" x14ac:dyDescent="0.25">
      <c r="A3348" s="1">
        <v>44434</v>
      </c>
      <c r="B3348" t="s">
        <v>2411</v>
      </c>
      <c r="C3348" t="s">
        <v>79</v>
      </c>
      <c r="D3348" t="s">
        <v>10</v>
      </c>
      <c r="E3348" t="s">
        <v>11</v>
      </c>
      <c r="F3348" s="2">
        <v>1</v>
      </c>
      <c r="G3348" t="s">
        <v>701</v>
      </c>
      <c r="H3348" t="s">
        <v>13</v>
      </c>
    </row>
    <row r="3349" spans="1:8" x14ac:dyDescent="0.25">
      <c r="A3349" s="1">
        <v>44434</v>
      </c>
      <c r="B3349" t="s">
        <v>2411</v>
      </c>
      <c r="C3349" t="s">
        <v>80</v>
      </c>
      <c r="D3349" t="s">
        <v>10</v>
      </c>
      <c r="E3349" t="s">
        <v>11</v>
      </c>
      <c r="F3349" s="2">
        <v>1</v>
      </c>
      <c r="G3349" t="s">
        <v>701</v>
      </c>
      <c r="H3349" t="s">
        <v>13</v>
      </c>
    </row>
    <row r="3350" spans="1:8" x14ac:dyDescent="0.25">
      <c r="A3350" s="1">
        <v>44432</v>
      </c>
      <c r="B3350" t="s">
        <v>2412</v>
      </c>
      <c r="C3350" t="s">
        <v>9</v>
      </c>
      <c r="D3350" t="s">
        <v>10</v>
      </c>
      <c r="E3350" t="s">
        <v>11</v>
      </c>
      <c r="F3350" s="2">
        <v>1</v>
      </c>
      <c r="G3350" t="s">
        <v>135</v>
      </c>
      <c r="H3350" t="s">
        <v>13</v>
      </c>
    </row>
    <row r="3351" spans="1:8" x14ac:dyDescent="0.25">
      <c r="A3351" s="1">
        <v>44432</v>
      </c>
      <c r="B3351" t="s">
        <v>2413</v>
      </c>
      <c r="C3351" t="s">
        <v>9</v>
      </c>
      <c r="D3351" t="s">
        <v>10</v>
      </c>
      <c r="E3351" t="s">
        <v>11</v>
      </c>
      <c r="F3351" s="2">
        <v>1</v>
      </c>
      <c r="G3351" t="s">
        <v>279</v>
      </c>
      <c r="H3351" t="s">
        <v>13</v>
      </c>
    </row>
    <row r="3352" spans="1:8" x14ac:dyDescent="0.25">
      <c r="A3352" s="1">
        <v>44432</v>
      </c>
      <c r="B3352" t="s">
        <v>2413</v>
      </c>
      <c r="C3352" t="s">
        <v>35</v>
      </c>
      <c r="D3352" t="s">
        <v>10</v>
      </c>
      <c r="E3352" t="s">
        <v>11</v>
      </c>
      <c r="F3352" s="2">
        <v>1</v>
      </c>
      <c r="G3352" t="s">
        <v>279</v>
      </c>
      <c r="H3352" t="s">
        <v>13</v>
      </c>
    </row>
    <row r="3353" spans="1:8" x14ac:dyDescent="0.25">
      <c r="A3353" s="1">
        <v>44431</v>
      </c>
      <c r="B3353" t="s">
        <v>2414</v>
      </c>
      <c r="C3353" t="s">
        <v>29</v>
      </c>
      <c r="D3353" t="s">
        <v>10</v>
      </c>
      <c r="E3353" t="s">
        <v>11</v>
      </c>
      <c r="F3353" s="2">
        <v>1</v>
      </c>
      <c r="G3353" t="s">
        <v>318</v>
      </c>
      <c r="H3353" t="s">
        <v>13</v>
      </c>
    </row>
    <row r="3354" spans="1:8" x14ac:dyDescent="0.25">
      <c r="A3354" s="1">
        <v>44429</v>
      </c>
      <c r="B3354" t="s">
        <v>2415</v>
      </c>
      <c r="C3354" t="s">
        <v>47</v>
      </c>
      <c r="D3354" t="s">
        <v>10</v>
      </c>
      <c r="E3354" t="s">
        <v>11</v>
      </c>
      <c r="F3354" s="2">
        <v>1</v>
      </c>
      <c r="G3354" t="s">
        <v>1650</v>
      </c>
      <c r="H3354" t="s">
        <v>13</v>
      </c>
    </row>
    <row r="3355" spans="1:8" x14ac:dyDescent="0.25">
      <c r="A3355" s="1">
        <v>44427</v>
      </c>
      <c r="B3355" t="s">
        <v>2416</v>
      </c>
      <c r="C3355" t="s">
        <v>79</v>
      </c>
      <c r="D3355" t="s">
        <v>10</v>
      </c>
      <c r="E3355" t="s">
        <v>11</v>
      </c>
      <c r="F3355" s="2">
        <v>1</v>
      </c>
      <c r="G3355" t="s">
        <v>111</v>
      </c>
      <c r="H3355" t="s">
        <v>13</v>
      </c>
    </row>
    <row r="3356" spans="1:8" x14ac:dyDescent="0.25">
      <c r="A3356" s="1">
        <v>44427</v>
      </c>
      <c r="B3356" t="s">
        <v>2416</v>
      </c>
      <c r="C3356" t="s">
        <v>80</v>
      </c>
      <c r="D3356" t="s">
        <v>10</v>
      </c>
      <c r="E3356" t="s">
        <v>11</v>
      </c>
      <c r="F3356" s="2">
        <v>1</v>
      </c>
      <c r="G3356" t="s">
        <v>111</v>
      </c>
      <c r="H3356" t="s">
        <v>13</v>
      </c>
    </row>
    <row r="3357" spans="1:8" x14ac:dyDescent="0.25">
      <c r="A3357" s="1">
        <v>44427</v>
      </c>
      <c r="B3357" t="s">
        <v>2417</v>
      </c>
      <c r="C3357" t="s">
        <v>174</v>
      </c>
      <c r="D3357" t="s">
        <v>10</v>
      </c>
      <c r="E3357" t="s">
        <v>11</v>
      </c>
      <c r="F3357" s="2">
        <v>1</v>
      </c>
      <c r="G3357" t="s">
        <v>2273</v>
      </c>
      <c r="H3357" t="s">
        <v>13</v>
      </c>
    </row>
    <row r="3358" spans="1:8" x14ac:dyDescent="0.25">
      <c r="A3358" s="1">
        <v>44427</v>
      </c>
      <c r="B3358" t="s">
        <v>2418</v>
      </c>
      <c r="C3358" t="s">
        <v>9</v>
      </c>
      <c r="D3358" t="s">
        <v>10</v>
      </c>
      <c r="E3358" t="s">
        <v>11</v>
      </c>
      <c r="F3358" s="2">
        <v>1</v>
      </c>
      <c r="G3358" t="s">
        <v>111</v>
      </c>
      <c r="H3358" t="s">
        <v>13</v>
      </c>
    </row>
    <row r="3359" spans="1:8" x14ac:dyDescent="0.25">
      <c r="A3359" s="1">
        <v>44427</v>
      </c>
      <c r="B3359" t="s">
        <v>2418</v>
      </c>
      <c r="C3359" t="s">
        <v>16</v>
      </c>
      <c r="D3359" t="s">
        <v>10</v>
      </c>
      <c r="E3359" t="s">
        <v>11</v>
      </c>
      <c r="F3359" s="2">
        <v>1</v>
      </c>
      <c r="G3359" t="s">
        <v>111</v>
      </c>
      <c r="H3359" t="s">
        <v>13</v>
      </c>
    </row>
    <row r="3360" spans="1:8" x14ac:dyDescent="0.25">
      <c r="A3360" s="1">
        <v>44426</v>
      </c>
      <c r="B3360" t="s">
        <v>2419</v>
      </c>
      <c r="C3360" t="s">
        <v>282</v>
      </c>
      <c r="D3360" t="s">
        <v>10</v>
      </c>
      <c r="E3360" t="s">
        <v>11</v>
      </c>
      <c r="F3360" s="2">
        <v>1</v>
      </c>
      <c r="G3360" t="s">
        <v>181</v>
      </c>
      <c r="H3360" t="s">
        <v>13</v>
      </c>
    </row>
    <row r="3361" spans="1:8" x14ac:dyDescent="0.25">
      <c r="A3361" s="1">
        <v>44424</v>
      </c>
      <c r="B3361" t="s">
        <v>2420</v>
      </c>
      <c r="C3361" t="s">
        <v>9</v>
      </c>
      <c r="D3361" t="s">
        <v>10</v>
      </c>
      <c r="E3361" t="s">
        <v>11</v>
      </c>
      <c r="F3361" s="2">
        <v>1</v>
      </c>
      <c r="G3361" t="s">
        <v>880</v>
      </c>
      <c r="H3361" t="s">
        <v>13</v>
      </c>
    </row>
    <row r="3362" spans="1:8" x14ac:dyDescent="0.25">
      <c r="A3362" s="1">
        <v>44423</v>
      </c>
      <c r="B3362" t="s">
        <v>2421</v>
      </c>
      <c r="C3362" t="s">
        <v>19</v>
      </c>
      <c r="D3362" t="s">
        <v>10</v>
      </c>
      <c r="E3362" t="s">
        <v>11</v>
      </c>
      <c r="F3362" s="2">
        <v>1</v>
      </c>
      <c r="G3362" t="s">
        <v>20</v>
      </c>
      <c r="H3362" t="s">
        <v>13</v>
      </c>
    </row>
    <row r="3363" spans="1:8" x14ac:dyDescent="0.25">
      <c r="A3363" s="1">
        <v>44423</v>
      </c>
      <c r="B3363" t="s">
        <v>2421</v>
      </c>
      <c r="C3363" t="s">
        <v>103</v>
      </c>
      <c r="D3363" t="s">
        <v>10</v>
      </c>
      <c r="E3363" t="s">
        <v>11</v>
      </c>
      <c r="F3363" s="2">
        <v>1</v>
      </c>
      <c r="G3363" t="s">
        <v>20</v>
      </c>
      <c r="H3363" t="s">
        <v>13</v>
      </c>
    </row>
    <row r="3364" spans="1:8" x14ac:dyDescent="0.25">
      <c r="A3364" s="1">
        <v>44423</v>
      </c>
      <c r="B3364" t="s">
        <v>2421</v>
      </c>
      <c r="C3364" t="s">
        <v>47</v>
      </c>
      <c r="D3364" t="s">
        <v>10</v>
      </c>
      <c r="E3364" t="s">
        <v>11</v>
      </c>
      <c r="F3364" s="2">
        <v>1</v>
      </c>
      <c r="G3364" t="s">
        <v>20</v>
      </c>
      <c r="H3364" t="s">
        <v>13</v>
      </c>
    </row>
    <row r="3365" spans="1:8" x14ac:dyDescent="0.25">
      <c r="A3365" s="1">
        <v>44423</v>
      </c>
      <c r="B3365" t="s">
        <v>2422</v>
      </c>
      <c r="C3365" t="s">
        <v>1918</v>
      </c>
      <c r="D3365" t="s">
        <v>10</v>
      </c>
      <c r="E3365" t="s">
        <v>11</v>
      </c>
      <c r="F3365" s="2">
        <v>1</v>
      </c>
      <c r="G3365" t="s">
        <v>37</v>
      </c>
      <c r="H3365" t="s">
        <v>13</v>
      </c>
    </row>
    <row r="3366" spans="1:8" x14ac:dyDescent="0.25">
      <c r="A3366" s="1">
        <v>44423</v>
      </c>
      <c r="B3366" t="s">
        <v>2423</v>
      </c>
      <c r="C3366" t="s">
        <v>9</v>
      </c>
      <c r="D3366" t="s">
        <v>10</v>
      </c>
      <c r="E3366" t="s">
        <v>11</v>
      </c>
      <c r="F3366" s="2">
        <v>1</v>
      </c>
      <c r="G3366" t="s">
        <v>46</v>
      </c>
      <c r="H3366" t="s">
        <v>13</v>
      </c>
    </row>
    <row r="3367" spans="1:8" x14ac:dyDescent="0.25">
      <c r="A3367" s="1">
        <v>44421</v>
      </c>
      <c r="B3367" t="s">
        <v>2424</v>
      </c>
      <c r="C3367" t="s">
        <v>9</v>
      </c>
      <c r="D3367" t="s">
        <v>10</v>
      </c>
      <c r="E3367" t="s">
        <v>11</v>
      </c>
      <c r="F3367" s="2">
        <v>1</v>
      </c>
      <c r="G3367" t="s">
        <v>31</v>
      </c>
      <c r="H3367" t="s">
        <v>13</v>
      </c>
    </row>
    <row r="3368" spans="1:8" x14ac:dyDescent="0.25">
      <c r="A3368" s="1">
        <v>44421</v>
      </c>
      <c r="B3368" t="s">
        <v>2425</v>
      </c>
      <c r="C3368" t="s">
        <v>1698</v>
      </c>
      <c r="D3368" t="s">
        <v>10</v>
      </c>
      <c r="E3368" t="s">
        <v>11</v>
      </c>
      <c r="F3368" s="2">
        <v>1</v>
      </c>
      <c r="G3368" t="s">
        <v>1650</v>
      </c>
      <c r="H3368" t="s">
        <v>13</v>
      </c>
    </row>
    <row r="3369" spans="1:8" x14ac:dyDescent="0.25">
      <c r="A3369" s="1">
        <v>44420</v>
      </c>
      <c r="B3369" t="s">
        <v>2426</v>
      </c>
      <c r="C3369" t="s">
        <v>9</v>
      </c>
      <c r="D3369" t="s">
        <v>10</v>
      </c>
      <c r="E3369" t="s">
        <v>11</v>
      </c>
      <c r="F3369" s="2">
        <v>1</v>
      </c>
      <c r="G3369" t="s">
        <v>244</v>
      </c>
      <c r="H3369" t="s">
        <v>13</v>
      </c>
    </row>
    <row r="3370" spans="1:8" x14ac:dyDescent="0.25">
      <c r="A3370" s="1">
        <v>44420</v>
      </c>
      <c r="B3370" t="s">
        <v>2426</v>
      </c>
      <c r="C3370" t="s">
        <v>35</v>
      </c>
      <c r="D3370" t="s">
        <v>10</v>
      </c>
      <c r="E3370" t="s">
        <v>11</v>
      </c>
      <c r="F3370" s="2">
        <v>1</v>
      </c>
      <c r="G3370" t="s">
        <v>244</v>
      </c>
      <c r="H3370" t="s">
        <v>13</v>
      </c>
    </row>
    <row r="3371" spans="1:8" x14ac:dyDescent="0.25">
      <c r="A3371" s="1">
        <v>44418</v>
      </c>
      <c r="B3371" t="s">
        <v>2427</v>
      </c>
      <c r="C3371" t="s">
        <v>2428</v>
      </c>
      <c r="D3371" t="s">
        <v>10</v>
      </c>
      <c r="E3371" t="s">
        <v>11</v>
      </c>
      <c r="F3371" s="2">
        <v>1</v>
      </c>
      <c r="G3371" t="s">
        <v>2177</v>
      </c>
      <c r="H3371" t="s">
        <v>13</v>
      </c>
    </row>
    <row r="3372" spans="1:8" x14ac:dyDescent="0.25">
      <c r="A3372" s="1">
        <v>44416</v>
      </c>
      <c r="B3372" t="s">
        <v>2429</v>
      </c>
      <c r="C3372" t="s">
        <v>19</v>
      </c>
      <c r="D3372" t="s">
        <v>10</v>
      </c>
      <c r="E3372" t="s">
        <v>11</v>
      </c>
      <c r="F3372" s="2">
        <v>1</v>
      </c>
      <c r="G3372" t="s">
        <v>181</v>
      </c>
      <c r="H3372" t="s">
        <v>13</v>
      </c>
    </row>
    <row r="3373" spans="1:8" x14ac:dyDescent="0.25">
      <c r="A3373" s="1">
        <v>44414</v>
      </c>
      <c r="B3373" t="s">
        <v>2430</v>
      </c>
      <c r="C3373" t="s">
        <v>58</v>
      </c>
      <c r="D3373" t="s">
        <v>10</v>
      </c>
      <c r="E3373" t="s">
        <v>11</v>
      </c>
      <c r="F3373" s="2">
        <v>1</v>
      </c>
      <c r="G3373" t="s">
        <v>374</v>
      </c>
      <c r="H3373" t="s">
        <v>13</v>
      </c>
    </row>
    <row r="3374" spans="1:8" x14ac:dyDescent="0.25">
      <c r="A3374" s="1">
        <v>44413</v>
      </c>
      <c r="B3374" t="s">
        <v>2431</v>
      </c>
      <c r="C3374" t="s">
        <v>35</v>
      </c>
      <c r="D3374" t="s">
        <v>10</v>
      </c>
      <c r="E3374" t="s">
        <v>11</v>
      </c>
      <c r="F3374" s="2">
        <v>1</v>
      </c>
      <c r="G3374" t="s">
        <v>277</v>
      </c>
      <c r="H3374" t="s">
        <v>13</v>
      </c>
    </row>
    <row r="3375" spans="1:8" x14ac:dyDescent="0.25">
      <c r="A3375" s="1">
        <v>44413</v>
      </c>
      <c r="B3375" t="s">
        <v>2432</v>
      </c>
      <c r="C3375" t="s">
        <v>52</v>
      </c>
      <c r="D3375" t="s">
        <v>10</v>
      </c>
      <c r="E3375" t="s">
        <v>11</v>
      </c>
      <c r="F3375" s="2">
        <v>1</v>
      </c>
      <c r="G3375" t="s">
        <v>135</v>
      </c>
      <c r="H3375" t="s">
        <v>13</v>
      </c>
    </row>
    <row r="3376" spans="1:8" x14ac:dyDescent="0.25">
      <c r="A3376" s="1">
        <v>44413</v>
      </c>
      <c r="B3376" t="s">
        <v>2432</v>
      </c>
      <c r="C3376" t="s">
        <v>52</v>
      </c>
      <c r="D3376" t="s">
        <v>10</v>
      </c>
      <c r="E3376" t="s">
        <v>11</v>
      </c>
      <c r="F3376" s="2">
        <v>1</v>
      </c>
      <c r="G3376" t="s">
        <v>135</v>
      </c>
      <c r="H3376" t="s">
        <v>13</v>
      </c>
    </row>
    <row r="3377" spans="1:8" x14ac:dyDescent="0.25">
      <c r="A3377" s="1">
        <v>44413</v>
      </c>
      <c r="B3377" t="s">
        <v>2432</v>
      </c>
      <c r="C3377" t="s">
        <v>2433</v>
      </c>
      <c r="D3377" t="s">
        <v>10</v>
      </c>
      <c r="E3377" t="s">
        <v>11</v>
      </c>
      <c r="F3377" s="2">
        <v>1</v>
      </c>
      <c r="G3377" t="s">
        <v>135</v>
      </c>
      <c r="H3377" t="s">
        <v>13</v>
      </c>
    </row>
    <row r="3378" spans="1:8" x14ac:dyDescent="0.25">
      <c r="A3378" s="1">
        <v>44413</v>
      </c>
      <c r="B3378" t="s">
        <v>2432</v>
      </c>
      <c r="C3378" t="s">
        <v>2433</v>
      </c>
      <c r="D3378" t="s">
        <v>10</v>
      </c>
      <c r="E3378" t="s">
        <v>11</v>
      </c>
      <c r="F3378" s="2">
        <v>1</v>
      </c>
      <c r="G3378" t="s">
        <v>135</v>
      </c>
      <c r="H3378" t="s">
        <v>13</v>
      </c>
    </row>
    <row r="3379" spans="1:8" x14ac:dyDescent="0.25">
      <c r="A3379" s="1">
        <v>44413</v>
      </c>
      <c r="B3379" t="s">
        <v>2432</v>
      </c>
      <c r="C3379" t="s">
        <v>47</v>
      </c>
      <c r="D3379" t="s">
        <v>10</v>
      </c>
      <c r="E3379" t="s">
        <v>11</v>
      </c>
      <c r="F3379" s="2">
        <v>1</v>
      </c>
      <c r="G3379" t="s">
        <v>135</v>
      </c>
      <c r="H3379" t="s">
        <v>13</v>
      </c>
    </row>
    <row r="3380" spans="1:8" x14ac:dyDescent="0.25">
      <c r="A3380" s="1">
        <v>44413</v>
      </c>
      <c r="B3380" t="s">
        <v>2432</v>
      </c>
      <c r="C3380" t="s">
        <v>47</v>
      </c>
      <c r="D3380" t="s">
        <v>10</v>
      </c>
      <c r="E3380" t="s">
        <v>11</v>
      </c>
      <c r="F3380" s="2">
        <v>1</v>
      </c>
      <c r="G3380" t="s">
        <v>135</v>
      </c>
      <c r="H3380" t="s">
        <v>13</v>
      </c>
    </row>
    <row r="3381" spans="1:8" x14ac:dyDescent="0.25">
      <c r="A3381" s="1">
        <v>44412</v>
      </c>
      <c r="B3381" t="s">
        <v>2434</v>
      </c>
      <c r="C3381" t="s">
        <v>47</v>
      </c>
      <c r="D3381" t="s">
        <v>10</v>
      </c>
      <c r="E3381" t="s">
        <v>11</v>
      </c>
      <c r="F3381" s="2">
        <v>1</v>
      </c>
      <c r="G3381" t="s">
        <v>37</v>
      </c>
      <c r="H3381" t="s">
        <v>13</v>
      </c>
    </row>
    <row r="3382" spans="1:8" x14ac:dyDescent="0.25">
      <c r="A3382" s="1">
        <v>44412</v>
      </c>
      <c r="B3382" t="s">
        <v>2435</v>
      </c>
      <c r="C3382" t="s">
        <v>74</v>
      </c>
      <c r="D3382" t="s">
        <v>10</v>
      </c>
      <c r="E3382" t="s">
        <v>11</v>
      </c>
      <c r="F3382" s="2">
        <v>1</v>
      </c>
      <c r="G3382" t="s">
        <v>2177</v>
      </c>
      <c r="H3382" t="s">
        <v>13</v>
      </c>
    </row>
    <row r="3383" spans="1:8" x14ac:dyDescent="0.25">
      <c r="A3383" s="1">
        <v>44412</v>
      </c>
      <c r="B3383" t="s">
        <v>2436</v>
      </c>
      <c r="C3383" t="s">
        <v>35</v>
      </c>
      <c r="D3383" t="s">
        <v>10</v>
      </c>
      <c r="E3383" t="s">
        <v>11</v>
      </c>
      <c r="F3383" s="2">
        <v>1</v>
      </c>
      <c r="G3383" t="s">
        <v>40</v>
      </c>
      <c r="H3383" t="s">
        <v>13</v>
      </c>
    </row>
    <row r="3384" spans="1:8" x14ac:dyDescent="0.25">
      <c r="A3384" s="1">
        <v>44411</v>
      </c>
      <c r="B3384" t="s">
        <v>2437</v>
      </c>
      <c r="C3384" t="s">
        <v>79</v>
      </c>
      <c r="D3384" t="s">
        <v>26</v>
      </c>
      <c r="E3384" t="s">
        <v>11</v>
      </c>
      <c r="F3384" s="2">
        <v>1</v>
      </c>
      <c r="G3384" t="s">
        <v>181</v>
      </c>
      <c r="H3384" t="s">
        <v>13</v>
      </c>
    </row>
    <row r="3385" spans="1:8" x14ac:dyDescent="0.25">
      <c r="A3385" s="1">
        <v>44411</v>
      </c>
      <c r="B3385" t="s">
        <v>2437</v>
      </c>
      <c r="C3385" t="s">
        <v>80</v>
      </c>
      <c r="D3385" t="s">
        <v>26</v>
      </c>
      <c r="E3385" t="s">
        <v>11</v>
      </c>
      <c r="F3385" s="2">
        <v>1</v>
      </c>
      <c r="G3385" t="s">
        <v>181</v>
      </c>
      <c r="H3385" t="s">
        <v>13</v>
      </c>
    </row>
    <row r="3386" spans="1:8" x14ac:dyDescent="0.25">
      <c r="A3386" s="1">
        <v>44411</v>
      </c>
      <c r="B3386" t="s">
        <v>2438</v>
      </c>
      <c r="C3386" t="s">
        <v>96</v>
      </c>
      <c r="D3386" t="s">
        <v>10</v>
      </c>
      <c r="E3386" t="s">
        <v>11</v>
      </c>
      <c r="F3386" s="2">
        <v>1</v>
      </c>
      <c r="G3386" t="s">
        <v>46</v>
      </c>
      <c r="H3386" t="s">
        <v>13</v>
      </c>
    </row>
    <row r="3387" spans="1:8" x14ac:dyDescent="0.25">
      <c r="A3387" s="1">
        <v>44410</v>
      </c>
      <c r="B3387" t="s">
        <v>2439</v>
      </c>
      <c r="C3387" t="s">
        <v>9</v>
      </c>
      <c r="D3387" t="s">
        <v>10</v>
      </c>
      <c r="E3387" t="s">
        <v>11</v>
      </c>
      <c r="F3387" s="2">
        <v>1</v>
      </c>
      <c r="G3387" t="s">
        <v>183</v>
      </c>
      <c r="H3387" t="s">
        <v>13</v>
      </c>
    </row>
    <row r="3388" spans="1:8" x14ac:dyDescent="0.25">
      <c r="A3388" s="1">
        <v>44409</v>
      </c>
      <c r="B3388" t="s">
        <v>2440</v>
      </c>
      <c r="C3388" t="s">
        <v>9</v>
      </c>
      <c r="D3388" t="s">
        <v>10</v>
      </c>
      <c r="E3388" t="s">
        <v>11</v>
      </c>
      <c r="F3388" s="2">
        <v>1</v>
      </c>
      <c r="G3388" t="s">
        <v>1392</v>
      </c>
      <c r="H3388" t="s">
        <v>13</v>
      </c>
    </row>
    <row r="3389" spans="1:8" x14ac:dyDescent="0.25">
      <c r="A3389" s="1">
        <v>44409</v>
      </c>
      <c r="B3389" t="s">
        <v>2441</v>
      </c>
      <c r="C3389" t="s">
        <v>14</v>
      </c>
      <c r="D3389" t="s">
        <v>10</v>
      </c>
      <c r="E3389" t="s">
        <v>11</v>
      </c>
      <c r="F3389" s="2">
        <v>1</v>
      </c>
      <c r="G3389" t="s">
        <v>661</v>
      </c>
      <c r="H3389" t="s">
        <v>13</v>
      </c>
    </row>
    <row r="3390" spans="1:8" x14ac:dyDescent="0.25">
      <c r="A3390" s="1">
        <v>44409</v>
      </c>
      <c r="B3390" t="s">
        <v>2442</v>
      </c>
      <c r="C3390" t="s">
        <v>92</v>
      </c>
      <c r="D3390" t="s">
        <v>10</v>
      </c>
      <c r="E3390" t="s">
        <v>11</v>
      </c>
      <c r="F3390" s="2">
        <v>1</v>
      </c>
      <c r="G3390" t="s">
        <v>93</v>
      </c>
      <c r="H3390" t="s">
        <v>13</v>
      </c>
    </row>
    <row r="3391" spans="1:8" x14ac:dyDescent="0.25">
      <c r="A3391" s="1">
        <v>44408</v>
      </c>
      <c r="B3391" t="s">
        <v>2443</v>
      </c>
      <c r="C3391" t="s">
        <v>9</v>
      </c>
      <c r="D3391" t="s">
        <v>10</v>
      </c>
      <c r="E3391" t="s">
        <v>11</v>
      </c>
      <c r="F3391" s="2">
        <v>1</v>
      </c>
      <c r="G3391" t="s">
        <v>46</v>
      </c>
      <c r="H3391" t="s">
        <v>13</v>
      </c>
    </row>
    <row r="3392" spans="1:8" x14ac:dyDescent="0.25">
      <c r="A3392" s="1">
        <v>44408</v>
      </c>
      <c r="B3392" t="s">
        <v>2444</v>
      </c>
      <c r="C3392" t="s">
        <v>115</v>
      </c>
      <c r="D3392" t="s">
        <v>10</v>
      </c>
      <c r="E3392" t="s">
        <v>11</v>
      </c>
      <c r="F3392" s="2">
        <v>1</v>
      </c>
      <c r="G3392" t="s">
        <v>765</v>
      </c>
      <c r="H3392" t="s">
        <v>13</v>
      </c>
    </row>
    <row r="3393" spans="1:8" x14ac:dyDescent="0.25">
      <c r="A3393" s="1">
        <v>44408</v>
      </c>
      <c r="B3393" t="s">
        <v>2445</v>
      </c>
      <c r="C3393" t="s">
        <v>86</v>
      </c>
      <c r="D3393" t="s">
        <v>10</v>
      </c>
      <c r="E3393" t="s">
        <v>11</v>
      </c>
      <c r="F3393" s="2">
        <v>1</v>
      </c>
      <c r="G3393" t="s">
        <v>594</v>
      </c>
      <c r="H3393" t="s">
        <v>13</v>
      </c>
    </row>
    <row r="3394" spans="1:8" x14ac:dyDescent="0.25">
      <c r="A3394" s="1">
        <v>44408</v>
      </c>
      <c r="B3394" t="s">
        <v>2446</v>
      </c>
      <c r="C3394" t="s">
        <v>9</v>
      </c>
      <c r="D3394" t="s">
        <v>10</v>
      </c>
      <c r="E3394" t="s">
        <v>11</v>
      </c>
      <c r="F3394" s="2">
        <v>1</v>
      </c>
      <c r="G3394" t="s">
        <v>2177</v>
      </c>
      <c r="H3394" t="s">
        <v>13</v>
      </c>
    </row>
    <row r="3395" spans="1:8" x14ac:dyDescent="0.25">
      <c r="A3395" s="1">
        <v>44408</v>
      </c>
      <c r="B3395" t="s">
        <v>2446</v>
      </c>
      <c r="C3395" t="s">
        <v>14</v>
      </c>
      <c r="D3395" t="s">
        <v>10</v>
      </c>
      <c r="E3395" t="s">
        <v>11</v>
      </c>
      <c r="F3395" s="2">
        <v>1</v>
      </c>
      <c r="G3395" t="s">
        <v>2177</v>
      </c>
      <c r="H3395" t="s">
        <v>13</v>
      </c>
    </row>
    <row r="3396" spans="1:8" x14ac:dyDescent="0.25">
      <c r="A3396" s="1">
        <v>44407</v>
      </c>
      <c r="B3396" t="s">
        <v>2447</v>
      </c>
      <c r="C3396" t="s">
        <v>9</v>
      </c>
      <c r="D3396" t="s">
        <v>10</v>
      </c>
      <c r="E3396" t="s">
        <v>11</v>
      </c>
      <c r="F3396" s="2">
        <v>1</v>
      </c>
      <c r="G3396" t="s">
        <v>492</v>
      </c>
      <c r="H3396" t="s">
        <v>13</v>
      </c>
    </row>
    <row r="3397" spans="1:8" x14ac:dyDescent="0.25">
      <c r="A3397" s="1">
        <v>44407</v>
      </c>
      <c r="B3397" t="s">
        <v>2448</v>
      </c>
      <c r="C3397" t="s">
        <v>9</v>
      </c>
      <c r="D3397" t="s">
        <v>10</v>
      </c>
      <c r="E3397" t="s">
        <v>11</v>
      </c>
      <c r="F3397" s="2">
        <v>1</v>
      </c>
      <c r="G3397" t="s">
        <v>40</v>
      </c>
      <c r="H3397" t="s">
        <v>13</v>
      </c>
    </row>
    <row r="3398" spans="1:8" x14ac:dyDescent="0.25">
      <c r="A3398" s="1">
        <v>44407</v>
      </c>
      <c r="B3398" t="s">
        <v>2448</v>
      </c>
      <c r="C3398" t="s">
        <v>47</v>
      </c>
      <c r="D3398" t="s">
        <v>10</v>
      </c>
      <c r="E3398" t="s">
        <v>11</v>
      </c>
      <c r="F3398" s="2">
        <v>1</v>
      </c>
      <c r="G3398" t="s">
        <v>40</v>
      </c>
      <c r="H3398" t="s">
        <v>13</v>
      </c>
    </row>
    <row r="3399" spans="1:8" x14ac:dyDescent="0.25">
      <c r="A3399" s="1">
        <v>44403</v>
      </c>
      <c r="B3399" t="s">
        <v>2449</v>
      </c>
      <c r="C3399" t="s">
        <v>19</v>
      </c>
      <c r="D3399" t="s">
        <v>10</v>
      </c>
      <c r="E3399" t="s">
        <v>11</v>
      </c>
      <c r="F3399" s="2">
        <v>1</v>
      </c>
      <c r="G3399" t="s">
        <v>145</v>
      </c>
      <c r="H3399" t="s">
        <v>13</v>
      </c>
    </row>
    <row r="3400" spans="1:8" x14ac:dyDescent="0.25">
      <c r="A3400" s="1">
        <v>44402</v>
      </c>
      <c r="B3400" t="s">
        <v>2450</v>
      </c>
      <c r="C3400" t="s">
        <v>19</v>
      </c>
      <c r="D3400" t="s">
        <v>10</v>
      </c>
      <c r="E3400" t="s">
        <v>11</v>
      </c>
      <c r="F3400" s="2">
        <v>1</v>
      </c>
      <c r="G3400" t="s">
        <v>72</v>
      </c>
      <c r="H3400" t="s">
        <v>13</v>
      </c>
    </row>
    <row r="3401" spans="1:8" x14ac:dyDescent="0.25">
      <c r="A3401" s="1">
        <v>44402</v>
      </c>
      <c r="B3401" t="s">
        <v>2451</v>
      </c>
      <c r="C3401" t="s">
        <v>9</v>
      </c>
      <c r="D3401" t="s">
        <v>10</v>
      </c>
      <c r="E3401" t="s">
        <v>11</v>
      </c>
      <c r="F3401" s="2">
        <v>1</v>
      </c>
      <c r="G3401" t="s">
        <v>741</v>
      </c>
      <c r="H3401" t="s">
        <v>13</v>
      </c>
    </row>
    <row r="3402" spans="1:8" x14ac:dyDescent="0.25">
      <c r="A3402" s="1">
        <v>44402</v>
      </c>
      <c r="B3402" t="s">
        <v>2451</v>
      </c>
      <c r="C3402" t="s">
        <v>14</v>
      </c>
      <c r="D3402" t="s">
        <v>10</v>
      </c>
      <c r="E3402" t="s">
        <v>11</v>
      </c>
      <c r="F3402" s="2">
        <v>1</v>
      </c>
      <c r="G3402" t="s">
        <v>741</v>
      </c>
      <c r="H3402" t="s">
        <v>13</v>
      </c>
    </row>
    <row r="3403" spans="1:8" x14ac:dyDescent="0.25">
      <c r="A3403" s="1">
        <v>44402</v>
      </c>
      <c r="B3403" t="s">
        <v>2452</v>
      </c>
      <c r="C3403" t="s">
        <v>413</v>
      </c>
      <c r="D3403" t="s">
        <v>10</v>
      </c>
      <c r="E3403" t="s">
        <v>11</v>
      </c>
      <c r="F3403" s="2">
        <v>1</v>
      </c>
      <c r="G3403" t="s">
        <v>181</v>
      </c>
      <c r="H3403" t="s">
        <v>13</v>
      </c>
    </row>
    <row r="3404" spans="1:8" x14ac:dyDescent="0.25">
      <c r="A3404" s="1">
        <v>44401</v>
      </c>
      <c r="B3404" t="s">
        <v>2453</v>
      </c>
      <c r="C3404" t="s">
        <v>1499</v>
      </c>
      <c r="D3404" t="s">
        <v>10</v>
      </c>
      <c r="E3404" t="s">
        <v>11</v>
      </c>
      <c r="F3404" s="2">
        <v>1</v>
      </c>
      <c r="G3404" t="s">
        <v>699</v>
      </c>
      <c r="H3404" t="s">
        <v>13</v>
      </c>
    </row>
    <row r="3405" spans="1:8" x14ac:dyDescent="0.25">
      <c r="A3405" s="1">
        <v>44401</v>
      </c>
      <c r="B3405" t="s">
        <v>2454</v>
      </c>
      <c r="C3405" t="s">
        <v>47</v>
      </c>
      <c r="D3405" t="s">
        <v>10</v>
      </c>
      <c r="E3405" t="s">
        <v>11</v>
      </c>
      <c r="F3405" s="2">
        <v>1</v>
      </c>
      <c r="G3405" t="s">
        <v>2455</v>
      </c>
      <c r="H3405" t="s">
        <v>13</v>
      </c>
    </row>
    <row r="3406" spans="1:8" x14ac:dyDescent="0.25">
      <c r="A3406" s="1">
        <v>44401</v>
      </c>
      <c r="B3406" t="s">
        <v>2456</v>
      </c>
      <c r="C3406" t="s">
        <v>481</v>
      </c>
      <c r="D3406" t="s">
        <v>10</v>
      </c>
      <c r="E3406" t="s">
        <v>11</v>
      </c>
      <c r="F3406" s="2">
        <v>1</v>
      </c>
      <c r="G3406" t="s">
        <v>303</v>
      </c>
      <c r="H3406" t="s">
        <v>13</v>
      </c>
    </row>
    <row r="3407" spans="1:8" x14ac:dyDescent="0.25">
      <c r="A3407" s="1">
        <v>44401</v>
      </c>
      <c r="B3407" t="s">
        <v>2457</v>
      </c>
      <c r="C3407" t="s">
        <v>28</v>
      </c>
      <c r="D3407" t="s">
        <v>10</v>
      </c>
      <c r="E3407" t="s">
        <v>11</v>
      </c>
      <c r="F3407" s="2">
        <v>1</v>
      </c>
      <c r="G3407" t="s">
        <v>100</v>
      </c>
      <c r="H3407" t="s">
        <v>13</v>
      </c>
    </row>
    <row r="3408" spans="1:8" x14ac:dyDescent="0.25">
      <c r="A3408" s="1">
        <v>44401</v>
      </c>
      <c r="B3408" t="s">
        <v>2457</v>
      </c>
      <c r="C3408" t="s">
        <v>35</v>
      </c>
      <c r="D3408" t="s">
        <v>10</v>
      </c>
      <c r="E3408" t="s">
        <v>11</v>
      </c>
      <c r="F3408" s="2">
        <v>1</v>
      </c>
      <c r="G3408" t="s">
        <v>100</v>
      </c>
      <c r="H3408" t="s">
        <v>13</v>
      </c>
    </row>
    <row r="3409" spans="1:8" x14ac:dyDescent="0.25">
      <c r="A3409" s="1">
        <v>44400</v>
      </c>
      <c r="B3409" t="s">
        <v>2458</v>
      </c>
      <c r="C3409" t="s">
        <v>47</v>
      </c>
      <c r="D3409" t="s">
        <v>10</v>
      </c>
      <c r="E3409" t="s">
        <v>11</v>
      </c>
      <c r="F3409" s="2">
        <v>1</v>
      </c>
      <c r="G3409" t="s">
        <v>191</v>
      </c>
      <c r="H3409" t="s">
        <v>13</v>
      </c>
    </row>
    <row r="3410" spans="1:8" x14ac:dyDescent="0.25">
      <c r="A3410" s="1">
        <v>44400</v>
      </c>
      <c r="B3410" t="s">
        <v>2459</v>
      </c>
      <c r="C3410" t="s">
        <v>510</v>
      </c>
      <c r="D3410" t="s">
        <v>10</v>
      </c>
      <c r="E3410" t="s">
        <v>11</v>
      </c>
      <c r="F3410" s="2">
        <v>1</v>
      </c>
      <c r="G3410" t="s">
        <v>2460</v>
      </c>
      <c r="H3410" t="s">
        <v>13</v>
      </c>
    </row>
    <row r="3411" spans="1:8" x14ac:dyDescent="0.25">
      <c r="A3411" s="1">
        <v>44399</v>
      </c>
      <c r="B3411" t="s">
        <v>2461</v>
      </c>
      <c r="C3411" t="s">
        <v>35</v>
      </c>
      <c r="D3411" t="s">
        <v>10</v>
      </c>
      <c r="E3411" t="s">
        <v>11</v>
      </c>
      <c r="F3411" s="2">
        <v>1</v>
      </c>
      <c r="G3411" t="s">
        <v>37</v>
      </c>
      <c r="H3411" t="s">
        <v>13</v>
      </c>
    </row>
    <row r="3412" spans="1:8" x14ac:dyDescent="0.25">
      <c r="A3412" s="1">
        <v>44399</v>
      </c>
      <c r="B3412" t="s">
        <v>2462</v>
      </c>
      <c r="C3412" t="s">
        <v>785</v>
      </c>
      <c r="D3412" t="s">
        <v>10</v>
      </c>
      <c r="E3412" t="s">
        <v>11</v>
      </c>
      <c r="F3412" s="2">
        <v>1</v>
      </c>
      <c r="G3412" t="s">
        <v>46</v>
      </c>
      <c r="H3412" t="s">
        <v>13</v>
      </c>
    </row>
    <row r="3413" spans="1:8" x14ac:dyDescent="0.25">
      <c r="A3413" s="1">
        <v>44398</v>
      </c>
      <c r="B3413" t="s">
        <v>2463</v>
      </c>
      <c r="C3413" t="s">
        <v>34</v>
      </c>
      <c r="D3413" t="s">
        <v>10</v>
      </c>
      <c r="E3413" t="s">
        <v>11</v>
      </c>
      <c r="F3413" s="2">
        <v>1</v>
      </c>
      <c r="G3413" t="s">
        <v>46</v>
      </c>
      <c r="H3413" t="s">
        <v>13</v>
      </c>
    </row>
    <row r="3414" spans="1:8" x14ac:dyDescent="0.25">
      <c r="A3414" s="1">
        <v>44398</v>
      </c>
      <c r="B3414" t="s">
        <v>2463</v>
      </c>
      <c r="C3414" t="s">
        <v>9</v>
      </c>
      <c r="D3414" t="s">
        <v>10</v>
      </c>
      <c r="E3414" t="s">
        <v>11</v>
      </c>
      <c r="F3414" s="2">
        <v>1</v>
      </c>
      <c r="G3414" t="s">
        <v>46</v>
      </c>
      <c r="H3414" t="s">
        <v>13</v>
      </c>
    </row>
    <row r="3415" spans="1:8" x14ac:dyDescent="0.25">
      <c r="A3415" s="1">
        <v>44398</v>
      </c>
      <c r="B3415" t="s">
        <v>2463</v>
      </c>
      <c r="C3415" t="s">
        <v>28</v>
      </c>
      <c r="D3415" t="s">
        <v>10</v>
      </c>
      <c r="E3415" t="s">
        <v>11</v>
      </c>
      <c r="F3415" s="2">
        <v>1</v>
      </c>
      <c r="G3415" t="s">
        <v>46</v>
      </c>
      <c r="H3415" t="s">
        <v>13</v>
      </c>
    </row>
    <row r="3416" spans="1:8" x14ac:dyDescent="0.25">
      <c r="A3416" s="1">
        <v>44398</v>
      </c>
      <c r="B3416" t="s">
        <v>2463</v>
      </c>
      <c r="C3416" t="s">
        <v>52</v>
      </c>
      <c r="D3416" t="s">
        <v>10</v>
      </c>
      <c r="E3416" t="s">
        <v>11</v>
      </c>
      <c r="F3416" s="2">
        <v>1</v>
      </c>
      <c r="G3416" t="s">
        <v>46</v>
      </c>
      <c r="H3416" t="s">
        <v>13</v>
      </c>
    </row>
    <row r="3417" spans="1:8" x14ac:dyDescent="0.25">
      <c r="A3417" s="1">
        <v>44398</v>
      </c>
      <c r="B3417" t="s">
        <v>2463</v>
      </c>
      <c r="C3417" t="s">
        <v>47</v>
      </c>
      <c r="D3417" t="s">
        <v>10</v>
      </c>
      <c r="E3417" t="s">
        <v>11</v>
      </c>
      <c r="F3417" s="2">
        <v>1</v>
      </c>
      <c r="G3417" t="s">
        <v>46</v>
      </c>
      <c r="H3417" t="s">
        <v>13</v>
      </c>
    </row>
    <row r="3418" spans="1:8" x14ac:dyDescent="0.25">
      <c r="A3418" s="1">
        <v>44398</v>
      </c>
      <c r="B3418" t="s">
        <v>2464</v>
      </c>
      <c r="C3418" t="s">
        <v>58</v>
      </c>
      <c r="D3418" t="s">
        <v>10</v>
      </c>
      <c r="E3418" t="s">
        <v>11</v>
      </c>
      <c r="F3418" s="2">
        <v>1</v>
      </c>
      <c r="G3418" t="s">
        <v>93</v>
      </c>
      <c r="H3418" t="s">
        <v>13</v>
      </c>
    </row>
    <row r="3419" spans="1:8" x14ac:dyDescent="0.25">
      <c r="A3419" s="1">
        <v>44398</v>
      </c>
      <c r="B3419" t="s">
        <v>2465</v>
      </c>
      <c r="C3419" t="s">
        <v>9</v>
      </c>
      <c r="D3419" t="s">
        <v>10</v>
      </c>
      <c r="E3419" t="s">
        <v>11</v>
      </c>
      <c r="F3419" s="2">
        <v>1</v>
      </c>
      <c r="G3419" t="s">
        <v>2177</v>
      </c>
      <c r="H3419" t="s">
        <v>13</v>
      </c>
    </row>
    <row r="3420" spans="1:8" x14ac:dyDescent="0.25">
      <c r="A3420" s="1">
        <v>44398</v>
      </c>
      <c r="B3420" t="s">
        <v>2465</v>
      </c>
      <c r="C3420" t="s">
        <v>35</v>
      </c>
      <c r="D3420" t="s">
        <v>10</v>
      </c>
      <c r="E3420" t="s">
        <v>11</v>
      </c>
      <c r="F3420" s="2">
        <v>1</v>
      </c>
      <c r="G3420" t="s">
        <v>2177</v>
      </c>
      <c r="H3420" t="s">
        <v>13</v>
      </c>
    </row>
    <row r="3421" spans="1:8" x14ac:dyDescent="0.25">
      <c r="A3421" s="1">
        <v>44398</v>
      </c>
      <c r="B3421" t="s">
        <v>2466</v>
      </c>
      <c r="C3421" t="s">
        <v>28</v>
      </c>
      <c r="D3421" t="s">
        <v>10</v>
      </c>
      <c r="E3421" t="s">
        <v>11</v>
      </c>
      <c r="F3421" s="2">
        <v>1</v>
      </c>
      <c r="G3421" t="s">
        <v>100</v>
      </c>
      <c r="H3421" t="s">
        <v>13</v>
      </c>
    </row>
    <row r="3422" spans="1:8" x14ac:dyDescent="0.25">
      <c r="A3422" s="1">
        <v>44398</v>
      </c>
      <c r="B3422" t="s">
        <v>2466</v>
      </c>
      <c r="C3422" t="s">
        <v>35</v>
      </c>
      <c r="D3422" t="s">
        <v>10</v>
      </c>
      <c r="E3422" t="s">
        <v>11</v>
      </c>
      <c r="F3422" s="2">
        <v>1</v>
      </c>
      <c r="G3422" t="s">
        <v>100</v>
      </c>
      <c r="H3422" t="s">
        <v>13</v>
      </c>
    </row>
    <row r="3423" spans="1:8" x14ac:dyDescent="0.25">
      <c r="A3423" s="1">
        <v>44397</v>
      </c>
      <c r="B3423" t="s">
        <v>2467</v>
      </c>
      <c r="C3423" t="s">
        <v>9</v>
      </c>
      <c r="D3423" t="s">
        <v>10</v>
      </c>
      <c r="E3423" t="s">
        <v>11</v>
      </c>
      <c r="F3423" s="2">
        <v>1</v>
      </c>
      <c r="G3423" t="s">
        <v>46</v>
      </c>
      <c r="H3423" t="s">
        <v>13</v>
      </c>
    </row>
    <row r="3424" spans="1:8" x14ac:dyDescent="0.25">
      <c r="A3424" s="1">
        <v>44397</v>
      </c>
      <c r="B3424" t="s">
        <v>2467</v>
      </c>
      <c r="C3424" t="s">
        <v>120</v>
      </c>
      <c r="D3424" t="s">
        <v>10</v>
      </c>
      <c r="E3424" t="s">
        <v>11</v>
      </c>
      <c r="F3424" s="2">
        <v>1</v>
      </c>
      <c r="G3424" t="s">
        <v>46</v>
      </c>
      <c r="H3424" t="s">
        <v>13</v>
      </c>
    </row>
    <row r="3425" spans="1:8" x14ac:dyDescent="0.25">
      <c r="A3425" s="1">
        <v>44397</v>
      </c>
      <c r="B3425" t="s">
        <v>2467</v>
      </c>
      <c r="C3425" t="s">
        <v>47</v>
      </c>
      <c r="D3425" t="s">
        <v>10</v>
      </c>
      <c r="E3425" t="s">
        <v>11</v>
      </c>
      <c r="F3425" s="2">
        <v>1</v>
      </c>
      <c r="G3425" t="s">
        <v>46</v>
      </c>
      <c r="H3425" t="s">
        <v>13</v>
      </c>
    </row>
    <row r="3426" spans="1:8" x14ac:dyDescent="0.25">
      <c r="A3426" s="1">
        <v>44397</v>
      </c>
      <c r="B3426" t="s">
        <v>2467</v>
      </c>
      <c r="C3426" t="s">
        <v>65</v>
      </c>
      <c r="D3426" t="s">
        <v>10</v>
      </c>
      <c r="E3426" t="s">
        <v>11</v>
      </c>
      <c r="F3426" s="2">
        <v>1</v>
      </c>
      <c r="G3426" t="s">
        <v>46</v>
      </c>
      <c r="H3426" t="s">
        <v>13</v>
      </c>
    </row>
    <row r="3427" spans="1:8" x14ac:dyDescent="0.25">
      <c r="A3427" s="1">
        <v>44396</v>
      </c>
      <c r="B3427" t="s">
        <v>2468</v>
      </c>
      <c r="C3427" t="s">
        <v>9</v>
      </c>
      <c r="D3427" t="s">
        <v>10</v>
      </c>
      <c r="E3427" t="s">
        <v>11</v>
      </c>
      <c r="F3427" s="2">
        <v>1</v>
      </c>
      <c r="G3427" t="s">
        <v>20</v>
      </c>
      <c r="H3427" t="s">
        <v>13</v>
      </c>
    </row>
    <row r="3428" spans="1:8" x14ac:dyDescent="0.25">
      <c r="A3428" s="1">
        <v>44396</v>
      </c>
      <c r="B3428" t="s">
        <v>2469</v>
      </c>
      <c r="C3428" t="s">
        <v>79</v>
      </c>
      <c r="D3428" t="s">
        <v>10</v>
      </c>
      <c r="E3428" t="s">
        <v>11</v>
      </c>
      <c r="F3428" s="2">
        <v>1</v>
      </c>
      <c r="G3428" t="s">
        <v>20</v>
      </c>
      <c r="H3428" t="s">
        <v>13</v>
      </c>
    </row>
    <row r="3429" spans="1:8" x14ac:dyDescent="0.25">
      <c r="A3429" s="1">
        <v>44396</v>
      </c>
      <c r="B3429" t="s">
        <v>2469</v>
      </c>
      <c r="C3429" t="s">
        <v>80</v>
      </c>
      <c r="D3429" t="s">
        <v>10</v>
      </c>
      <c r="E3429" t="s">
        <v>11</v>
      </c>
      <c r="F3429" s="2">
        <v>1</v>
      </c>
      <c r="G3429" t="s">
        <v>20</v>
      </c>
      <c r="H3429" t="s">
        <v>13</v>
      </c>
    </row>
    <row r="3430" spans="1:8" x14ac:dyDescent="0.25">
      <c r="A3430" s="1">
        <v>44395</v>
      </c>
      <c r="B3430" t="s">
        <v>2470</v>
      </c>
      <c r="C3430" t="s">
        <v>9</v>
      </c>
      <c r="D3430" t="s">
        <v>10</v>
      </c>
      <c r="E3430" t="s">
        <v>11</v>
      </c>
      <c r="F3430" s="2">
        <v>1</v>
      </c>
      <c r="G3430" t="s">
        <v>125</v>
      </c>
      <c r="H3430" t="s">
        <v>13</v>
      </c>
    </row>
    <row r="3431" spans="1:8" x14ac:dyDescent="0.25">
      <c r="A3431" s="1">
        <v>44394</v>
      </c>
      <c r="B3431" t="s">
        <v>2471</v>
      </c>
      <c r="C3431" t="s">
        <v>174</v>
      </c>
      <c r="D3431" t="s">
        <v>10</v>
      </c>
      <c r="E3431" t="s">
        <v>11</v>
      </c>
      <c r="F3431" s="2">
        <v>1</v>
      </c>
      <c r="G3431" t="s">
        <v>111</v>
      </c>
      <c r="H3431" t="s">
        <v>13</v>
      </c>
    </row>
    <row r="3432" spans="1:8" x14ac:dyDescent="0.25">
      <c r="A3432" s="1">
        <v>44393</v>
      </c>
      <c r="B3432" t="s">
        <v>2472</v>
      </c>
      <c r="C3432" t="s">
        <v>9</v>
      </c>
      <c r="D3432" t="s">
        <v>10</v>
      </c>
      <c r="E3432" t="s">
        <v>11</v>
      </c>
      <c r="F3432" s="2">
        <v>1</v>
      </c>
      <c r="G3432" t="s">
        <v>569</v>
      </c>
      <c r="H3432" t="s">
        <v>13</v>
      </c>
    </row>
    <row r="3433" spans="1:8" x14ac:dyDescent="0.25">
      <c r="A3433" s="1">
        <v>44392</v>
      </c>
      <c r="B3433" t="s">
        <v>2473</v>
      </c>
      <c r="C3433" t="s">
        <v>762</v>
      </c>
      <c r="D3433" t="s">
        <v>10</v>
      </c>
      <c r="E3433" t="s">
        <v>11</v>
      </c>
      <c r="F3433" s="2">
        <v>1</v>
      </c>
      <c r="G3433" t="s">
        <v>100</v>
      </c>
      <c r="H3433" t="s">
        <v>13</v>
      </c>
    </row>
    <row r="3434" spans="1:8" x14ac:dyDescent="0.25">
      <c r="A3434" s="1">
        <v>44392</v>
      </c>
      <c r="B3434" t="s">
        <v>2473</v>
      </c>
      <c r="C3434" t="s">
        <v>56</v>
      </c>
      <c r="D3434" t="s">
        <v>10</v>
      </c>
      <c r="E3434" t="s">
        <v>11</v>
      </c>
      <c r="F3434" s="2">
        <v>1</v>
      </c>
      <c r="G3434" t="s">
        <v>100</v>
      </c>
      <c r="H3434" t="s">
        <v>13</v>
      </c>
    </row>
    <row r="3435" spans="1:8" x14ac:dyDescent="0.25">
      <c r="A3435" s="1">
        <v>44390</v>
      </c>
      <c r="B3435" t="s">
        <v>2474</v>
      </c>
      <c r="C3435" t="s">
        <v>96</v>
      </c>
      <c r="D3435" t="s">
        <v>10</v>
      </c>
      <c r="E3435" t="s">
        <v>11</v>
      </c>
      <c r="F3435" s="2">
        <v>1</v>
      </c>
      <c r="G3435" t="s">
        <v>100</v>
      </c>
      <c r="H3435" t="s">
        <v>13</v>
      </c>
    </row>
    <row r="3436" spans="1:8" x14ac:dyDescent="0.25">
      <c r="A3436" s="1">
        <v>44390</v>
      </c>
      <c r="B3436" t="s">
        <v>2475</v>
      </c>
      <c r="C3436" t="s">
        <v>28</v>
      </c>
      <c r="D3436" t="s">
        <v>10</v>
      </c>
      <c r="E3436" t="s">
        <v>11</v>
      </c>
      <c r="F3436" s="2">
        <v>1</v>
      </c>
      <c r="G3436" t="s">
        <v>1209</v>
      </c>
      <c r="H3436" t="s">
        <v>13</v>
      </c>
    </row>
    <row r="3437" spans="1:8" x14ac:dyDescent="0.25">
      <c r="A3437" s="1">
        <v>44387</v>
      </c>
      <c r="B3437" t="s">
        <v>2476</v>
      </c>
      <c r="C3437" t="s">
        <v>118</v>
      </c>
      <c r="D3437" t="s">
        <v>26</v>
      </c>
      <c r="E3437" t="s">
        <v>11</v>
      </c>
      <c r="F3437" s="2">
        <v>1</v>
      </c>
      <c r="G3437" t="s">
        <v>197</v>
      </c>
      <c r="H3437" t="s">
        <v>13</v>
      </c>
    </row>
    <row r="3438" spans="1:8" x14ac:dyDescent="0.25">
      <c r="A3438" s="1">
        <v>44387</v>
      </c>
      <c r="B3438" t="s">
        <v>2477</v>
      </c>
      <c r="C3438" t="s">
        <v>47</v>
      </c>
      <c r="D3438" t="s">
        <v>10</v>
      </c>
      <c r="E3438" t="s">
        <v>11</v>
      </c>
      <c r="F3438" s="2">
        <v>1</v>
      </c>
      <c r="G3438" t="s">
        <v>111</v>
      </c>
      <c r="H3438" t="s">
        <v>13</v>
      </c>
    </row>
    <row r="3439" spans="1:8" x14ac:dyDescent="0.25">
      <c r="A3439" s="1">
        <v>44387</v>
      </c>
      <c r="B3439" t="s">
        <v>2478</v>
      </c>
      <c r="C3439" t="s">
        <v>47</v>
      </c>
      <c r="D3439" t="s">
        <v>10</v>
      </c>
      <c r="E3439" t="s">
        <v>11</v>
      </c>
      <c r="F3439" s="2">
        <v>1</v>
      </c>
      <c r="G3439" t="s">
        <v>111</v>
      </c>
      <c r="H3439" t="s">
        <v>13</v>
      </c>
    </row>
    <row r="3440" spans="1:8" x14ac:dyDescent="0.25">
      <c r="A3440" s="1">
        <v>44387</v>
      </c>
      <c r="B3440" t="s">
        <v>2479</v>
      </c>
      <c r="C3440" t="s">
        <v>47</v>
      </c>
      <c r="D3440" t="s">
        <v>10</v>
      </c>
      <c r="E3440" t="s">
        <v>11</v>
      </c>
      <c r="F3440" s="2">
        <v>1</v>
      </c>
      <c r="G3440" t="s">
        <v>183</v>
      </c>
      <c r="H3440" t="s">
        <v>13</v>
      </c>
    </row>
    <row r="3441" spans="1:8" x14ac:dyDescent="0.25">
      <c r="A3441" s="1">
        <v>44387</v>
      </c>
      <c r="B3441" t="s">
        <v>2480</v>
      </c>
      <c r="C3441" t="s">
        <v>2313</v>
      </c>
      <c r="D3441" t="s">
        <v>10</v>
      </c>
      <c r="E3441" t="s">
        <v>11</v>
      </c>
      <c r="F3441" s="2">
        <v>1</v>
      </c>
      <c r="G3441" t="s">
        <v>194</v>
      </c>
      <c r="H3441" t="s">
        <v>13</v>
      </c>
    </row>
    <row r="3442" spans="1:8" x14ac:dyDescent="0.25">
      <c r="A3442" s="1">
        <v>44385</v>
      </c>
      <c r="B3442" t="s">
        <v>2481</v>
      </c>
      <c r="C3442" t="s">
        <v>19</v>
      </c>
      <c r="D3442" t="s">
        <v>10</v>
      </c>
      <c r="E3442" t="s">
        <v>11</v>
      </c>
      <c r="F3442" s="2">
        <v>1</v>
      </c>
      <c r="G3442" t="s">
        <v>72</v>
      </c>
      <c r="H3442" t="s">
        <v>13</v>
      </c>
    </row>
    <row r="3443" spans="1:8" x14ac:dyDescent="0.25">
      <c r="A3443" s="1">
        <v>44384</v>
      </c>
      <c r="B3443" t="s">
        <v>2482</v>
      </c>
      <c r="C3443" t="s">
        <v>19</v>
      </c>
      <c r="D3443" t="s">
        <v>10</v>
      </c>
      <c r="E3443" t="s">
        <v>11</v>
      </c>
      <c r="F3443" s="2">
        <v>1</v>
      </c>
      <c r="G3443" t="s">
        <v>31</v>
      </c>
      <c r="H3443" t="s">
        <v>13</v>
      </c>
    </row>
    <row r="3444" spans="1:8" x14ac:dyDescent="0.25">
      <c r="A3444" s="1">
        <v>44384</v>
      </c>
      <c r="B3444" t="s">
        <v>2483</v>
      </c>
      <c r="C3444" t="s">
        <v>74</v>
      </c>
      <c r="D3444" t="s">
        <v>10</v>
      </c>
      <c r="E3444" t="s">
        <v>11</v>
      </c>
      <c r="F3444" s="2">
        <v>1</v>
      </c>
      <c r="G3444" t="s">
        <v>46</v>
      </c>
      <c r="H3444" t="s">
        <v>13</v>
      </c>
    </row>
    <row r="3445" spans="1:8" x14ac:dyDescent="0.25">
      <c r="A3445" s="1">
        <v>44383</v>
      </c>
      <c r="B3445" t="s">
        <v>2484</v>
      </c>
      <c r="C3445" t="s">
        <v>481</v>
      </c>
      <c r="D3445" t="s">
        <v>10</v>
      </c>
      <c r="E3445" t="s">
        <v>11</v>
      </c>
      <c r="F3445" s="2">
        <v>1</v>
      </c>
      <c r="G3445" t="s">
        <v>44</v>
      </c>
      <c r="H3445" t="s">
        <v>13</v>
      </c>
    </row>
    <row r="3446" spans="1:8" x14ac:dyDescent="0.25">
      <c r="A3446" s="1">
        <v>44382</v>
      </c>
      <c r="B3446" t="s">
        <v>2485</v>
      </c>
      <c r="C3446" t="s">
        <v>19</v>
      </c>
      <c r="D3446" t="s">
        <v>10</v>
      </c>
      <c r="E3446" t="s">
        <v>11</v>
      </c>
      <c r="F3446" s="2">
        <v>1</v>
      </c>
      <c r="G3446" t="s">
        <v>191</v>
      </c>
      <c r="H3446" t="s">
        <v>13</v>
      </c>
    </row>
    <row r="3447" spans="1:8" x14ac:dyDescent="0.25">
      <c r="A3447" s="1">
        <v>44382</v>
      </c>
      <c r="B3447" t="s">
        <v>2486</v>
      </c>
      <c r="C3447" t="s">
        <v>149</v>
      </c>
      <c r="D3447" t="s">
        <v>10</v>
      </c>
      <c r="E3447" t="s">
        <v>11</v>
      </c>
      <c r="F3447" s="2">
        <v>1</v>
      </c>
      <c r="G3447" t="s">
        <v>53</v>
      </c>
      <c r="H3447" t="s">
        <v>13</v>
      </c>
    </row>
    <row r="3448" spans="1:8" x14ac:dyDescent="0.25">
      <c r="A3448" s="1">
        <v>44382</v>
      </c>
      <c r="B3448" t="s">
        <v>2486</v>
      </c>
      <c r="C3448" t="s">
        <v>379</v>
      </c>
      <c r="D3448" t="s">
        <v>10</v>
      </c>
      <c r="E3448" t="s">
        <v>11</v>
      </c>
      <c r="F3448" s="2">
        <v>1</v>
      </c>
      <c r="G3448" t="s">
        <v>53</v>
      </c>
      <c r="H3448" t="s">
        <v>13</v>
      </c>
    </row>
    <row r="3449" spans="1:8" x14ac:dyDescent="0.25">
      <c r="A3449" s="1">
        <v>44382</v>
      </c>
      <c r="B3449" t="s">
        <v>2486</v>
      </c>
      <c r="C3449" t="s">
        <v>199</v>
      </c>
      <c r="D3449" t="s">
        <v>10</v>
      </c>
      <c r="E3449" t="s">
        <v>11</v>
      </c>
      <c r="F3449" s="2">
        <v>1</v>
      </c>
      <c r="G3449" t="s">
        <v>53</v>
      </c>
      <c r="H3449" t="s">
        <v>13</v>
      </c>
    </row>
    <row r="3450" spans="1:8" x14ac:dyDescent="0.25">
      <c r="A3450" s="1">
        <v>44382</v>
      </c>
      <c r="B3450" t="s">
        <v>2486</v>
      </c>
      <c r="C3450" t="s">
        <v>151</v>
      </c>
      <c r="D3450" t="s">
        <v>10</v>
      </c>
      <c r="E3450" t="s">
        <v>11</v>
      </c>
      <c r="F3450" s="2">
        <v>1</v>
      </c>
      <c r="G3450" t="s">
        <v>53</v>
      </c>
      <c r="H3450" t="s">
        <v>13</v>
      </c>
    </row>
    <row r="3451" spans="1:8" x14ac:dyDescent="0.25">
      <c r="A3451" s="1">
        <v>44382</v>
      </c>
      <c r="B3451" t="s">
        <v>2487</v>
      </c>
      <c r="C3451" t="s">
        <v>1918</v>
      </c>
      <c r="D3451" t="s">
        <v>10</v>
      </c>
      <c r="E3451" t="s">
        <v>11</v>
      </c>
      <c r="F3451" s="2">
        <v>1</v>
      </c>
      <c r="G3451" t="s">
        <v>216</v>
      </c>
      <c r="H3451" t="s">
        <v>13</v>
      </c>
    </row>
    <row r="3452" spans="1:8" x14ac:dyDescent="0.25">
      <c r="A3452" s="1">
        <v>44381</v>
      </c>
      <c r="B3452" t="s">
        <v>2488</v>
      </c>
      <c r="C3452" t="s">
        <v>47</v>
      </c>
      <c r="D3452" t="s">
        <v>10</v>
      </c>
      <c r="E3452" t="s">
        <v>11</v>
      </c>
      <c r="F3452" s="2">
        <v>1</v>
      </c>
      <c r="G3452" t="s">
        <v>197</v>
      </c>
      <c r="H3452" t="s">
        <v>13</v>
      </c>
    </row>
    <row r="3453" spans="1:8" x14ac:dyDescent="0.25">
      <c r="A3453" s="1">
        <v>44380</v>
      </c>
      <c r="B3453" t="s">
        <v>2489</v>
      </c>
      <c r="C3453" t="s">
        <v>9</v>
      </c>
      <c r="D3453" t="s">
        <v>10</v>
      </c>
      <c r="E3453" t="s">
        <v>11</v>
      </c>
      <c r="F3453" s="2">
        <v>1</v>
      </c>
      <c r="G3453" t="s">
        <v>197</v>
      </c>
      <c r="H3453" t="s">
        <v>13</v>
      </c>
    </row>
    <row r="3454" spans="1:8" x14ac:dyDescent="0.25">
      <c r="A3454" s="1">
        <v>44380</v>
      </c>
      <c r="B3454" t="s">
        <v>2489</v>
      </c>
      <c r="C3454" t="s">
        <v>29</v>
      </c>
      <c r="D3454" t="s">
        <v>10</v>
      </c>
      <c r="E3454" t="s">
        <v>11</v>
      </c>
      <c r="F3454" s="2">
        <v>1</v>
      </c>
      <c r="G3454" t="s">
        <v>197</v>
      </c>
      <c r="H3454" t="s">
        <v>13</v>
      </c>
    </row>
    <row r="3455" spans="1:8" x14ac:dyDescent="0.25">
      <c r="A3455" s="1">
        <v>44380</v>
      </c>
      <c r="B3455" t="s">
        <v>2489</v>
      </c>
      <c r="C3455" t="s">
        <v>35</v>
      </c>
      <c r="D3455" t="s">
        <v>10</v>
      </c>
      <c r="E3455" t="s">
        <v>11</v>
      </c>
      <c r="F3455" s="2">
        <v>1</v>
      </c>
      <c r="G3455" t="s">
        <v>197</v>
      </c>
      <c r="H3455" t="s">
        <v>13</v>
      </c>
    </row>
    <row r="3456" spans="1:8" x14ac:dyDescent="0.25">
      <c r="A3456" s="1">
        <v>44379</v>
      </c>
      <c r="B3456" t="s">
        <v>2490</v>
      </c>
      <c r="C3456" t="s">
        <v>9</v>
      </c>
      <c r="D3456" t="s">
        <v>10</v>
      </c>
      <c r="E3456" t="s">
        <v>11</v>
      </c>
      <c r="F3456" s="2">
        <v>1</v>
      </c>
      <c r="G3456" t="s">
        <v>553</v>
      </c>
      <c r="H3456" t="s">
        <v>13</v>
      </c>
    </row>
    <row r="3457" spans="1:8" x14ac:dyDescent="0.25">
      <c r="A3457" s="1">
        <v>44379</v>
      </c>
      <c r="B3457" t="s">
        <v>2491</v>
      </c>
      <c r="C3457" t="s">
        <v>9</v>
      </c>
      <c r="D3457" t="s">
        <v>10</v>
      </c>
      <c r="E3457" t="s">
        <v>11</v>
      </c>
      <c r="F3457" s="2">
        <v>1</v>
      </c>
      <c r="G3457" t="s">
        <v>102</v>
      </c>
      <c r="H3457" t="s">
        <v>13</v>
      </c>
    </row>
    <row r="3458" spans="1:8" x14ac:dyDescent="0.25">
      <c r="A3458" s="1">
        <v>44379</v>
      </c>
      <c r="B3458" t="s">
        <v>2491</v>
      </c>
      <c r="C3458" t="s">
        <v>35</v>
      </c>
      <c r="D3458" t="s">
        <v>10</v>
      </c>
      <c r="E3458" t="s">
        <v>11</v>
      </c>
      <c r="F3458" s="2">
        <v>1</v>
      </c>
      <c r="G3458" t="s">
        <v>102</v>
      </c>
      <c r="H3458" t="s">
        <v>13</v>
      </c>
    </row>
    <row r="3459" spans="1:8" x14ac:dyDescent="0.25">
      <c r="A3459" s="1">
        <v>44378</v>
      </c>
      <c r="B3459" t="s">
        <v>2492</v>
      </c>
      <c r="C3459" t="s">
        <v>9</v>
      </c>
      <c r="D3459" t="s">
        <v>10</v>
      </c>
      <c r="E3459" t="s">
        <v>11</v>
      </c>
      <c r="F3459" s="2">
        <v>1</v>
      </c>
      <c r="G3459" t="s">
        <v>1392</v>
      </c>
      <c r="H3459" t="s">
        <v>13</v>
      </c>
    </row>
    <row r="3460" spans="1:8" x14ac:dyDescent="0.25">
      <c r="A3460" s="1">
        <v>44378</v>
      </c>
      <c r="B3460" t="s">
        <v>2492</v>
      </c>
      <c r="C3460" t="s">
        <v>52</v>
      </c>
      <c r="D3460" t="s">
        <v>10</v>
      </c>
      <c r="E3460" t="s">
        <v>11</v>
      </c>
      <c r="F3460" s="2">
        <v>1</v>
      </c>
      <c r="G3460" t="s">
        <v>1392</v>
      </c>
      <c r="H3460" t="s">
        <v>13</v>
      </c>
    </row>
    <row r="3461" spans="1:8" x14ac:dyDescent="0.25">
      <c r="A3461" s="1">
        <v>44376</v>
      </c>
      <c r="B3461" t="s">
        <v>2493</v>
      </c>
      <c r="C3461" t="s">
        <v>79</v>
      </c>
      <c r="D3461" t="s">
        <v>26</v>
      </c>
      <c r="E3461" t="s">
        <v>11</v>
      </c>
      <c r="F3461" s="2">
        <v>1</v>
      </c>
      <c r="G3461" t="s">
        <v>111</v>
      </c>
      <c r="H3461" t="s">
        <v>13</v>
      </c>
    </row>
    <row r="3462" spans="1:8" x14ac:dyDescent="0.25">
      <c r="A3462" s="1">
        <v>44376</v>
      </c>
      <c r="B3462" t="s">
        <v>2493</v>
      </c>
      <c r="C3462" t="s">
        <v>80</v>
      </c>
      <c r="D3462" t="s">
        <v>26</v>
      </c>
      <c r="E3462" t="s">
        <v>11</v>
      </c>
      <c r="F3462" s="2">
        <v>1</v>
      </c>
      <c r="G3462" t="s">
        <v>111</v>
      </c>
      <c r="H3462" t="s">
        <v>13</v>
      </c>
    </row>
    <row r="3463" spans="1:8" x14ac:dyDescent="0.25">
      <c r="A3463" s="1">
        <v>44375</v>
      </c>
      <c r="B3463" t="s">
        <v>2494</v>
      </c>
      <c r="C3463" t="s">
        <v>86</v>
      </c>
      <c r="D3463" t="s">
        <v>10</v>
      </c>
      <c r="E3463" t="s">
        <v>11</v>
      </c>
      <c r="F3463" s="2">
        <v>1</v>
      </c>
      <c r="G3463" t="s">
        <v>953</v>
      </c>
      <c r="H3463" t="s">
        <v>13</v>
      </c>
    </row>
    <row r="3464" spans="1:8" x14ac:dyDescent="0.25">
      <c r="A3464" s="1">
        <v>44374</v>
      </c>
      <c r="B3464" t="s">
        <v>2495</v>
      </c>
      <c r="C3464" t="s">
        <v>9</v>
      </c>
      <c r="D3464" t="s">
        <v>10</v>
      </c>
      <c r="E3464" t="s">
        <v>11</v>
      </c>
      <c r="F3464" s="2">
        <v>1</v>
      </c>
      <c r="G3464" t="s">
        <v>137</v>
      </c>
      <c r="H3464" t="s">
        <v>13</v>
      </c>
    </row>
    <row r="3465" spans="1:8" x14ac:dyDescent="0.25">
      <c r="A3465" s="1">
        <v>44374</v>
      </c>
      <c r="B3465" t="s">
        <v>2495</v>
      </c>
      <c r="C3465" t="s">
        <v>42</v>
      </c>
      <c r="D3465" t="s">
        <v>10</v>
      </c>
      <c r="E3465" t="s">
        <v>11</v>
      </c>
      <c r="F3465" s="2">
        <v>1</v>
      </c>
      <c r="G3465" t="s">
        <v>137</v>
      </c>
      <c r="H3465" t="s">
        <v>13</v>
      </c>
    </row>
    <row r="3466" spans="1:8" x14ac:dyDescent="0.25">
      <c r="A3466" s="1">
        <v>44374</v>
      </c>
      <c r="B3466" t="s">
        <v>2495</v>
      </c>
      <c r="C3466" t="s">
        <v>96</v>
      </c>
      <c r="D3466" t="s">
        <v>10</v>
      </c>
      <c r="E3466" t="s">
        <v>11</v>
      </c>
      <c r="F3466" s="2">
        <v>1</v>
      </c>
      <c r="G3466" t="s">
        <v>137</v>
      </c>
      <c r="H3466" t="s">
        <v>13</v>
      </c>
    </row>
    <row r="3467" spans="1:8" x14ac:dyDescent="0.25">
      <c r="A3467" s="1">
        <v>44374</v>
      </c>
      <c r="B3467" t="s">
        <v>2496</v>
      </c>
      <c r="C3467" t="s">
        <v>1698</v>
      </c>
      <c r="D3467" t="s">
        <v>10</v>
      </c>
      <c r="E3467" t="s">
        <v>11</v>
      </c>
      <c r="F3467" s="2">
        <v>1</v>
      </c>
      <c r="G3467" t="s">
        <v>46</v>
      </c>
      <c r="H3467" t="s">
        <v>13</v>
      </c>
    </row>
    <row r="3468" spans="1:8" x14ac:dyDescent="0.25">
      <c r="A3468" s="1">
        <v>44372</v>
      </c>
      <c r="B3468" t="s">
        <v>2497</v>
      </c>
      <c r="C3468" t="s">
        <v>174</v>
      </c>
      <c r="D3468" t="s">
        <v>10</v>
      </c>
      <c r="E3468" t="s">
        <v>11</v>
      </c>
      <c r="F3468" s="2">
        <v>1</v>
      </c>
      <c r="G3468" t="s">
        <v>2498</v>
      </c>
      <c r="H3468" t="s">
        <v>13</v>
      </c>
    </row>
    <row r="3469" spans="1:8" x14ac:dyDescent="0.25">
      <c r="A3469" s="1">
        <v>44371</v>
      </c>
      <c r="B3469" t="s">
        <v>2499</v>
      </c>
      <c r="C3469" t="s">
        <v>9</v>
      </c>
      <c r="D3469" t="s">
        <v>10</v>
      </c>
      <c r="E3469" t="s">
        <v>11</v>
      </c>
      <c r="F3469" s="2">
        <v>1</v>
      </c>
      <c r="G3469" t="s">
        <v>98</v>
      </c>
      <c r="H3469" t="s">
        <v>13</v>
      </c>
    </row>
    <row r="3470" spans="1:8" x14ac:dyDescent="0.25">
      <c r="A3470" s="1">
        <v>44371</v>
      </c>
      <c r="B3470" t="s">
        <v>2500</v>
      </c>
      <c r="C3470" t="s">
        <v>34</v>
      </c>
      <c r="D3470" t="s">
        <v>10</v>
      </c>
      <c r="E3470" t="s">
        <v>11</v>
      </c>
      <c r="F3470" s="2">
        <v>1</v>
      </c>
      <c r="G3470" t="s">
        <v>100</v>
      </c>
      <c r="H3470" t="s">
        <v>13</v>
      </c>
    </row>
    <row r="3471" spans="1:8" x14ac:dyDescent="0.25">
      <c r="A3471" s="1">
        <v>44371</v>
      </c>
      <c r="B3471" t="s">
        <v>2501</v>
      </c>
      <c r="C3471" t="s">
        <v>58</v>
      </c>
      <c r="D3471" t="s">
        <v>10</v>
      </c>
      <c r="E3471" t="s">
        <v>11</v>
      </c>
      <c r="F3471" s="2">
        <v>1</v>
      </c>
      <c r="G3471" t="s">
        <v>216</v>
      </c>
      <c r="H3471" t="s">
        <v>13</v>
      </c>
    </row>
    <row r="3472" spans="1:8" x14ac:dyDescent="0.25">
      <c r="A3472" s="1">
        <v>44371</v>
      </c>
      <c r="B3472" t="s">
        <v>2501</v>
      </c>
      <c r="C3472" t="s">
        <v>379</v>
      </c>
      <c r="D3472" t="s">
        <v>10</v>
      </c>
      <c r="E3472" t="s">
        <v>11</v>
      </c>
      <c r="F3472" s="2">
        <v>1</v>
      </c>
      <c r="G3472" t="s">
        <v>216</v>
      </c>
      <c r="H3472" t="s">
        <v>13</v>
      </c>
    </row>
    <row r="3473" spans="1:8" x14ac:dyDescent="0.25">
      <c r="A3473" s="1">
        <v>44369</v>
      </c>
      <c r="B3473" t="s">
        <v>2502</v>
      </c>
      <c r="C3473" t="s">
        <v>16</v>
      </c>
      <c r="D3473" t="s">
        <v>10</v>
      </c>
      <c r="E3473" t="s">
        <v>11</v>
      </c>
      <c r="F3473" s="2">
        <v>1</v>
      </c>
      <c r="G3473" t="s">
        <v>205</v>
      </c>
      <c r="H3473" t="s">
        <v>13</v>
      </c>
    </row>
    <row r="3474" spans="1:8" x14ac:dyDescent="0.25">
      <c r="A3474" s="1">
        <v>44369</v>
      </c>
      <c r="B3474" t="s">
        <v>2503</v>
      </c>
      <c r="C3474" t="s">
        <v>47</v>
      </c>
      <c r="D3474" t="s">
        <v>10</v>
      </c>
      <c r="E3474" t="s">
        <v>11</v>
      </c>
      <c r="F3474" s="2">
        <v>1</v>
      </c>
      <c r="G3474" t="s">
        <v>135</v>
      </c>
      <c r="H3474" t="s">
        <v>13</v>
      </c>
    </row>
    <row r="3475" spans="1:8" x14ac:dyDescent="0.25">
      <c r="A3475" s="1">
        <v>44369</v>
      </c>
      <c r="B3475" t="s">
        <v>2503</v>
      </c>
      <c r="C3475" t="s">
        <v>14</v>
      </c>
      <c r="D3475" t="s">
        <v>10</v>
      </c>
      <c r="E3475" t="s">
        <v>11</v>
      </c>
      <c r="F3475" s="2">
        <v>1</v>
      </c>
      <c r="G3475" t="s">
        <v>135</v>
      </c>
      <c r="H3475" t="s">
        <v>13</v>
      </c>
    </row>
    <row r="3476" spans="1:8" x14ac:dyDescent="0.25">
      <c r="A3476" s="1">
        <v>44369</v>
      </c>
      <c r="B3476" t="s">
        <v>2504</v>
      </c>
      <c r="C3476" t="s">
        <v>74</v>
      </c>
      <c r="D3476" t="s">
        <v>10</v>
      </c>
      <c r="E3476" t="s">
        <v>11</v>
      </c>
      <c r="F3476" s="2">
        <v>1</v>
      </c>
      <c r="G3476" t="s">
        <v>1477</v>
      </c>
      <c r="H3476" t="s">
        <v>13</v>
      </c>
    </row>
    <row r="3477" spans="1:8" x14ac:dyDescent="0.25">
      <c r="A3477" s="1">
        <v>44369</v>
      </c>
      <c r="B3477" t="s">
        <v>2504</v>
      </c>
      <c r="C3477" t="s">
        <v>58</v>
      </c>
      <c r="D3477" t="s">
        <v>10</v>
      </c>
      <c r="E3477" t="s">
        <v>11</v>
      </c>
      <c r="F3477" s="2">
        <v>1</v>
      </c>
      <c r="G3477" t="s">
        <v>1477</v>
      </c>
      <c r="H3477" t="s">
        <v>13</v>
      </c>
    </row>
    <row r="3478" spans="1:8" x14ac:dyDescent="0.25">
      <c r="A3478" s="1">
        <v>44369</v>
      </c>
      <c r="B3478" t="s">
        <v>2505</v>
      </c>
      <c r="C3478" t="s">
        <v>96</v>
      </c>
      <c r="D3478" t="s">
        <v>10</v>
      </c>
      <c r="E3478" t="s">
        <v>11</v>
      </c>
      <c r="F3478" s="2">
        <v>1</v>
      </c>
      <c r="G3478" t="s">
        <v>49</v>
      </c>
      <c r="H3478" t="s">
        <v>13</v>
      </c>
    </row>
    <row r="3479" spans="1:8" x14ac:dyDescent="0.25">
      <c r="A3479" s="1">
        <v>44369</v>
      </c>
      <c r="B3479" t="s">
        <v>2506</v>
      </c>
      <c r="C3479" t="s">
        <v>9</v>
      </c>
      <c r="D3479" t="s">
        <v>10</v>
      </c>
      <c r="E3479" t="s">
        <v>11</v>
      </c>
      <c r="F3479" s="2">
        <v>1</v>
      </c>
      <c r="G3479" t="s">
        <v>20</v>
      </c>
      <c r="H3479" t="s">
        <v>13</v>
      </c>
    </row>
    <row r="3480" spans="1:8" x14ac:dyDescent="0.25">
      <c r="A3480" s="1">
        <v>44369</v>
      </c>
      <c r="B3480" t="s">
        <v>2506</v>
      </c>
      <c r="C3480" t="s">
        <v>50</v>
      </c>
      <c r="D3480" t="s">
        <v>10</v>
      </c>
      <c r="E3480" t="s">
        <v>11</v>
      </c>
      <c r="F3480" s="2">
        <v>1</v>
      </c>
      <c r="G3480" t="s">
        <v>20</v>
      </c>
      <c r="H3480" t="s">
        <v>13</v>
      </c>
    </row>
    <row r="3481" spans="1:8" x14ac:dyDescent="0.25">
      <c r="A3481" s="1">
        <v>44368</v>
      </c>
      <c r="B3481" t="s">
        <v>2507</v>
      </c>
      <c r="C3481" t="s">
        <v>79</v>
      </c>
      <c r="D3481" t="s">
        <v>10</v>
      </c>
      <c r="E3481" t="s">
        <v>11</v>
      </c>
      <c r="F3481" s="2">
        <v>1</v>
      </c>
      <c r="G3481" t="s">
        <v>330</v>
      </c>
      <c r="H3481" t="s">
        <v>13</v>
      </c>
    </row>
    <row r="3482" spans="1:8" x14ac:dyDescent="0.25">
      <c r="A3482" s="1">
        <v>44368</v>
      </c>
      <c r="B3482" t="s">
        <v>2507</v>
      </c>
      <c r="C3482" t="s">
        <v>80</v>
      </c>
      <c r="D3482" t="s">
        <v>10</v>
      </c>
      <c r="E3482" t="s">
        <v>11</v>
      </c>
      <c r="F3482" s="2">
        <v>1</v>
      </c>
      <c r="G3482" t="s">
        <v>330</v>
      </c>
      <c r="H3482" t="s">
        <v>13</v>
      </c>
    </row>
    <row r="3483" spans="1:8" x14ac:dyDescent="0.25">
      <c r="A3483" s="1">
        <v>44367</v>
      </c>
      <c r="B3483" t="s">
        <v>2508</v>
      </c>
      <c r="C3483" t="s">
        <v>9</v>
      </c>
      <c r="D3483" t="s">
        <v>10</v>
      </c>
      <c r="E3483" t="s">
        <v>11</v>
      </c>
      <c r="F3483" s="2">
        <v>1</v>
      </c>
      <c r="G3483" t="s">
        <v>24</v>
      </c>
      <c r="H3483" t="s">
        <v>13</v>
      </c>
    </row>
    <row r="3484" spans="1:8" x14ac:dyDescent="0.25">
      <c r="A3484" s="1">
        <v>44366</v>
      </c>
      <c r="B3484" t="s">
        <v>2509</v>
      </c>
      <c r="C3484" t="s">
        <v>14</v>
      </c>
      <c r="D3484" t="s">
        <v>10</v>
      </c>
      <c r="E3484" t="s">
        <v>11</v>
      </c>
      <c r="F3484" s="2">
        <v>1</v>
      </c>
      <c r="G3484" t="s">
        <v>216</v>
      </c>
      <c r="H3484" t="s">
        <v>13</v>
      </c>
    </row>
    <row r="3485" spans="1:8" x14ac:dyDescent="0.25">
      <c r="A3485" s="1">
        <v>44366</v>
      </c>
      <c r="B3485" t="s">
        <v>2510</v>
      </c>
      <c r="C3485" t="s">
        <v>174</v>
      </c>
      <c r="D3485" t="s">
        <v>10</v>
      </c>
      <c r="E3485" t="s">
        <v>11</v>
      </c>
      <c r="F3485" s="2">
        <v>1</v>
      </c>
      <c r="G3485" t="s">
        <v>2498</v>
      </c>
      <c r="H3485" t="s">
        <v>13</v>
      </c>
    </row>
    <row r="3486" spans="1:8" x14ac:dyDescent="0.25">
      <c r="A3486" s="1">
        <v>44364</v>
      </c>
      <c r="B3486" t="s">
        <v>2511</v>
      </c>
      <c r="C3486" t="s">
        <v>416</v>
      </c>
      <c r="D3486" t="s">
        <v>10</v>
      </c>
      <c r="E3486" t="s">
        <v>11</v>
      </c>
      <c r="F3486" s="2">
        <v>1</v>
      </c>
      <c r="G3486" t="s">
        <v>37</v>
      </c>
      <c r="H3486" t="s">
        <v>13</v>
      </c>
    </row>
    <row r="3487" spans="1:8" x14ac:dyDescent="0.25">
      <c r="A3487" s="1">
        <v>44364</v>
      </c>
      <c r="B3487" t="s">
        <v>2512</v>
      </c>
      <c r="C3487" t="s">
        <v>481</v>
      </c>
      <c r="D3487" t="s">
        <v>10</v>
      </c>
      <c r="E3487" t="s">
        <v>11</v>
      </c>
      <c r="F3487" s="2">
        <v>1</v>
      </c>
      <c r="G3487" t="s">
        <v>46</v>
      </c>
      <c r="H3487" t="s">
        <v>13</v>
      </c>
    </row>
    <row r="3488" spans="1:8" x14ac:dyDescent="0.25">
      <c r="A3488" s="1">
        <v>44362</v>
      </c>
      <c r="B3488" t="s">
        <v>2513</v>
      </c>
      <c r="C3488" t="s">
        <v>47</v>
      </c>
      <c r="D3488" t="s">
        <v>10</v>
      </c>
      <c r="E3488" t="s">
        <v>11</v>
      </c>
      <c r="F3488" s="2">
        <v>1</v>
      </c>
      <c r="G3488" t="s">
        <v>262</v>
      </c>
      <c r="H3488" t="s">
        <v>13</v>
      </c>
    </row>
    <row r="3489" spans="1:8" x14ac:dyDescent="0.25">
      <c r="A3489" s="1">
        <v>44362</v>
      </c>
      <c r="B3489" t="s">
        <v>2514</v>
      </c>
      <c r="C3489" t="s">
        <v>484</v>
      </c>
      <c r="D3489" t="s">
        <v>10</v>
      </c>
      <c r="E3489" t="s">
        <v>11</v>
      </c>
      <c r="F3489" s="2">
        <v>1</v>
      </c>
      <c r="G3489" t="s">
        <v>24</v>
      </c>
      <c r="H3489" t="s">
        <v>13</v>
      </c>
    </row>
    <row r="3490" spans="1:8" x14ac:dyDescent="0.25">
      <c r="A3490" s="1">
        <v>44362</v>
      </c>
      <c r="B3490" t="s">
        <v>2514</v>
      </c>
      <c r="C3490" t="s">
        <v>174</v>
      </c>
      <c r="D3490" t="s">
        <v>10</v>
      </c>
      <c r="E3490" t="s">
        <v>11</v>
      </c>
      <c r="F3490" s="2">
        <v>1</v>
      </c>
      <c r="G3490" t="s">
        <v>24</v>
      </c>
      <c r="H3490" t="s">
        <v>13</v>
      </c>
    </row>
    <row r="3491" spans="1:8" x14ac:dyDescent="0.25">
      <c r="A3491" s="1">
        <v>44362</v>
      </c>
      <c r="B3491" t="s">
        <v>2514</v>
      </c>
      <c r="C3491" t="s">
        <v>96</v>
      </c>
      <c r="D3491" t="s">
        <v>10</v>
      </c>
      <c r="E3491" t="s">
        <v>11</v>
      </c>
      <c r="F3491" s="2">
        <v>1</v>
      </c>
      <c r="G3491" t="s">
        <v>24</v>
      </c>
      <c r="H3491" t="s">
        <v>13</v>
      </c>
    </row>
    <row r="3492" spans="1:8" x14ac:dyDescent="0.25">
      <c r="A3492" s="1">
        <v>44362</v>
      </c>
      <c r="B3492" t="s">
        <v>2514</v>
      </c>
      <c r="C3492" t="s">
        <v>271</v>
      </c>
      <c r="D3492" t="s">
        <v>10</v>
      </c>
      <c r="E3492" t="s">
        <v>11</v>
      </c>
      <c r="F3492" s="2">
        <v>1</v>
      </c>
      <c r="G3492" t="s">
        <v>24</v>
      </c>
      <c r="H3492" t="s">
        <v>13</v>
      </c>
    </row>
    <row r="3493" spans="1:8" x14ac:dyDescent="0.25">
      <c r="A3493" s="1">
        <v>44361</v>
      </c>
      <c r="B3493" t="s">
        <v>2515</v>
      </c>
      <c r="C3493" t="s">
        <v>9</v>
      </c>
      <c r="D3493" t="s">
        <v>10</v>
      </c>
      <c r="E3493" t="s">
        <v>11</v>
      </c>
      <c r="F3493" s="2">
        <v>1</v>
      </c>
      <c r="G3493" t="s">
        <v>145</v>
      </c>
      <c r="H3493" t="s">
        <v>13</v>
      </c>
    </row>
    <row r="3494" spans="1:8" x14ac:dyDescent="0.25">
      <c r="A3494" s="1">
        <v>44361</v>
      </c>
      <c r="B3494" t="s">
        <v>2515</v>
      </c>
      <c r="C3494" t="s">
        <v>28</v>
      </c>
      <c r="D3494" t="s">
        <v>10</v>
      </c>
      <c r="E3494" t="s">
        <v>11</v>
      </c>
      <c r="F3494" s="2">
        <v>1</v>
      </c>
      <c r="G3494" t="s">
        <v>145</v>
      </c>
      <c r="H3494" t="s">
        <v>13</v>
      </c>
    </row>
    <row r="3495" spans="1:8" x14ac:dyDescent="0.25">
      <c r="A3495" s="1">
        <v>44361</v>
      </c>
      <c r="B3495" t="s">
        <v>2515</v>
      </c>
      <c r="C3495" t="s">
        <v>29</v>
      </c>
      <c r="D3495" t="s">
        <v>10</v>
      </c>
      <c r="E3495" t="s">
        <v>11</v>
      </c>
      <c r="F3495" s="2">
        <v>1</v>
      </c>
      <c r="G3495" t="s">
        <v>145</v>
      </c>
      <c r="H3495" t="s">
        <v>13</v>
      </c>
    </row>
    <row r="3496" spans="1:8" x14ac:dyDescent="0.25">
      <c r="A3496" s="1">
        <v>44361</v>
      </c>
      <c r="B3496" t="s">
        <v>2515</v>
      </c>
      <c r="C3496" t="s">
        <v>35</v>
      </c>
      <c r="D3496" t="s">
        <v>10</v>
      </c>
      <c r="E3496" t="s">
        <v>11</v>
      </c>
      <c r="F3496" s="2">
        <v>1</v>
      </c>
      <c r="G3496" t="s">
        <v>145</v>
      </c>
      <c r="H3496" t="s">
        <v>13</v>
      </c>
    </row>
    <row r="3497" spans="1:8" x14ac:dyDescent="0.25">
      <c r="A3497" s="1">
        <v>44360</v>
      </c>
      <c r="B3497" t="s">
        <v>2516</v>
      </c>
      <c r="C3497" t="s">
        <v>174</v>
      </c>
      <c r="D3497" t="s">
        <v>10</v>
      </c>
      <c r="E3497" t="s">
        <v>11</v>
      </c>
      <c r="F3497" s="2">
        <v>1</v>
      </c>
      <c r="G3497" t="s">
        <v>677</v>
      </c>
      <c r="H3497" t="s">
        <v>13</v>
      </c>
    </row>
    <row r="3498" spans="1:8" x14ac:dyDescent="0.25">
      <c r="A3498" s="1">
        <v>44360</v>
      </c>
      <c r="B3498" t="s">
        <v>2517</v>
      </c>
      <c r="C3498" t="s">
        <v>2313</v>
      </c>
      <c r="D3498" t="s">
        <v>10</v>
      </c>
      <c r="E3498" t="s">
        <v>11</v>
      </c>
      <c r="F3498" s="2">
        <v>1</v>
      </c>
      <c r="G3498" t="s">
        <v>529</v>
      </c>
      <c r="H3498" t="s">
        <v>13</v>
      </c>
    </row>
    <row r="3499" spans="1:8" x14ac:dyDescent="0.25">
      <c r="A3499" s="1">
        <v>44359</v>
      </c>
      <c r="B3499" t="s">
        <v>2518</v>
      </c>
      <c r="C3499" t="s">
        <v>9</v>
      </c>
      <c r="D3499" t="s">
        <v>10</v>
      </c>
      <c r="E3499" t="s">
        <v>11</v>
      </c>
      <c r="F3499" s="2">
        <v>1</v>
      </c>
      <c r="G3499" t="s">
        <v>1263</v>
      </c>
      <c r="H3499" t="s">
        <v>13</v>
      </c>
    </row>
    <row r="3500" spans="1:8" x14ac:dyDescent="0.25">
      <c r="A3500" s="1">
        <v>44359</v>
      </c>
      <c r="B3500" t="s">
        <v>2518</v>
      </c>
      <c r="C3500" t="s">
        <v>28</v>
      </c>
      <c r="D3500" t="s">
        <v>10</v>
      </c>
      <c r="E3500" t="s">
        <v>11</v>
      </c>
      <c r="F3500" s="2">
        <v>1</v>
      </c>
      <c r="G3500" t="s">
        <v>1263</v>
      </c>
      <c r="H3500" t="s">
        <v>13</v>
      </c>
    </row>
    <row r="3501" spans="1:8" x14ac:dyDescent="0.25">
      <c r="A3501" s="1">
        <v>44359</v>
      </c>
      <c r="B3501" t="s">
        <v>2518</v>
      </c>
      <c r="C3501" t="s">
        <v>1153</v>
      </c>
      <c r="D3501" t="s">
        <v>10</v>
      </c>
      <c r="E3501" t="s">
        <v>11</v>
      </c>
      <c r="F3501" s="2">
        <v>1</v>
      </c>
      <c r="G3501" t="s">
        <v>1263</v>
      </c>
      <c r="H3501" t="s">
        <v>13</v>
      </c>
    </row>
    <row r="3502" spans="1:8" x14ac:dyDescent="0.25">
      <c r="A3502" s="1">
        <v>44358</v>
      </c>
      <c r="B3502" t="s">
        <v>2519</v>
      </c>
      <c r="C3502" t="s">
        <v>88</v>
      </c>
      <c r="D3502" t="s">
        <v>10</v>
      </c>
      <c r="E3502" t="s">
        <v>11</v>
      </c>
      <c r="F3502" s="2">
        <v>1</v>
      </c>
      <c r="G3502" t="s">
        <v>20</v>
      </c>
      <c r="H3502" t="s">
        <v>13</v>
      </c>
    </row>
    <row r="3503" spans="1:8" x14ac:dyDescent="0.25">
      <c r="A3503" s="1">
        <v>44357</v>
      </c>
      <c r="B3503" t="s">
        <v>2520</v>
      </c>
      <c r="C3503" t="s">
        <v>222</v>
      </c>
      <c r="D3503" t="s">
        <v>10</v>
      </c>
      <c r="E3503" t="s">
        <v>11</v>
      </c>
      <c r="F3503" s="2">
        <v>1</v>
      </c>
      <c r="G3503" t="s">
        <v>111</v>
      </c>
      <c r="H3503" t="s">
        <v>13</v>
      </c>
    </row>
    <row r="3504" spans="1:8" x14ac:dyDescent="0.25">
      <c r="A3504" s="1">
        <v>44357</v>
      </c>
      <c r="B3504" t="s">
        <v>2521</v>
      </c>
      <c r="C3504" t="s">
        <v>79</v>
      </c>
      <c r="D3504" t="s">
        <v>10</v>
      </c>
      <c r="E3504" t="s">
        <v>11</v>
      </c>
      <c r="F3504" s="2">
        <v>1</v>
      </c>
      <c r="G3504" t="s">
        <v>194</v>
      </c>
      <c r="H3504" t="s">
        <v>13</v>
      </c>
    </row>
    <row r="3505" spans="1:8" x14ac:dyDescent="0.25">
      <c r="A3505" s="1">
        <v>44357</v>
      </c>
      <c r="B3505" t="s">
        <v>2521</v>
      </c>
      <c r="C3505" t="s">
        <v>416</v>
      </c>
      <c r="D3505" t="s">
        <v>10</v>
      </c>
      <c r="E3505" t="s">
        <v>11</v>
      </c>
      <c r="F3505" s="2">
        <v>1</v>
      </c>
      <c r="G3505" t="s">
        <v>194</v>
      </c>
      <c r="H3505" t="s">
        <v>13</v>
      </c>
    </row>
    <row r="3506" spans="1:8" x14ac:dyDescent="0.25">
      <c r="A3506" s="1">
        <v>44356</v>
      </c>
      <c r="B3506" t="s">
        <v>2522</v>
      </c>
      <c r="C3506" t="s">
        <v>35</v>
      </c>
      <c r="D3506" t="s">
        <v>10</v>
      </c>
      <c r="E3506" t="s">
        <v>11</v>
      </c>
      <c r="F3506" s="2">
        <v>1</v>
      </c>
      <c r="G3506" t="s">
        <v>181</v>
      </c>
      <c r="H3506" t="s">
        <v>13</v>
      </c>
    </row>
    <row r="3507" spans="1:8" x14ac:dyDescent="0.25">
      <c r="A3507" s="1">
        <v>44356</v>
      </c>
      <c r="B3507" t="s">
        <v>2522</v>
      </c>
      <c r="C3507" t="s">
        <v>47</v>
      </c>
      <c r="D3507" t="s">
        <v>10</v>
      </c>
      <c r="E3507" t="s">
        <v>11</v>
      </c>
      <c r="F3507" s="2">
        <v>1</v>
      </c>
      <c r="G3507" t="s">
        <v>181</v>
      </c>
      <c r="H3507" t="s">
        <v>13</v>
      </c>
    </row>
    <row r="3508" spans="1:8" x14ac:dyDescent="0.25">
      <c r="A3508" s="1">
        <v>44356</v>
      </c>
      <c r="B3508" t="s">
        <v>2523</v>
      </c>
      <c r="C3508" t="s">
        <v>9</v>
      </c>
      <c r="D3508" t="s">
        <v>10</v>
      </c>
      <c r="E3508" t="s">
        <v>11</v>
      </c>
      <c r="F3508" s="2">
        <v>1</v>
      </c>
      <c r="G3508" t="s">
        <v>571</v>
      </c>
      <c r="H3508" t="s">
        <v>13</v>
      </c>
    </row>
    <row r="3509" spans="1:8" x14ac:dyDescent="0.25">
      <c r="A3509" s="1">
        <v>44356</v>
      </c>
      <c r="B3509" t="s">
        <v>2523</v>
      </c>
      <c r="C3509" t="s">
        <v>16</v>
      </c>
      <c r="D3509" t="s">
        <v>10</v>
      </c>
      <c r="E3509" t="s">
        <v>11</v>
      </c>
      <c r="F3509" s="2">
        <v>1</v>
      </c>
      <c r="G3509" t="s">
        <v>571</v>
      </c>
      <c r="H3509" t="s">
        <v>13</v>
      </c>
    </row>
    <row r="3510" spans="1:8" x14ac:dyDescent="0.25">
      <c r="A3510" s="1">
        <v>44356</v>
      </c>
      <c r="B3510" t="s">
        <v>2523</v>
      </c>
      <c r="C3510" t="s">
        <v>220</v>
      </c>
      <c r="D3510" t="s">
        <v>10</v>
      </c>
      <c r="E3510" t="s">
        <v>11</v>
      </c>
      <c r="F3510" s="2">
        <v>1</v>
      </c>
      <c r="G3510" t="s">
        <v>571</v>
      </c>
      <c r="H3510" t="s">
        <v>13</v>
      </c>
    </row>
    <row r="3511" spans="1:8" x14ac:dyDescent="0.25">
      <c r="A3511" s="1">
        <v>44354</v>
      </c>
      <c r="B3511" t="s">
        <v>2524</v>
      </c>
      <c r="C3511" t="s">
        <v>9</v>
      </c>
      <c r="D3511" t="s">
        <v>10</v>
      </c>
      <c r="E3511" t="s">
        <v>11</v>
      </c>
      <c r="F3511" s="2">
        <v>1</v>
      </c>
      <c r="G3511" t="s">
        <v>20</v>
      </c>
      <c r="H3511" t="s">
        <v>13</v>
      </c>
    </row>
    <row r="3512" spans="1:8" x14ac:dyDescent="0.25">
      <c r="A3512" s="1">
        <v>44354</v>
      </c>
      <c r="B3512" t="s">
        <v>2524</v>
      </c>
      <c r="C3512" t="s">
        <v>271</v>
      </c>
      <c r="D3512" t="s">
        <v>10</v>
      </c>
      <c r="E3512" t="s">
        <v>11</v>
      </c>
      <c r="F3512" s="2">
        <v>1</v>
      </c>
      <c r="G3512" t="s">
        <v>20</v>
      </c>
      <c r="H3512" t="s">
        <v>13</v>
      </c>
    </row>
    <row r="3513" spans="1:8" x14ac:dyDescent="0.25">
      <c r="A3513" s="1">
        <v>44353</v>
      </c>
      <c r="B3513" t="s">
        <v>2525</v>
      </c>
      <c r="C3513" t="s">
        <v>47</v>
      </c>
      <c r="D3513" t="s">
        <v>10</v>
      </c>
      <c r="E3513" t="s">
        <v>11</v>
      </c>
      <c r="F3513" s="2">
        <v>1</v>
      </c>
      <c r="G3513" t="s">
        <v>135</v>
      </c>
      <c r="H3513" t="s">
        <v>13</v>
      </c>
    </row>
    <row r="3514" spans="1:8" x14ac:dyDescent="0.25">
      <c r="A3514" s="1">
        <v>44353</v>
      </c>
      <c r="B3514" t="s">
        <v>2526</v>
      </c>
      <c r="C3514" t="s">
        <v>9</v>
      </c>
      <c r="D3514" t="s">
        <v>10</v>
      </c>
      <c r="E3514" t="s">
        <v>11</v>
      </c>
      <c r="F3514" s="2">
        <v>1</v>
      </c>
      <c r="G3514" t="s">
        <v>22</v>
      </c>
      <c r="H3514" t="s">
        <v>13</v>
      </c>
    </row>
    <row r="3515" spans="1:8" x14ac:dyDescent="0.25">
      <c r="A3515" s="1">
        <v>44353</v>
      </c>
      <c r="B3515" t="s">
        <v>2527</v>
      </c>
      <c r="C3515" t="s">
        <v>9</v>
      </c>
      <c r="D3515" t="s">
        <v>10</v>
      </c>
      <c r="E3515" t="s">
        <v>11</v>
      </c>
      <c r="F3515" s="2">
        <v>1</v>
      </c>
      <c r="G3515" t="s">
        <v>135</v>
      </c>
      <c r="H3515" t="s">
        <v>13</v>
      </c>
    </row>
    <row r="3516" spans="1:8" x14ac:dyDescent="0.25">
      <c r="A3516" s="1">
        <v>44352</v>
      </c>
      <c r="B3516" t="s">
        <v>2528</v>
      </c>
      <c r="C3516" t="s">
        <v>149</v>
      </c>
      <c r="D3516" t="s">
        <v>10</v>
      </c>
      <c r="E3516" t="s">
        <v>11</v>
      </c>
      <c r="F3516" s="2">
        <v>1</v>
      </c>
      <c r="G3516" t="s">
        <v>135</v>
      </c>
      <c r="H3516" t="s">
        <v>13</v>
      </c>
    </row>
    <row r="3517" spans="1:8" x14ac:dyDescent="0.25">
      <c r="A3517" s="1">
        <v>44352</v>
      </c>
      <c r="B3517" t="s">
        <v>2529</v>
      </c>
      <c r="C3517" t="s">
        <v>118</v>
      </c>
      <c r="D3517" t="s">
        <v>10</v>
      </c>
      <c r="E3517" t="s">
        <v>11</v>
      </c>
      <c r="F3517" s="2">
        <v>1</v>
      </c>
      <c r="G3517" t="s">
        <v>72</v>
      </c>
      <c r="H3517" t="s">
        <v>13</v>
      </c>
    </row>
    <row r="3518" spans="1:8" x14ac:dyDescent="0.25">
      <c r="A3518" s="1">
        <v>44352</v>
      </c>
      <c r="B3518" t="s">
        <v>2529</v>
      </c>
      <c r="C3518" t="s">
        <v>142</v>
      </c>
      <c r="D3518" t="s">
        <v>10</v>
      </c>
      <c r="E3518" t="s">
        <v>11</v>
      </c>
      <c r="F3518" s="2">
        <v>1</v>
      </c>
      <c r="G3518" t="s">
        <v>72</v>
      </c>
      <c r="H3518" t="s">
        <v>13</v>
      </c>
    </row>
    <row r="3519" spans="1:8" x14ac:dyDescent="0.25">
      <c r="A3519" s="1">
        <v>44352</v>
      </c>
      <c r="B3519" t="s">
        <v>2529</v>
      </c>
      <c r="C3519" t="s">
        <v>47</v>
      </c>
      <c r="D3519" t="s">
        <v>10</v>
      </c>
      <c r="E3519" t="s">
        <v>11</v>
      </c>
      <c r="F3519" s="2">
        <v>1</v>
      </c>
      <c r="G3519" t="s">
        <v>72</v>
      </c>
      <c r="H3519" t="s">
        <v>13</v>
      </c>
    </row>
    <row r="3520" spans="1:8" x14ac:dyDescent="0.25">
      <c r="A3520" s="1">
        <v>44352</v>
      </c>
      <c r="B3520" t="s">
        <v>2529</v>
      </c>
      <c r="C3520" t="s">
        <v>518</v>
      </c>
      <c r="D3520" t="s">
        <v>10</v>
      </c>
      <c r="E3520" t="s">
        <v>11</v>
      </c>
      <c r="F3520" s="2">
        <v>1</v>
      </c>
      <c r="G3520" t="s">
        <v>72</v>
      </c>
      <c r="H3520" t="s">
        <v>13</v>
      </c>
    </row>
    <row r="3521" spans="1:8" x14ac:dyDescent="0.25">
      <c r="A3521" s="1">
        <v>44352</v>
      </c>
      <c r="B3521" t="s">
        <v>2529</v>
      </c>
      <c r="C3521" t="s">
        <v>163</v>
      </c>
      <c r="D3521" t="s">
        <v>10</v>
      </c>
      <c r="E3521" t="s">
        <v>11</v>
      </c>
      <c r="F3521" s="2">
        <v>1</v>
      </c>
      <c r="G3521" t="s">
        <v>72</v>
      </c>
      <c r="H3521" t="s">
        <v>13</v>
      </c>
    </row>
    <row r="3522" spans="1:8" x14ac:dyDescent="0.25">
      <c r="A3522" s="1">
        <v>44352</v>
      </c>
      <c r="B3522" t="s">
        <v>2529</v>
      </c>
      <c r="C3522" t="s">
        <v>2530</v>
      </c>
      <c r="D3522" t="s">
        <v>10</v>
      </c>
      <c r="E3522" t="s">
        <v>11</v>
      </c>
      <c r="F3522" s="2">
        <v>1</v>
      </c>
      <c r="G3522" t="s">
        <v>72</v>
      </c>
      <c r="H3522" t="s">
        <v>13</v>
      </c>
    </row>
    <row r="3523" spans="1:8" x14ac:dyDescent="0.25">
      <c r="A3523" s="1">
        <v>44352</v>
      </c>
      <c r="B3523" t="s">
        <v>2529</v>
      </c>
      <c r="C3523" t="s">
        <v>453</v>
      </c>
      <c r="D3523" t="s">
        <v>10</v>
      </c>
      <c r="E3523" t="s">
        <v>11</v>
      </c>
      <c r="F3523" s="2">
        <v>1</v>
      </c>
      <c r="G3523" t="s">
        <v>72</v>
      </c>
      <c r="H3523" t="s">
        <v>13</v>
      </c>
    </row>
    <row r="3524" spans="1:8" x14ac:dyDescent="0.25">
      <c r="A3524" s="1">
        <v>44352</v>
      </c>
      <c r="B3524" t="s">
        <v>2531</v>
      </c>
      <c r="C3524" t="s">
        <v>19</v>
      </c>
      <c r="D3524" t="s">
        <v>10</v>
      </c>
      <c r="E3524" t="s">
        <v>11</v>
      </c>
      <c r="F3524" s="2">
        <v>1</v>
      </c>
      <c r="G3524" t="s">
        <v>20</v>
      </c>
      <c r="H3524" t="s">
        <v>13</v>
      </c>
    </row>
    <row r="3525" spans="1:8" x14ac:dyDescent="0.25">
      <c r="A3525" s="1">
        <v>44352</v>
      </c>
      <c r="B3525" t="s">
        <v>2532</v>
      </c>
      <c r="C3525" t="s">
        <v>2313</v>
      </c>
      <c r="D3525" t="s">
        <v>10</v>
      </c>
      <c r="E3525" t="s">
        <v>11</v>
      </c>
      <c r="F3525" s="2">
        <v>1</v>
      </c>
      <c r="G3525" t="s">
        <v>330</v>
      </c>
      <c r="H3525" t="s">
        <v>13</v>
      </c>
    </row>
    <row r="3526" spans="1:8" x14ac:dyDescent="0.25">
      <c r="A3526" s="1">
        <v>44351</v>
      </c>
      <c r="B3526" t="s">
        <v>2533</v>
      </c>
      <c r="C3526" t="s">
        <v>2313</v>
      </c>
      <c r="D3526" t="s">
        <v>10</v>
      </c>
      <c r="E3526" t="s">
        <v>11</v>
      </c>
      <c r="F3526" s="2">
        <v>1</v>
      </c>
      <c r="G3526" t="s">
        <v>181</v>
      </c>
      <c r="H3526" t="s">
        <v>13</v>
      </c>
    </row>
    <row r="3527" spans="1:8" x14ac:dyDescent="0.25">
      <c r="A3527" s="1">
        <v>44351</v>
      </c>
      <c r="B3527" t="s">
        <v>2534</v>
      </c>
      <c r="C3527" t="s">
        <v>86</v>
      </c>
      <c r="D3527" t="s">
        <v>10</v>
      </c>
      <c r="E3527" t="s">
        <v>11</v>
      </c>
      <c r="F3527" s="2">
        <v>1</v>
      </c>
      <c r="G3527" t="s">
        <v>2273</v>
      </c>
      <c r="H3527" t="s">
        <v>13</v>
      </c>
    </row>
    <row r="3528" spans="1:8" x14ac:dyDescent="0.25">
      <c r="A3528" s="1">
        <v>44350</v>
      </c>
      <c r="B3528" t="s">
        <v>2535</v>
      </c>
      <c r="C3528" t="s">
        <v>780</v>
      </c>
      <c r="D3528" t="s">
        <v>10</v>
      </c>
      <c r="E3528" t="s">
        <v>11</v>
      </c>
      <c r="F3528" s="2">
        <v>1</v>
      </c>
      <c r="G3528" t="s">
        <v>699</v>
      </c>
      <c r="H3528" t="s">
        <v>13</v>
      </c>
    </row>
    <row r="3529" spans="1:8" x14ac:dyDescent="0.25">
      <c r="A3529" s="1">
        <v>44349</v>
      </c>
      <c r="B3529" t="s">
        <v>2536</v>
      </c>
      <c r="C3529" t="s">
        <v>16</v>
      </c>
      <c r="D3529" t="s">
        <v>10</v>
      </c>
      <c r="E3529" t="s">
        <v>11</v>
      </c>
      <c r="F3529" s="2">
        <v>1</v>
      </c>
      <c r="G3529" t="s">
        <v>347</v>
      </c>
      <c r="H3529" t="s">
        <v>13</v>
      </c>
    </row>
    <row r="3530" spans="1:8" x14ac:dyDescent="0.25">
      <c r="A3530" s="1">
        <v>44349</v>
      </c>
      <c r="B3530" t="s">
        <v>2537</v>
      </c>
      <c r="C3530" t="s">
        <v>80</v>
      </c>
      <c r="D3530" t="s">
        <v>10</v>
      </c>
      <c r="E3530" t="s">
        <v>11</v>
      </c>
      <c r="F3530" s="2">
        <v>1</v>
      </c>
      <c r="G3530" t="s">
        <v>83</v>
      </c>
      <c r="H3530" t="s">
        <v>13</v>
      </c>
    </row>
    <row r="3531" spans="1:8" x14ac:dyDescent="0.25">
      <c r="A3531" s="1">
        <v>44348</v>
      </c>
      <c r="B3531" t="s">
        <v>2538</v>
      </c>
      <c r="C3531" t="s">
        <v>9</v>
      </c>
      <c r="D3531" t="s">
        <v>10</v>
      </c>
      <c r="E3531" t="s">
        <v>11</v>
      </c>
      <c r="F3531" s="2">
        <v>1</v>
      </c>
      <c r="G3531" t="s">
        <v>20</v>
      </c>
      <c r="H3531" t="s">
        <v>13</v>
      </c>
    </row>
    <row r="3532" spans="1:8" x14ac:dyDescent="0.25">
      <c r="A3532" s="1">
        <v>44348</v>
      </c>
      <c r="B3532" t="s">
        <v>2539</v>
      </c>
      <c r="C3532" t="s">
        <v>88</v>
      </c>
      <c r="D3532" t="s">
        <v>10</v>
      </c>
      <c r="E3532" t="s">
        <v>11</v>
      </c>
      <c r="F3532" s="2">
        <v>1</v>
      </c>
      <c r="G3532" t="s">
        <v>650</v>
      </c>
      <c r="H3532" t="s">
        <v>13</v>
      </c>
    </row>
    <row r="3533" spans="1:8" x14ac:dyDescent="0.25">
      <c r="A3533" s="1">
        <v>44346</v>
      </c>
      <c r="B3533" t="s">
        <v>2540</v>
      </c>
      <c r="C3533" t="s">
        <v>9</v>
      </c>
      <c r="D3533" t="s">
        <v>10</v>
      </c>
      <c r="E3533" t="s">
        <v>11</v>
      </c>
      <c r="F3533" s="2">
        <v>1</v>
      </c>
      <c r="G3533" t="s">
        <v>100</v>
      </c>
      <c r="H3533" t="s">
        <v>13</v>
      </c>
    </row>
    <row r="3534" spans="1:8" x14ac:dyDescent="0.25">
      <c r="A3534" s="1">
        <v>44346</v>
      </c>
      <c r="B3534" t="s">
        <v>2540</v>
      </c>
      <c r="C3534" t="s">
        <v>35</v>
      </c>
      <c r="D3534" t="s">
        <v>10</v>
      </c>
      <c r="E3534" t="s">
        <v>11</v>
      </c>
      <c r="F3534" s="2">
        <v>1</v>
      </c>
      <c r="G3534" t="s">
        <v>100</v>
      </c>
      <c r="H3534" t="s">
        <v>13</v>
      </c>
    </row>
    <row r="3535" spans="1:8" x14ac:dyDescent="0.25">
      <c r="A3535" s="1">
        <v>44346</v>
      </c>
      <c r="B3535" t="s">
        <v>2541</v>
      </c>
      <c r="C3535" t="s">
        <v>96</v>
      </c>
      <c r="D3535" t="s">
        <v>10</v>
      </c>
      <c r="E3535" t="s">
        <v>11</v>
      </c>
      <c r="F3535" s="2">
        <v>1</v>
      </c>
      <c r="G3535" t="s">
        <v>63</v>
      </c>
      <c r="H3535" t="s">
        <v>13</v>
      </c>
    </row>
    <row r="3536" spans="1:8" x14ac:dyDescent="0.25">
      <c r="A3536" s="1">
        <v>44345</v>
      </c>
      <c r="B3536" t="s">
        <v>2542</v>
      </c>
      <c r="C3536" t="s">
        <v>9</v>
      </c>
      <c r="D3536" t="s">
        <v>10</v>
      </c>
      <c r="E3536" t="s">
        <v>11</v>
      </c>
      <c r="F3536" s="2">
        <v>1</v>
      </c>
      <c r="G3536" t="s">
        <v>2131</v>
      </c>
      <c r="H3536" t="s">
        <v>13</v>
      </c>
    </row>
    <row r="3537" spans="1:8" x14ac:dyDescent="0.25">
      <c r="A3537" s="1">
        <v>44345</v>
      </c>
      <c r="B3537" t="s">
        <v>2542</v>
      </c>
      <c r="C3537" t="s">
        <v>52</v>
      </c>
      <c r="D3537" t="s">
        <v>10</v>
      </c>
      <c r="E3537" t="s">
        <v>11</v>
      </c>
      <c r="F3537" s="2">
        <v>1</v>
      </c>
      <c r="G3537" t="s">
        <v>2131</v>
      </c>
      <c r="H3537" t="s">
        <v>13</v>
      </c>
    </row>
    <row r="3538" spans="1:8" x14ac:dyDescent="0.25">
      <c r="A3538" s="1">
        <v>44345</v>
      </c>
      <c r="B3538" t="s">
        <v>2542</v>
      </c>
      <c r="C3538" t="s">
        <v>35</v>
      </c>
      <c r="D3538" t="s">
        <v>10</v>
      </c>
      <c r="E3538" t="s">
        <v>11</v>
      </c>
      <c r="F3538" s="2">
        <v>1</v>
      </c>
      <c r="G3538" t="s">
        <v>2131</v>
      </c>
      <c r="H3538" t="s">
        <v>13</v>
      </c>
    </row>
    <row r="3539" spans="1:8" x14ac:dyDescent="0.25">
      <c r="A3539" s="1">
        <v>44345</v>
      </c>
      <c r="B3539" t="s">
        <v>2542</v>
      </c>
      <c r="C3539" t="s">
        <v>14</v>
      </c>
      <c r="D3539" t="s">
        <v>10</v>
      </c>
      <c r="E3539" t="s">
        <v>11</v>
      </c>
      <c r="F3539" s="2">
        <v>1</v>
      </c>
      <c r="G3539" t="s">
        <v>2131</v>
      </c>
      <c r="H3539" t="s">
        <v>13</v>
      </c>
    </row>
    <row r="3540" spans="1:8" x14ac:dyDescent="0.25">
      <c r="A3540" s="1">
        <v>44344</v>
      </c>
      <c r="B3540" t="s">
        <v>2543</v>
      </c>
      <c r="C3540" t="s">
        <v>65</v>
      </c>
      <c r="D3540" t="s">
        <v>10</v>
      </c>
      <c r="E3540" t="s">
        <v>11</v>
      </c>
      <c r="F3540" s="2">
        <v>1</v>
      </c>
      <c r="G3540" t="s">
        <v>67</v>
      </c>
      <c r="H3540" t="s">
        <v>13</v>
      </c>
    </row>
    <row r="3541" spans="1:8" x14ac:dyDescent="0.25">
      <c r="A3541" s="1">
        <v>44343</v>
      </c>
      <c r="B3541" t="s">
        <v>2544</v>
      </c>
      <c r="C3541" t="s">
        <v>16</v>
      </c>
      <c r="D3541" t="s">
        <v>10</v>
      </c>
      <c r="E3541" t="s">
        <v>11</v>
      </c>
      <c r="F3541" s="2">
        <v>1</v>
      </c>
      <c r="G3541" t="s">
        <v>347</v>
      </c>
      <c r="H3541" t="s">
        <v>13</v>
      </c>
    </row>
    <row r="3542" spans="1:8" x14ac:dyDescent="0.25">
      <c r="A3542" s="1">
        <v>44342</v>
      </c>
      <c r="B3542" t="s">
        <v>2545</v>
      </c>
      <c r="C3542" t="s">
        <v>16</v>
      </c>
      <c r="D3542" t="s">
        <v>10</v>
      </c>
      <c r="E3542" t="s">
        <v>11</v>
      </c>
      <c r="F3542" s="2">
        <v>1</v>
      </c>
      <c r="G3542" t="s">
        <v>157</v>
      </c>
      <c r="H3542" t="s">
        <v>13</v>
      </c>
    </row>
    <row r="3543" spans="1:8" x14ac:dyDescent="0.25">
      <c r="A3543" s="1">
        <v>44342</v>
      </c>
      <c r="B3543" t="s">
        <v>2545</v>
      </c>
      <c r="C3543" t="s">
        <v>1353</v>
      </c>
      <c r="D3543" t="s">
        <v>10</v>
      </c>
      <c r="E3543" t="s">
        <v>11</v>
      </c>
      <c r="F3543" s="2">
        <v>1</v>
      </c>
      <c r="G3543" t="s">
        <v>157</v>
      </c>
      <c r="H3543" t="s">
        <v>13</v>
      </c>
    </row>
    <row r="3544" spans="1:8" x14ac:dyDescent="0.25">
      <c r="A3544" s="1">
        <v>44342</v>
      </c>
      <c r="B3544" t="s">
        <v>2545</v>
      </c>
      <c r="C3544" t="s">
        <v>220</v>
      </c>
      <c r="D3544" t="s">
        <v>10</v>
      </c>
      <c r="E3544" t="s">
        <v>11</v>
      </c>
      <c r="F3544" s="2">
        <v>1</v>
      </c>
      <c r="G3544" t="s">
        <v>157</v>
      </c>
      <c r="H3544" t="s">
        <v>13</v>
      </c>
    </row>
    <row r="3545" spans="1:8" x14ac:dyDescent="0.25">
      <c r="A3545" s="1">
        <v>44342</v>
      </c>
      <c r="B3545" t="s">
        <v>2546</v>
      </c>
      <c r="C3545" t="s">
        <v>34</v>
      </c>
      <c r="D3545" t="s">
        <v>10</v>
      </c>
      <c r="E3545" t="s">
        <v>11</v>
      </c>
      <c r="F3545" s="2">
        <v>1</v>
      </c>
      <c r="G3545" t="s">
        <v>100</v>
      </c>
      <c r="H3545" t="s">
        <v>13</v>
      </c>
    </row>
    <row r="3546" spans="1:8" x14ac:dyDescent="0.25">
      <c r="A3546" s="1">
        <v>44342</v>
      </c>
      <c r="B3546" t="s">
        <v>2547</v>
      </c>
      <c r="C3546" t="s">
        <v>50</v>
      </c>
      <c r="D3546" t="s">
        <v>10</v>
      </c>
      <c r="E3546" t="s">
        <v>11</v>
      </c>
      <c r="F3546" s="2">
        <v>1</v>
      </c>
      <c r="G3546" t="s">
        <v>61</v>
      </c>
      <c r="H3546" t="s">
        <v>13</v>
      </c>
    </row>
    <row r="3547" spans="1:8" x14ac:dyDescent="0.25">
      <c r="A3547" s="1">
        <v>44341</v>
      </c>
      <c r="B3547" t="s">
        <v>2548</v>
      </c>
      <c r="C3547" t="s">
        <v>86</v>
      </c>
      <c r="D3547" t="s">
        <v>10</v>
      </c>
      <c r="E3547" t="s">
        <v>11</v>
      </c>
      <c r="F3547" s="2">
        <v>1</v>
      </c>
      <c r="G3547" t="s">
        <v>244</v>
      </c>
      <c r="H3547" t="s">
        <v>13</v>
      </c>
    </row>
    <row r="3548" spans="1:8" x14ac:dyDescent="0.25">
      <c r="A3548" s="1">
        <v>44340</v>
      </c>
      <c r="B3548" t="s">
        <v>2549</v>
      </c>
      <c r="C3548" t="s">
        <v>86</v>
      </c>
      <c r="D3548" t="s">
        <v>10</v>
      </c>
      <c r="E3548" t="s">
        <v>11</v>
      </c>
      <c r="F3548" s="2">
        <v>1</v>
      </c>
      <c r="G3548" t="s">
        <v>2550</v>
      </c>
      <c r="H3548" t="s">
        <v>13</v>
      </c>
    </row>
    <row r="3549" spans="1:8" x14ac:dyDescent="0.25">
      <c r="A3549" s="1">
        <v>44340</v>
      </c>
      <c r="B3549" t="s">
        <v>2551</v>
      </c>
      <c r="C3549" t="s">
        <v>9</v>
      </c>
      <c r="D3549" t="s">
        <v>10</v>
      </c>
      <c r="E3549" t="s">
        <v>11</v>
      </c>
      <c r="F3549" s="2">
        <v>1</v>
      </c>
      <c r="G3549" t="s">
        <v>20</v>
      </c>
      <c r="H3549" t="s">
        <v>13</v>
      </c>
    </row>
    <row r="3550" spans="1:8" x14ac:dyDescent="0.25">
      <c r="A3550" s="1">
        <v>44340</v>
      </c>
      <c r="B3550" t="s">
        <v>2552</v>
      </c>
      <c r="C3550" t="s">
        <v>28</v>
      </c>
      <c r="D3550" t="s">
        <v>10</v>
      </c>
      <c r="E3550" t="s">
        <v>11</v>
      </c>
      <c r="F3550" s="2">
        <v>1</v>
      </c>
      <c r="G3550" t="s">
        <v>157</v>
      </c>
      <c r="H3550" t="s">
        <v>13</v>
      </c>
    </row>
    <row r="3551" spans="1:8" x14ac:dyDescent="0.25">
      <c r="A3551" s="1">
        <v>44339</v>
      </c>
      <c r="B3551" t="s">
        <v>2553</v>
      </c>
      <c r="C3551" t="s">
        <v>9</v>
      </c>
      <c r="D3551" t="s">
        <v>10</v>
      </c>
      <c r="E3551" t="s">
        <v>11</v>
      </c>
      <c r="F3551" s="2">
        <v>1</v>
      </c>
      <c r="G3551" t="s">
        <v>330</v>
      </c>
      <c r="H3551" t="s">
        <v>13</v>
      </c>
    </row>
    <row r="3552" spans="1:8" x14ac:dyDescent="0.25">
      <c r="A3552" s="1">
        <v>44338</v>
      </c>
      <c r="B3552" t="s">
        <v>2554</v>
      </c>
      <c r="C3552" t="s">
        <v>9</v>
      </c>
      <c r="D3552" t="s">
        <v>10</v>
      </c>
      <c r="E3552" t="s">
        <v>11</v>
      </c>
      <c r="F3552" s="2">
        <v>1</v>
      </c>
      <c r="G3552" t="s">
        <v>46</v>
      </c>
      <c r="H3552" t="s">
        <v>13</v>
      </c>
    </row>
    <row r="3553" spans="1:8" x14ac:dyDescent="0.25">
      <c r="A3553" s="1">
        <v>44337</v>
      </c>
      <c r="B3553" t="s">
        <v>2555</v>
      </c>
      <c r="C3553" t="s">
        <v>413</v>
      </c>
      <c r="D3553" t="s">
        <v>10</v>
      </c>
      <c r="E3553" t="s">
        <v>11</v>
      </c>
      <c r="F3553" s="2">
        <v>1</v>
      </c>
      <c r="G3553" t="s">
        <v>1272</v>
      </c>
      <c r="H3553" t="s">
        <v>13</v>
      </c>
    </row>
    <row r="3554" spans="1:8" x14ac:dyDescent="0.25">
      <c r="A3554" s="1">
        <v>44337</v>
      </c>
      <c r="B3554" t="s">
        <v>2556</v>
      </c>
      <c r="C3554" t="s">
        <v>29</v>
      </c>
      <c r="D3554" t="s">
        <v>26</v>
      </c>
      <c r="E3554" t="s">
        <v>11</v>
      </c>
      <c r="F3554" s="2">
        <v>1</v>
      </c>
      <c r="G3554" t="s">
        <v>46</v>
      </c>
      <c r="H3554" t="s">
        <v>13</v>
      </c>
    </row>
    <row r="3555" spans="1:8" x14ac:dyDescent="0.25">
      <c r="A3555" s="1">
        <v>44337</v>
      </c>
      <c r="B3555" t="s">
        <v>2556</v>
      </c>
      <c r="C3555" t="s">
        <v>35</v>
      </c>
      <c r="D3555" t="s">
        <v>26</v>
      </c>
      <c r="E3555" t="s">
        <v>11</v>
      </c>
      <c r="F3555" s="2">
        <v>1</v>
      </c>
      <c r="G3555" t="s">
        <v>46</v>
      </c>
      <c r="H3555" t="s">
        <v>13</v>
      </c>
    </row>
    <row r="3556" spans="1:8" x14ac:dyDescent="0.25">
      <c r="A3556" s="1">
        <v>44336</v>
      </c>
      <c r="B3556" t="s">
        <v>2557</v>
      </c>
      <c r="C3556" t="s">
        <v>47</v>
      </c>
      <c r="D3556" t="s">
        <v>10</v>
      </c>
      <c r="E3556" t="s">
        <v>11</v>
      </c>
      <c r="F3556" s="2">
        <v>1</v>
      </c>
      <c r="G3556" t="s">
        <v>1009</v>
      </c>
      <c r="H3556" t="s">
        <v>13</v>
      </c>
    </row>
    <row r="3557" spans="1:8" x14ac:dyDescent="0.25">
      <c r="A3557" s="1">
        <v>44336</v>
      </c>
      <c r="B3557" t="s">
        <v>2558</v>
      </c>
      <c r="C3557" t="s">
        <v>9</v>
      </c>
      <c r="D3557" t="s">
        <v>10</v>
      </c>
      <c r="E3557" t="s">
        <v>11</v>
      </c>
      <c r="F3557" s="2">
        <v>1</v>
      </c>
      <c r="G3557" t="s">
        <v>191</v>
      </c>
      <c r="H3557" t="s">
        <v>13</v>
      </c>
    </row>
    <row r="3558" spans="1:8" x14ac:dyDescent="0.25">
      <c r="A3558" s="1">
        <v>44335</v>
      </c>
      <c r="B3558" t="s">
        <v>2559</v>
      </c>
      <c r="C3558" t="s">
        <v>79</v>
      </c>
      <c r="D3558" t="s">
        <v>10</v>
      </c>
      <c r="E3558" t="s">
        <v>11</v>
      </c>
      <c r="F3558" s="2">
        <v>1</v>
      </c>
      <c r="G3558" t="s">
        <v>93</v>
      </c>
      <c r="H3558" t="s">
        <v>13</v>
      </c>
    </row>
    <row r="3559" spans="1:8" x14ac:dyDescent="0.25">
      <c r="A3559" s="1">
        <v>44335</v>
      </c>
      <c r="B3559" t="s">
        <v>2559</v>
      </c>
      <c r="C3559" t="s">
        <v>80</v>
      </c>
      <c r="D3559" t="s">
        <v>10</v>
      </c>
      <c r="E3559" t="s">
        <v>11</v>
      </c>
      <c r="F3559" s="2">
        <v>1</v>
      </c>
      <c r="G3559" t="s">
        <v>93</v>
      </c>
      <c r="H3559" t="s">
        <v>13</v>
      </c>
    </row>
    <row r="3560" spans="1:8" x14ac:dyDescent="0.25">
      <c r="A3560" s="1">
        <v>44334</v>
      </c>
      <c r="B3560" t="s">
        <v>2560</v>
      </c>
      <c r="C3560" t="s">
        <v>9</v>
      </c>
      <c r="D3560" t="s">
        <v>10</v>
      </c>
      <c r="E3560" t="s">
        <v>11</v>
      </c>
      <c r="F3560" s="2">
        <v>1</v>
      </c>
      <c r="G3560" t="s">
        <v>2561</v>
      </c>
      <c r="H3560" t="s">
        <v>13</v>
      </c>
    </row>
    <row r="3561" spans="1:8" x14ac:dyDescent="0.25">
      <c r="A3561" s="1">
        <v>44334</v>
      </c>
      <c r="B3561" t="s">
        <v>2560</v>
      </c>
      <c r="C3561" t="s">
        <v>1353</v>
      </c>
      <c r="D3561" t="s">
        <v>10</v>
      </c>
      <c r="E3561" t="s">
        <v>11</v>
      </c>
      <c r="F3561" s="2">
        <v>1</v>
      </c>
      <c r="G3561" t="s">
        <v>2561</v>
      </c>
      <c r="H3561" t="s">
        <v>13</v>
      </c>
    </row>
    <row r="3562" spans="1:8" x14ac:dyDescent="0.25">
      <c r="A3562" s="1">
        <v>44334</v>
      </c>
      <c r="B3562" t="s">
        <v>2562</v>
      </c>
      <c r="C3562" t="s">
        <v>9</v>
      </c>
      <c r="D3562" t="s">
        <v>10</v>
      </c>
      <c r="E3562" t="s">
        <v>11</v>
      </c>
      <c r="F3562" s="2">
        <v>1</v>
      </c>
      <c r="G3562" t="s">
        <v>46</v>
      </c>
      <c r="H3562" t="s">
        <v>13</v>
      </c>
    </row>
    <row r="3563" spans="1:8" x14ac:dyDescent="0.25">
      <c r="A3563" s="1">
        <v>44333</v>
      </c>
      <c r="B3563" t="s">
        <v>2563</v>
      </c>
      <c r="C3563" t="s">
        <v>142</v>
      </c>
      <c r="D3563" t="s">
        <v>10</v>
      </c>
      <c r="E3563" t="s">
        <v>11</v>
      </c>
      <c r="F3563" s="2">
        <v>1</v>
      </c>
      <c r="G3563" t="s">
        <v>100</v>
      </c>
      <c r="H3563" t="s">
        <v>13</v>
      </c>
    </row>
    <row r="3564" spans="1:8" x14ac:dyDescent="0.25">
      <c r="A3564" s="1">
        <v>44333</v>
      </c>
      <c r="B3564" t="s">
        <v>2563</v>
      </c>
      <c r="C3564" t="s">
        <v>800</v>
      </c>
      <c r="D3564" t="s">
        <v>10</v>
      </c>
      <c r="E3564" t="s">
        <v>11</v>
      </c>
      <c r="F3564" s="2">
        <v>1</v>
      </c>
      <c r="G3564" t="s">
        <v>100</v>
      </c>
      <c r="H3564" t="s">
        <v>13</v>
      </c>
    </row>
    <row r="3565" spans="1:8" x14ac:dyDescent="0.25">
      <c r="A3565" s="1">
        <v>44333</v>
      </c>
      <c r="B3565" t="s">
        <v>2563</v>
      </c>
      <c r="C3565" t="s">
        <v>149</v>
      </c>
      <c r="D3565" t="s">
        <v>10</v>
      </c>
      <c r="E3565" t="s">
        <v>11</v>
      </c>
      <c r="F3565" s="2">
        <v>1</v>
      </c>
      <c r="G3565" t="s">
        <v>100</v>
      </c>
      <c r="H3565" t="s">
        <v>13</v>
      </c>
    </row>
    <row r="3566" spans="1:8" x14ac:dyDescent="0.25">
      <c r="A3566" s="1">
        <v>44333</v>
      </c>
      <c r="B3566" t="s">
        <v>2563</v>
      </c>
      <c r="C3566" t="s">
        <v>47</v>
      </c>
      <c r="D3566" t="s">
        <v>10</v>
      </c>
      <c r="E3566" t="s">
        <v>11</v>
      </c>
      <c r="F3566" s="2">
        <v>1</v>
      </c>
      <c r="G3566" t="s">
        <v>100</v>
      </c>
      <c r="H3566" t="s">
        <v>13</v>
      </c>
    </row>
    <row r="3567" spans="1:8" x14ac:dyDescent="0.25">
      <c r="A3567" s="1">
        <v>44333</v>
      </c>
      <c r="B3567" t="s">
        <v>2563</v>
      </c>
      <c r="C3567" t="s">
        <v>151</v>
      </c>
      <c r="D3567" t="s">
        <v>10</v>
      </c>
      <c r="E3567" t="s">
        <v>11</v>
      </c>
      <c r="F3567" s="2">
        <v>1</v>
      </c>
      <c r="G3567" t="s">
        <v>100</v>
      </c>
      <c r="H3567" t="s">
        <v>13</v>
      </c>
    </row>
    <row r="3568" spans="1:8" x14ac:dyDescent="0.25">
      <c r="A3568" s="1">
        <v>44333</v>
      </c>
      <c r="B3568" t="s">
        <v>2564</v>
      </c>
      <c r="C3568" t="s">
        <v>118</v>
      </c>
      <c r="D3568" t="s">
        <v>10</v>
      </c>
      <c r="E3568" t="s">
        <v>11</v>
      </c>
      <c r="F3568" s="2">
        <v>1</v>
      </c>
      <c r="G3568" t="s">
        <v>496</v>
      </c>
      <c r="H3568" t="s">
        <v>13</v>
      </c>
    </row>
    <row r="3569" spans="1:8" x14ac:dyDescent="0.25">
      <c r="A3569" s="1">
        <v>44333</v>
      </c>
      <c r="B3569" t="s">
        <v>2564</v>
      </c>
      <c r="C3569" t="s">
        <v>689</v>
      </c>
      <c r="D3569" t="s">
        <v>10</v>
      </c>
      <c r="E3569" t="s">
        <v>11</v>
      </c>
      <c r="F3569" s="2">
        <v>1</v>
      </c>
      <c r="G3569" t="s">
        <v>496</v>
      </c>
      <c r="H3569" t="s">
        <v>13</v>
      </c>
    </row>
    <row r="3570" spans="1:8" x14ac:dyDescent="0.25">
      <c r="A3570" s="1">
        <v>44332</v>
      </c>
      <c r="B3570" t="s">
        <v>2565</v>
      </c>
      <c r="C3570" t="s">
        <v>60</v>
      </c>
      <c r="D3570" t="s">
        <v>10</v>
      </c>
      <c r="E3570" t="s">
        <v>11</v>
      </c>
      <c r="F3570" s="2">
        <v>1</v>
      </c>
      <c r="G3570" t="s">
        <v>181</v>
      </c>
      <c r="H3570" t="s">
        <v>13</v>
      </c>
    </row>
    <row r="3571" spans="1:8" x14ac:dyDescent="0.25">
      <c r="A3571" s="1">
        <v>44331</v>
      </c>
      <c r="B3571" t="s">
        <v>2566</v>
      </c>
      <c r="C3571" t="s">
        <v>47</v>
      </c>
      <c r="D3571" t="s">
        <v>10</v>
      </c>
      <c r="E3571" t="s">
        <v>11</v>
      </c>
      <c r="F3571" s="2">
        <v>1</v>
      </c>
      <c r="G3571" t="s">
        <v>37</v>
      </c>
      <c r="H3571" t="s">
        <v>13</v>
      </c>
    </row>
    <row r="3572" spans="1:8" x14ac:dyDescent="0.25">
      <c r="A3572" s="1">
        <v>44331</v>
      </c>
      <c r="B3572" t="s">
        <v>2567</v>
      </c>
      <c r="C3572" t="s">
        <v>79</v>
      </c>
      <c r="D3572" t="s">
        <v>10</v>
      </c>
      <c r="E3572" t="s">
        <v>11</v>
      </c>
      <c r="F3572" s="2">
        <v>1</v>
      </c>
      <c r="G3572" t="s">
        <v>100</v>
      </c>
      <c r="H3572" t="s">
        <v>13</v>
      </c>
    </row>
    <row r="3573" spans="1:8" x14ac:dyDescent="0.25">
      <c r="A3573" s="1">
        <v>44331</v>
      </c>
      <c r="B3573" t="s">
        <v>2567</v>
      </c>
      <c r="C3573" t="s">
        <v>416</v>
      </c>
      <c r="D3573" t="s">
        <v>10</v>
      </c>
      <c r="E3573" t="s">
        <v>11</v>
      </c>
      <c r="F3573" s="2">
        <v>1</v>
      </c>
      <c r="G3573" t="s">
        <v>100</v>
      </c>
      <c r="H3573" t="s">
        <v>13</v>
      </c>
    </row>
    <row r="3574" spans="1:8" x14ac:dyDescent="0.25">
      <c r="A3574" s="1">
        <v>44331</v>
      </c>
      <c r="B3574" t="s">
        <v>2568</v>
      </c>
      <c r="C3574" t="s">
        <v>9</v>
      </c>
      <c r="D3574" t="s">
        <v>10</v>
      </c>
      <c r="E3574" t="s">
        <v>11</v>
      </c>
      <c r="F3574" s="2">
        <v>1</v>
      </c>
      <c r="G3574" t="s">
        <v>181</v>
      </c>
      <c r="H3574" t="s">
        <v>13</v>
      </c>
    </row>
    <row r="3575" spans="1:8" x14ac:dyDescent="0.25">
      <c r="A3575" s="1">
        <v>44331</v>
      </c>
      <c r="B3575" t="s">
        <v>2568</v>
      </c>
      <c r="C3575" t="s">
        <v>35</v>
      </c>
      <c r="D3575" t="s">
        <v>10</v>
      </c>
      <c r="E3575" t="s">
        <v>11</v>
      </c>
      <c r="F3575" s="2">
        <v>1</v>
      </c>
      <c r="G3575" t="s">
        <v>181</v>
      </c>
      <c r="H3575" t="s">
        <v>13</v>
      </c>
    </row>
    <row r="3576" spans="1:8" x14ac:dyDescent="0.25">
      <c r="A3576" s="1">
        <v>44331</v>
      </c>
      <c r="B3576" t="s">
        <v>2569</v>
      </c>
      <c r="C3576" t="s">
        <v>9</v>
      </c>
      <c r="D3576" t="s">
        <v>10</v>
      </c>
      <c r="E3576" t="s">
        <v>11</v>
      </c>
      <c r="F3576" s="2">
        <v>1</v>
      </c>
      <c r="G3576" t="s">
        <v>492</v>
      </c>
      <c r="H3576" t="s">
        <v>13</v>
      </c>
    </row>
    <row r="3577" spans="1:8" x14ac:dyDescent="0.25">
      <c r="A3577" s="1">
        <v>44331</v>
      </c>
      <c r="B3577" t="s">
        <v>2569</v>
      </c>
      <c r="C3577" t="s">
        <v>35</v>
      </c>
      <c r="D3577" t="s">
        <v>10</v>
      </c>
      <c r="E3577" t="s">
        <v>11</v>
      </c>
      <c r="F3577" s="2">
        <v>1</v>
      </c>
      <c r="G3577" t="s">
        <v>492</v>
      </c>
      <c r="H3577" t="s">
        <v>13</v>
      </c>
    </row>
    <row r="3578" spans="1:8" x14ac:dyDescent="0.25">
      <c r="A3578" s="1">
        <v>44330</v>
      </c>
      <c r="B3578" t="s">
        <v>2570</v>
      </c>
      <c r="C3578" t="s">
        <v>79</v>
      </c>
      <c r="D3578" t="s">
        <v>10</v>
      </c>
      <c r="E3578" t="s">
        <v>11</v>
      </c>
      <c r="F3578" s="2">
        <v>1</v>
      </c>
      <c r="G3578" t="s">
        <v>748</v>
      </c>
      <c r="H3578" t="s">
        <v>13</v>
      </c>
    </row>
    <row r="3579" spans="1:8" x14ac:dyDescent="0.25">
      <c r="A3579" s="1">
        <v>44330</v>
      </c>
      <c r="B3579" t="s">
        <v>2570</v>
      </c>
      <c r="C3579" t="s">
        <v>416</v>
      </c>
      <c r="D3579" t="s">
        <v>10</v>
      </c>
      <c r="E3579" t="s">
        <v>11</v>
      </c>
      <c r="F3579" s="2">
        <v>1</v>
      </c>
      <c r="G3579" t="s">
        <v>748</v>
      </c>
      <c r="H3579" t="s">
        <v>13</v>
      </c>
    </row>
    <row r="3580" spans="1:8" x14ac:dyDescent="0.25">
      <c r="A3580" s="1">
        <v>44330</v>
      </c>
      <c r="B3580" t="s">
        <v>2571</v>
      </c>
      <c r="C3580" t="s">
        <v>19</v>
      </c>
      <c r="D3580" t="s">
        <v>10</v>
      </c>
      <c r="E3580" t="s">
        <v>11</v>
      </c>
      <c r="F3580" s="2">
        <v>1</v>
      </c>
      <c r="G3580" t="s">
        <v>61</v>
      </c>
      <c r="H3580" t="s">
        <v>13</v>
      </c>
    </row>
    <row r="3581" spans="1:8" x14ac:dyDescent="0.25">
      <c r="A3581" s="1">
        <v>44330</v>
      </c>
      <c r="B3581" t="s">
        <v>2571</v>
      </c>
      <c r="C3581" t="s">
        <v>1176</v>
      </c>
      <c r="D3581" t="s">
        <v>10</v>
      </c>
      <c r="E3581" t="s">
        <v>11</v>
      </c>
      <c r="F3581" s="2">
        <v>1</v>
      </c>
      <c r="G3581" t="s">
        <v>61</v>
      </c>
      <c r="H3581" t="s">
        <v>13</v>
      </c>
    </row>
    <row r="3582" spans="1:8" x14ac:dyDescent="0.25">
      <c r="A3582" s="1">
        <v>44329</v>
      </c>
      <c r="B3582" t="s">
        <v>2572</v>
      </c>
      <c r="C3582" t="s">
        <v>19</v>
      </c>
      <c r="D3582" t="s">
        <v>10</v>
      </c>
      <c r="E3582" t="s">
        <v>11</v>
      </c>
      <c r="F3582" s="2">
        <v>1</v>
      </c>
      <c r="G3582" t="s">
        <v>181</v>
      </c>
      <c r="H3582" t="s">
        <v>13</v>
      </c>
    </row>
    <row r="3583" spans="1:8" x14ac:dyDescent="0.25">
      <c r="A3583" s="1">
        <v>44328</v>
      </c>
      <c r="B3583" t="s">
        <v>2573</v>
      </c>
      <c r="C3583" t="s">
        <v>9</v>
      </c>
      <c r="D3583" t="s">
        <v>10</v>
      </c>
      <c r="E3583" t="s">
        <v>11</v>
      </c>
      <c r="F3583" s="2">
        <v>1</v>
      </c>
      <c r="G3583" t="s">
        <v>20</v>
      </c>
      <c r="H3583" t="s">
        <v>13</v>
      </c>
    </row>
    <row r="3584" spans="1:8" x14ac:dyDescent="0.25">
      <c r="A3584" s="1">
        <v>44328</v>
      </c>
      <c r="B3584" t="s">
        <v>2573</v>
      </c>
      <c r="C3584" t="s">
        <v>47</v>
      </c>
      <c r="D3584" t="s">
        <v>10</v>
      </c>
      <c r="E3584" t="s">
        <v>11</v>
      </c>
      <c r="F3584" s="2">
        <v>1</v>
      </c>
      <c r="G3584" t="s">
        <v>20</v>
      </c>
      <c r="H3584" t="s">
        <v>13</v>
      </c>
    </row>
    <row r="3585" spans="1:8" x14ac:dyDescent="0.25">
      <c r="A3585" s="1">
        <v>44328</v>
      </c>
      <c r="B3585" t="s">
        <v>2574</v>
      </c>
      <c r="C3585" t="s">
        <v>19</v>
      </c>
      <c r="D3585" t="s">
        <v>10</v>
      </c>
      <c r="E3585" t="s">
        <v>11</v>
      </c>
      <c r="F3585" s="2">
        <v>1</v>
      </c>
      <c r="G3585" t="s">
        <v>187</v>
      </c>
      <c r="H3585" t="s">
        <v>13</v>
      </c>
    </row>
    <row r="3586" spans="1:8" x14ac:dyDescent="0.25">
      <c r="A3586" s="1">
        <v>44327</v>
      </c>
      <c r="B3586" t="s">
        <v>2575</v>
      </c>
      <c r="C3586" t="s">
        <v>9</v>
      </c>
      <c r="D3586" t="s">
        <v>10</v>
      </c>
      <c r="E3586" t="s">
        <v>11</v>
      </c>
      <c r="F3586" s="2">
        <v>1</v>
      </c>
      <c r="G3586" t="s">
        <v>165</v>
      </c>
      <c r="H3586" t="s">
        <v>13</v>
      </c>
    </row>
    <row r="3587" spans="1:8" x14ac:dyDescent="0.25">
      <c r="A3587" s="1">
        <v>44327</v>
      </c>
      <c r="B3587" t="s">
        <v>2576</v>
      </c>
      <c r="C3587" t="s">
        <v>19</v>
      </c>
      <c r="D3587" t="s">
        <v>10</v>
      </c>
      <c r="E3587" t="s">
        <v>11</v>
      </c>
      <c r="F3587" s="2">
        <v>1</v>
      </c>
      <c r="G3587" t="s">
        <v>569</v>
      </c>
      <c r="H3587" t="s">
        <v>13</v>
      </c>
    </row>
    <row r="3588" spans="1:8" x14ac:dyDescent="0.25">
      <c r="A3588" s="1">
        <v>44327</v>
      </c>
      <c r="B3588" t="s">
        <v>2577</v>
      </c>
      <c r="C3588" t="s">
        <v>9</v>
      </c>
      <c r="D3588" t="s">
        <v>10</v>
      </c>
      <c r="E3588" t="s">
        <v>11</v>
      </c>
      <c r="F3588" s="2">
        <v>1</v>
      </c>
      <c r="G3588" t="s">
        <v>100</v>
      </c>
      <c r="H3588" t="s">
        <v>13</v>
      </c>
    </row>
    <row r="3589" spans="1:8" x14ac:dyDescent="0.25">
      <c r="A3589" s="1">
        <v>44326</v>
      </c>
      <c r="B3589" t="s">
        <v>2578</v>
      </c>
      <c r="C3589" t="s">
        <v>9</v>
      </c>
      <c r="D3589" t="s">
        <v>10</v>
      </c>
      <c r="E3589" t="s">
        <v>11</v>
      </c>
      <c r="F3589" s="2">
        <v>1</v>
      </c>
      <c r="G3589" t="s">
        <v>374</v>
      </c>
      <c r="H3589" t="s">
        <v>13</v>
      </c>
    </row>
    <row r="3590" spans="1:8" x14ac:dyDescent="0.25">
      <c r="A3590" s="1">
        <v>44325</v>
      </c>
      <c r="B3590" t="s">
        <v>2579</v>
      </c>
      <c r="C3590" t="s">
        <v>14</v>
      </c>
      <c r="D3590" t="s">
        <v>10</v>
      </c>
      <c r="E3590" t="s">
        <v>11</v>
      </c>
      <c r="F3590" s="2">
        <v>1</v>
      </c>
      <c r="G3590" t="s">
        <v>37</v>
      </c>
      <c r="H3590" t="s">
        <v>13</v>
      </c>
    </row>
    <row r="3591" spans="1:8" x14ac:dyDescent="0.25">
      <c r="A3591" s="1">
        <v>44325</v>
      </c>
      <c r="B3591" t="s">
        <v>2580</v>
      </c>
      <c r="C3591" t="s">
        <v>86</v>
      </c>
      <c r="D3591" t="s">
        <v>10</v>
      </c>
      <c r="E3591" t="s">
        <v>11</v>
      </c>
      <c r="F3591" s="2">
        <v>1</v>
      </c>
      <c r="G3591" t="s">
        <v>100</v>
      </c>
      <c r="H3591" t="s">
        <v>13</v>
      </c>
    </row>
    <row r="3592" spans="1:8" x14ac:dyDescent="0.25">
      <c r="A3592" s="1">
        <v>44324</v>
      </c>
      <c r="B3592" t="s">
        <v>2581</v>
      </c>
      <c r="C3592" t="s">
        <v>9</v>
      </c>
      <c r="D3592" t="s">
        <v>10</v>
      </c>
      <c r="E3592" t="s">
        <v>11</v>
      </c>
      <c r="F3592" s="2">
        <v>1</v>
      </c>
      <c r="G3592" t="s">
        <v>22</v>
      </c>
      <c r="H3592" t="s">
        <v>13</v>
      </c>
    </row>
    <row r="3593" spans="1:8" x14ac:dyDescent="0.25">
      <c r="A3593" s="1">
        <v>44324</v>
      </c>
      <c r="B3593" t="s">
        <v>2581</v>
      </c>
      <c r="C3593" t="s">
        <v>65</v>
      </c>
      <c r="D3593" t="s">
        <v>10</v>
      </c>
      <c r="E3593" t="s">
        <v>11</v>
      </c>
      <c r="F3593" s="2">
        <v>1</v>
      </c>
      <c r="G3593" t="s">
        <v>22</v>
      </c>
      <c r="H3593" t="s">
        <v>13</v>
      </c>
    </row>
    <row r="3594" spans="1:8" x14ac:dyDescent="0.25">
      <c r="A3594" s="1">
        <v>44324</v>
      </c>
      <c r="B3594" t="s">
        <v>2582</v>
      </c>
      <c r="C3594" t="s">
        <v>115</v>
      </c>
      <c r="D3594" t="s">
        <v>10</v>
      </c>
      <c r="E3594" t="s">
        <v>11</v>
      </c>
      <c r="F3594" s="2">
        <v>1</v>
      </c>
      <c r="G3594" t="s">
        <v>191</v>
      </c>
      <c r="H3594" t="s">
        <v>13</v>
      </c>
    </row>
    <row r="3595" spans="1:8" x14ac:dyDescent="0.25">
      <c r="A3595" s="1">
        <v>44324</v>
      </c>
      <c r="B3595" t="s">
        <v>2583</v>
      </c>
      <c r="C3595" t="s">
        <v>9</v>
      </c>
      <c r="D3595" t="s">
        <v>10</v>
      </c>
      <c r="E3595" t="s">
        <v>11</v>
      </c>
      <c r="F3595" s="2">
        <v>1</v>
      </c>
      <c r="G3595" t="s">
        <v>44</v>
      </c>
      <c r="H3595" t="s">
        <v>13</v>
      </c>
    </row>
    <row r="3596" spans="1:8" x14ac:dyDescent="0.25">
      <c r="A3596" s="1">
        <v>44324</v>
      </c>
      <c r="B3596" t="s">
        <v>2583</v>
      </c>
      <c r="C3596" t="s">
        <v>35</v>
      </c>
      <c r="D3596" t="s">
        <v>10</v>
      </c>
      <c r="E3596" t="s">
        <v>11</v>
      </c>
      <c r="F3596" s="2">
        <v>1</v>
      </c>
      <c r="G3596" t="s">
        <v>44</v>
      </c>
      <c r="H3596" t="s">
        <v>13</v>
      </c>
    </row>
    <row r="3597" spans="1:8" x14ac:dyDescent="0.25">
      <c r="A3597" s="1">
        <v>44324</v>
      </c>
      <c r="B3597" t="s">
        <v>2583</v>
      </c>
      <c r="C3597" t="s">
        <v>47</v>
      </c>
      <c r="D3597" t="s">
        <v>10</v>
      </c>
      <c r="E3597" t="s">
        <v>11</v>
      </c>
      <c r="F3597" s="2">
        <v>1</v>
      </c>
      <c r="G3597" t="s">
        <v>44</v>
      </c>
      <c r="H3597" t="s">
        <v>13</v>
      </c>
    </row>
    <row r="3598" spans="1:8" x14ac:dyDescent="0.25">
      <c r="A3598" s="1">
        <v>44323</v>
      </c>
      <c r="B3598" t="s">
        <v>2584</v>
      </c>
      <c r="C3598" t="s">
        <v>16</v>
      </c>
      <c r="D3598" t="s">
        <v>10</v>
      </c>
      <c r="E3598" t="s">
        <v>11</v>
      </c>
      <c r="F3598" s="2">
        <v>1</v>
      </c>
      <c r="G3598" t="s">
        <v>1290</v>
      </c>
      <c r="H3598" t="s">
        <v>13</v>
      </c>
    </row>
    <row r="3599" spans="1:8" x14ac:dyDescent="0.25">
      <c r="A3599" s="1">
        <v>44323</v>
      </c>
      <c r="B3599" t="s">
        <v>2584</v>
      </c>
      <c r="C3599" t="s">
        <v>149</v>
      </c>
      <c r="D3599" t="s">
        <v>10</v>
      </c>
      <c r="E3599" t="s">
        <v>11</v>
      </c>
      <c r="F3599" s="2">
        <v>1</v>
      </c>
      <c r="G3599" t="s">
        <v>1290</v>
      </c>
      <c r="H3599" t="s">
        <v>13</v>
      </c>
    </row>
    <row r="3600" spans="1:8" x14ac:dyDescent="0.25">
      <c r="A3600" s="1">
        <v>44323</v>
      </c>
      <c r="B3600" t="s">
        <v>2584</v>
      </c>
      <c r="C3600" t="s">
        <v>47</v>
      </c>
      <c r="D3600" t="s">
        <v>10</v>
      </c>
      <c r="E3600" t="s">
        <v>11</v>
      </c>
      <c r="F3600" s="2">
        <v>1</v>
      </c>
      <c r="G3600" t="s">
        <v>1290</v>
      </c>
      <c r="H3600" t="s">
        <v>13</v>
      </c>
    </row>
    <row r="3601" spans="1:8" x14ac:dyDescent="0.25">
      <c r="A3601" s="1">
        <v>44323</v>
      </c>
      <c r="B3601" t="s">
        <v>2584</v>
      </c>
      <c r="C3601" t="s">
        <v>282</v>
      </c>
      <c r="D3601" t="s">
        <v>10</v>
      </c>
      <c r="E3601" t="s">
        <v>11</v>
      </c>
      <c r="F3601" s="2">
        <v>1</v>
      </c>
      <c r="G3601" t="s">
        <v>1290</v>
      </c>
      <c r="H3601" t="s">
        <v>13</v>
      </c>
    </row>
    <row r="3602" spans="1:8" x14ac:dyDescent="0.25">
      <c r="A3602" s="1">
        <v>44323</v>
      </c>
      <c r="B3602" t="s">
        <v>2584</v>
      </c>
      <c r="C3602" t="s">
        <v>151</v>
      </c>
      <c r="D3602" t="s">
        <v>10</v>
      </c>
      <c r="E3602" t="s">
        <v>11</v>
      </c>
      <c r="F3602" s="2">
        <v>1</v>
      </c>
      <c r="G3602" t="s">
        <v>1290</v>
      </c>
      <c r="H3602" t="s">
        <v>13</v>
      </c>
    </row>
    <row r="3603" spans="1:8" x14ac:dyDescent="0.25">
      <c r="A3603" s="1">
        <v>44321</v>
      </c>
      <c r="B3603" t="s">
        <v>2585</v>
      </c>
      <c r="C3603" t="s">
        <v>74</v>
      </c>
      <c r="D3603" t="s">
        <v>10</v>
      </c>
      <c r="E3603" t="s">
        <v>11</v>
      </c>
      <c r="F3603" s="2">
        <v>1</v>
      </c>
      <c r="G3603" t="s">
        <v>2586</v>
      </c>
      <c r="H3603" t="s">
        <v>13</v>
      </c>
    </row>
    <row r="3604" spans="1:8" x14ac:dyDescent="0.25">
      <c r="A3604" s="1">
        <v>44319</v>
      </c>
      <c r="B3604" t="s">
        <v>2587</v>
      </c>
      <c r="C3604" t="s">
        <v>9</v>
      </c>
      <c r="D3604" t="s">
        <v>26</v>
      </c>
      <c r="E3604" t="s">
        <v>11</v>
      </c>
      <c r="F3604" s="2">
        <v>1</v>
      </c>
      <c r="G3604" t="s">
        <v>20</v>
      </c>
      <c r="H3604" t="s">
        <v>13</v>
      </c>
    </row>
    <row r="3605" spans="1:8" x14ac:dyDescent="0.25">
      <c r="A3605" s="1">
        <v>44319</v>
      </c>
      <c r="B3605" t="s">
        <v>2587</v>
      </c>
      <c r="C3605" t="s">
        <v>35</v>
      </c>
      <c r="D3605" t="s">
        <v>26</v>
      </c>
      <c r="E3605" t="s">
        <v>11</v>
      </c>
      <c r="F3605" s="2">
        <v>1</v>
      </c>
      <c r="G3605" t="s">
        <v>20</v>
      </c>
      <c r="H3605" t="s">
        <v>13</v>
      </c>
    </row>
    <row r="3606" spans="1:8" x14ac:dyDescent="0.25">
      <c r="A3606" s="1">
        <v>44319</v>
      </c>
      <c r="B3606" t="s">
        <v>2588</v>
      </c>
      <c r="C3606" t="s">
        <v>731</v>
      </c>
      <c r="D3606" t="s">
        <v>26</v>
      </c>
      <c r="E3606" t="s">
        <v>11</v>
      </c>
      <c r="F3606" s="2">
        <v>1</v>
      </c>
      <c r="G3606" t="s">
        <v>20</v>
      </c>
      <c r="H3606" t="s">
        <v>13</v>
      </c>
    </row>
    <row r="3607" spans="1:8" x14ac:dyDescent="0.25">
      <c r="A3607" s="1">
        <v>44319</v>
      </c>
      <c r="B3607" t="s">
        <v>2589</v>
      </c>
      <c r="C3607" t="s">
        <v>9</v>
      </c>
      <c r="D3607" t="s">
        <v>10</v>
      </c>
      <c r="E3607" t="s">
        <v>11</v>
      </c>
      <c r="F3607" s="2">
        <v>1</v>
      </c>
      <c r="G3607" t="s">
        <v>157</v>
      </c>
      <c r="H3607" t="s">
        <v>13</v>
      </c>
    </row>
    <row r="3608" spans="1:8" x14ac:dyDescent="0.25">
      <c r="A3608" s="1">
        <v>44318</v>
      </c>
      <c r="B3608" t="s">
        <v>2590</v>
      </c>
      <c r="C3608" t="s">
        <v>96</v>
      </c>
      <c r="D3608" t="s">
        <v>10</v>
      </c>
      <c r="E3608" t="s">
        <v>11</v>
      </c>
      <c r="F3608" s="2">
        <v>1</v>
      </c>
      <c r="G3608" t="s">
        <v>100</v>
      </c>
      <c r="H3608" t="s">
        <v>13</v>
      </c>
    </row>
    <row r="3609" spans="1:8" x14ac:dyDescent="0.25">
      <c r="A3609" s="1">
        <v>44317</v>
      </c>
      <c r="B3609" t="s">
        <v>2591</v>
      </c>
      <c r="C3609" t="s">
        <v>9</v>
      </c>
      <c r="D3609" t="s">
        <v>10</v>
      </c>
      <c r="E3609" t="s">
        <v>11</v>
      </c>
      <c r="F3609" s="2">
        <v>1</v>
      </c>
      <c r="G3609" t="s">
        <v>83</v>
      </c>
      <c r="H3609" t="s">
        <v>13</v>
      </c>
    </row>
    <row r="3610" spans="1:8" x14ac:dyDescent="0.25">
      <c r="A3610" s="1">
        <v>44317</v>
      </c>
      <c r="B3610" t="s">
        <v>2591</v>
      </c>
      <c r="C3610" t="s">
        <v>28</v>
      </c>
      <c r="D3610" t="s">
        <v>10</v>
      </c>
      <c r="E3610" t="s">
        <v>11</v>
      </c>
      <c r="F3610" s="2">
        <v>1</v>
      </c>
      <c r="G3610" t="s">
        <v>83</v>
      </c>
      <c r="H3610" t="s">
        <v>13</v>
      </c>
    </row>
    <row r="3611" spans="1:8" x14ac:dyDescent="0.25">
      <c r="A3611" s="1">
        <v>44317</v>
      </c>
      <c r="B3611" t="s">
        <v>2592</v>
      </c>
      <c r="C3611" t="s">
        <v>9</v>
      </c>
      <c r="D3611" t="s">
        <v>10</v>
      </c>
      <c r="E3611" t="s">
        <v>11</v>
      </c>
      <c r="F3611" s="2">
        <v>1</v>
      </c>
      <c r="G3611" t="s">
        <v>953</v>
      </c>
      <c r="H3611" t="s">
        <v>13</v>
      </c>
    </row>
    <row r="3612" spans="1:8" x14ac:dyDescent="0.25">
      <c r="A3612" s="1">
        <v>44317</v>
      </c>
      <c r="B3612" t="s">
        <v>2592</v>
      </c>
      <c r="C3612" t="s">
        <v>35</v>
      </c>
      <c r="D3612" t="s">
        <v>10</v>
      </c>
      <c r="E3612" t="s">
        <v>11</v>
      </c>
      <c r="F3612" s="2">
        <v>1</v>
      </c>
      <c r="G3612" t="s">
        <v>953</v>
      </c>
      <c r="H3612" t="s">
        <v>13</v>
      </c>
    </row>
    <row r="3613" spans="1:8" x14ac:dyDescent="0.25">
      <c r="A3613" s="1">
        <v>44316</v>
      </c>
      <c r="B3613" t="s">
        <v>2593</v>
      </c>
      <c r="C3613" t="s">
        <v>731</v>
      </c>
      <c r="D3613" t="s">
        <v>26</v>
      </c>
      <c r="E3613" t="s">
        <v>11</v>
      </c>
      <c r="F3613" s="2">
        <v>1</v>
      </c>
      <c r="G3613" t="s">
        <v>20</v>
      </c>
      <c r="H3613" t="s">
        <v>13</v>
      </c>
    </row>
    <row r="3614" spans="1:8" x14ac:dyDescent="0.25">
      <c r="A3614" s="1">
        <v>44316</v>
      </c>
      <c r="B3614" t="s">
        <v>2594</v>
      </c>
      <c r="C3614" t="s">
        <v>780</v>
      </c>
      <c r="D3614" t="s">
        <v>10</v>
      </c>
      <c r="E3614" t="s">
        <v>11</v>
      </c>
      <c r="F3614" s="2">
        <v>1</v>
      </c>
      <c r="G3614" t="s">
        <v>251</v>
      </c>
      <c r="H3614" t="s">
        <v>13</v>
      </c>
    </row>
    <row r="3615" spans="1:8" x14ac:dyDescent="0.25">
      <c r="A3615" s="1">
        <v>44315</v>
      </c>
      <c r="B3615" t="s">
        <v>2595</v>
      </c>
      <c r="C3615" t="s">
        <v>34</v>
      </c>
      <c r="D3615" t="s">
        <v>10</v>
      </c>
      <c r="E3615" t="s">
        <v>11</v>
      </c>
      <c r="F3615" s="2">
        <v>1</v>
      </c>
      <c r="G3615" t="s">
        <v>111</v>
      </c>
      <c r="H3615" t="s">
        <v>13</v>
      </c>
    </row>
    <row r="3616" spans="1:8" x14ac:dyDescent="0.25">
      <c r="A3616" s="1">
        <v>44315</v>
      </c>
      <c r="B3616" t="s">
        <v>2595</v>
      </c>
      <c r="C3616" t="s">
        <v>9</v>
      </c>
      <c r="D3616" t="s">
        <v>10</v>
      </c>
      <c r="E3616" t="s">
        <v>11</v>
      </c>
      <c r="F3616" s="2">
        <v>1</v>
      </c>
      <c r="G3616" t="s">
        <v>111</v>
      </c>
      <c r="H3616" t="s">
        <v>13</v>
      </c>
    </row>
    <row r="3617" spans="1:8" x14ac:dyDescent="0.25">
      <c r="A3617" s="1">
        <v>44315</v>
      </c>
      <c r="B3617" t="s">
        <v>2595</v>
      </c>
      <c r="C3617" t="s">
        <v>35</v>
      </c>
      <c r="D3617" t="s">
        <v>10</v>
      </c>
      <c r="E3617" t="s">
        <v>11</v>
      </c>
      <c r="F3617" s="2">
        <v>1</v>
      </c>
      <c r="G3617" t="s">
        <v>111</v>
      </c>
      <c r="H3617" t="s">
        <v>13</v>
      </c>
    </row>
    <row r="3618" spans="1:8" x14ac:dyDescent="0.25">
      <c r="A3618" s="1">
        <v>44315</v>
      </c>
      <c r="B3618" t="s">
        <v>2596</v>
      </c>
      <c r="C3618" t="s">
        <v>47</v>
      </c>
      <c r="D3618" t="s">
        <v>10</v>
      </c>
      <c r="E3618" t="s">
        <v>11</v>
      </c>
      <c r="F3618" s="2">
        <v>1</v>
      </c>
      <c r="G3618" t="s">
        <v>748</v>
      </c>
      <c r="H3618" t="s">
        <v>13</v>
      </c>
    </row>
    <row r="3619" spans="1:8" x14ac:dyDescent="0.25">
      <c r="A3619" s="1">
        <v>44315</v>
      </c>
      <c r="B3619" t="s">
        <v>2596</v>
      </c>
      <c r="C3619" t="s">
        <v>47</v>
      </c>
      <c r="D3619" t="s">
        <v>10</v>
      </c>
      <c r="E3619" t="s">
        <v>11</v>
      </c>
      <c r="F3619" s="2">
        <v>1</v>
      </c>
      <c r="G3619" t="s">
        <v>748</v>
      </c>
      <c r="H3619" t="s">
        <v>13</v>
      </c>
    </row>
    <row r="3620" spans="1:8" x14ac:dyDescent="0.25">
      <c r="A3620" s="1">
        <v>44314</v>
      </c>
      <c r="B3620" t="s">
        <v>2597</v>
      </c>
      <c r="C3620" t="s">
        <v>19</v>
      </c>
      <c r="D3620" t="s">
        <v>10</v>
      </c>
      <c r="E3620" t="s">
        <v>11</v>
      </c>
      <c r="F3620" s="2">
        <v>1</v>
      </c>
      <c r="G3620" t="s">
        <v>37</v>
      </c>
      <c r="H3620" t="s">
        <v>13</v>
      </c>
    </row>
    <row r="3621" spans="1:8" x14ac:dyDescent="0.25">
      <c r="A3621" s="1">
        <v>44310</v>
      </c>
      <c r="B3621" t="s">
        <v>2598</v>
      </c>
      <c r="C3621" t="s">
        <v>47</v>
      </c>
      <c r="D3621" t="s">
        <v>10</v>
      </c>
      <c r="E3621" t="s">
        <v>11</v>
      </c>
      <c r="F3621" s="2">
        <v>1</v>
      </c>
      <c r="G3621" t="s">
        <v>83</v>
      </c>
      <c r="H3621" t="s">
        <v>13</v>
      </c>
    </row>
    <row r="3622" spans="1:8" x14ac:dyDescent="0.25">
      <c r="A3622" s="1">
        <v>44310</v>
      </c>
      <c r="B3622" t="s">
        <v>2599</v>
      </c>
      <c r="C3622" t="s">
        <v>9</v>
      </c>
      <c r="D3622" t="s">
        <v>10</v>
      </c>
      <c r="E3622" t="s">
        <v>11</v>
      </c>
      <c r="F3622" s="2">
        <v>1</v>
      </c>
      <c r="G3622" t="s">
        <v>20</v>
      </c>
      <c r="H3622" t="s">
        <v>13</v>
      </c>
    </row>
    <row r="3623" spans="1:8" x14ac:dyDescent="0.25">
      <c r="A3623" s="1">
        <v>44310</v>
      </c>
      <c r="B3623" t="s">
        <v>2599</v>
      </c>
      <c r="C3623" t="s">
        <v>29</v>
      </c>
      <c r="D3623" t="s">
        <v>10</v>
      </c>
      <c r="E3623" t="s">
        <v>11</v>
      </c>
      <c r="F3623" s="2">
        <v>1</v>
      </c>
      <c r="G3623" t="s">
        <v>20</v>
      </c>
      <c r="H3623" t="s">
        <v>13</v>
      </c>
    </row>
    <row r="3624" spans="1:8" x14ac:dyDescent="0.25">
      <c r="A3624" s="1">
        <v>44310</v>
      </c>
      <c r="B3624" t="s">
        <v>2599</v>
      </c>
      <c r="C3624" t="s">
        <v>35</v>
      </c>
      <c r="D3624" t="s">
        <v>10</v>
      </c>
      <c r="E3624" t="s">
        <v>11</v>
      </c>
      <c r="F3624" s="2">
        <v>1</v>
      </c>
      <c r="G3624" t="s">
        <v>20</v>
      </c>
      <c r="H3624" t="s">
        <v>13</v>
      </c>
    </row>
    <row r="3625" spans="1:8" x14ac:dyDescent="0.25">
      <c r="A3625" s="1">
        <v>44309</v>
      </c>
      <c r="B3625" t="s">
        <v>2600</v>
      </c>
      <c r="C3625" t="s">
        <v>1698</v>
      </c>
      <c r="D3625" t="s">
        <v>10</v>
      </c>
      <c r="E3625" t="s">
        <v>11</v>
      </c>
      <c r="F3625" s="2">
        <v>1</v>
      </c>
      <c r="G3625" t="s">
        <v>63</v>
      </c>
      <c r="H3625" t="s">
        <v>13</v>
      </c>
    </row>
    <row r="3626" spans="1:8" x14ac:dyDescent="0.25">
      <c r="A3626" s="1">
        <v>44308</v>
      </c>
      <c r="B3626" t="s">
        <v>2601</v>
      </c>
      <c r="C3626" t="s">
        <v>86</v>
      </c>
      <c r="D3626" t="s">
        <v>10</v>
      </c>
      <c r="E3626" t="s">
        <v>11</v>
      </c>
      <c r="F3626" s="2">
        <v>1</v>
      </c>
      <c r="G3626" t="s">
        <v>100</v>
      </c>
      <c r="H3626" t="s">
        <v>13</v>
      </c>
    </row>
    <row r="3627" spans="1:8" x14ac:dyDescent="0.25">
      <c r="A3627" s="1">
        <v>44308</v>
      </c>
      <c r="B3627" t="s">
        <v>2602</v>
      </c>
      <c r="C3627" t="s">
        <v>9</v>
      </c>
      <c r="D3627" t="s">
        <v>10</v>
      </c>
      <c r="E3627" t="s">
        <v>11</v>
      </c>
      <c r="F3627" s="2">
        <v>1</v>
      </c>
      <c r="G3627" t="s">
        <v>216</v>
      </c>
      <c r="H3627" t="s">
        <v>13</v>
      </c>
    </row>
    <row r="3628" spans="1:8" x14ac:dyDescent="0.25">
      <c r="A3628" s="1">
        <v>44308</v>
      </c>
      <c r="B3628" t="s">
        <v>2602</v>
      </c>
      <c r="C3628" t="s">
        <v>271</v>
      </c>
      <c r="D3628" t="s">
        <v>10</v>
      </c>
      <c r="E3628" t="s">
        <v>11</v>
      </c>
      <c r="F3628" s="2">
        <v>1</v>
      </c>
      <c r="G3628" t="s">
        <v>216</v>
      </c>
      <c r="H3628" t="s">
        <v>13</v>
      </c>
    </row>
    <row r="3629" spans="1:8" x14ac:dyDescent="0.25">
      <c r="A3629" s="1">
        <v>44308</v>
      </c>
      <c r="B3629" t="s">
        <v>2602</v>
      </c>
      <c r="C3629" t="s">
        <v>65</v>
      </c>
      <c r="D3629" t="s">
        <v>10</v>
      </c>
      <c r="E3629" t="s">
        <v>11</v>
      </c>
      <c r="F3629" s="2">
        <v>1</v>
      </c>
      <c r="G3629" t="s">
        <v>216</v>
      </c>
      <c r="H3629" t="s">
        <v>13</v>
      </c>
    </row>
    <row r="3630" spans="1:8" x14ac:dyDescent="0.25">
      <c r="A3630" s="1">
        <v>44307</v>
      </c>
      <c r="B3630" t="s">
        <v>2603</v>
      </c>
      <c r="C3630" t="s">
        <v>47</v>
      </c>
      <c r="D3630" t="s">
        <v>10</v>
      </c>
      <c r="E3630" t="s">
        <v>11</v>
      </c>
      <c r="F3630" s="2">
        <v>1</v>
      </c>
      <c r="G3630" t="s">
        <v>650</v>
      </c>
      <c r="H3630" t="s">
        <v>13</v>
      </c>
    </row>
    <row r="3631" spans="1:8" x14ac:dyDescent="0.25">
      <c r="A3631" s="1">
        <v>44307</v>
      </c>
      <c r="B3631" t="s">
        <v>2604</v>
      </c>
      <c r="C3631" t="s">
        <v>86</v>
      </c>
      <c r="D3631" t="s">
        <v>10</v>
      </c>
      <c r="E3631" t="s">
        <v>11</v>
      </c>
      <c r="F3631" s="2">
        <v>1</v>
      </c>
      <c r="G3631" t="s">
        <v>100</v>
      </c>
      <c r="H3631" t="s">
        <v>13</v>
      </c>
    </row>
    <row r="3632" spans="1:8" x14ac:dyDescent="0.25">
      <c r="A3632" s="1">
        <v>44306</v>
      </c>
      <c r="B3632" t="s">
        <v>2605</v>
      </c>
      <c r="C3632" t="s">
        <v>9</v>
      </c>
      <c r="D3632" t="s">
        <v>10</v>
      </c>
      <c r="E3632" t="s">
        <v>11</v>
      </c>
      <c r="F3632" s="2">
        <v>1</v>
      </c>
      <c r="G3632" t="s">
        <v>135</v>
      </c>
      <c r="H3632" t="s">
        <v>13</v>
      </c>
    </row>
    <row r="3633" spans="1:8" x14ac:dyDescent="0.25">
      <c r="A3633" s="1">
        <v>44305</v>
      </c>
      <c r="B3633" t="s">
        <v>2606</v>
      </c>
      <c r="C3633" t="s">
        <v>79</v>
      </c>
      <c r="D3633" t="s">
        <v>10</v>
      </c>
      <c r="E3633" t="s">
        <v>11</v>
      </c>
      <c r="F3633" s="2">
        <v>1</v>
      </c>
      <c r="G3633" t="s">
        <v>111</v>
      </c>
      <c r="H3633" t="s">
        <v>13</v>
      </c>
    </row>
    <row r="3634" spans="1:8" x14ac:dyDescent="0.25">
      <c r="A3634" s="1">
        <v>44305</v>
      </c>
      <c r="B3634" t="s">
        <v>2606</v>
      </c>
      <c r="C3634" t="s">
        <v>80</v>
      </c>
      <c r="D3634" t="s">
        <v>10</v>
      </c>
      <c r="E3634" t="s">
        <v>11</v>
      </c>
      <c r="F3634" s="2">
        <v>1</v>
      </c>
      <c r="G3634" t="s">
        <v>111</v>
      </c>
      <c r="H3634" t="s">
        <v>13</v>
      </c>
    </row>
    <row r="3635" spans="1:8" x14ac:dyDescent="0.25">
      <c r="A3635" s="1">
        <v>44305</v>
      </c>
      <c r="B3635" t="s">
        <v>2607</v>
      </c>
      <c r="C3635" t="s">
        <v>58</v>
      </c>
      <c r="D3635" t="s">
        <v>10</v>
      </c>
      <c r="E3635" t="s">
        <v>11</v>
      </c>
      <c r="F3635" s="2">
        <v>1</v>
      </c>
      <c r="G3635" t="s">
        <v>181</v>
      </c>
      <c r="H3635" t="s">
        <v>13</v>
      </c>
    </row>
    <row r="3636" spans="1:8" x14ac:dyDescent="0.25">
      <c r="A3636" s="1">
        <v>44305</v>
      </c>
      <c r="B3636" t="s">
        <v>2608</v>
      </c>
      <c r="C3636" t="s">
        <v>52</v>
      </c>
      <c r="D3636" t="s">
        <v>10</v>
      </c>
      <c r="E3636" t="s">
        <v>11</v>
      </c>
      <c r="F3636" s="2">
        <v>1</v>
      </c>
      <c r="G3636" t="s">
        <v>289</v>
      </c>
      <c r="H3636" t="s">
        <v>13</v>
      </c>
    </row>
    <row r="3637" spans="1:8" x14ac:dyDescent="0.25">
      <c r="A3637" s="1">
        <v>44305</v>
      </c>
      <c r="B3637" t="s">
        <v>2608</v>
      </c>
      <c r="C3637" t="s">
        <v>52</v>
      </c>
      <c r="D3637" t="s">
        <v>10</v>
      </c>
      <c r="E3637" t="s">
        <v>11</v>
      </c>
      <c r="F3637" s="2">
        <v>1</v>
      </c>
      <c r="G3637" t="s">
        <v>289</v>
      </c>
      <c r="H3637" t="s">
        <v>13</v>
      </c>
    </row>
    <row r="3638" spans="1:8" x14ac:dyDescent="0.25">
      <c r="A3638" s="1">
        <v>44305</v>
      </c>
      <c r="B3638" t="s">
        <v>2608</v>
      </c>
      <c r="C3638" t="s">
        <v>149</v>
      </c>
      <c r="D3638" t="s">
        <v>10</v>
      </c>
      <c r="E3638" t="s">
        <v>11</v>
      </c>
      <c r="F3638" s="2">
        <v>1</v>
      </c>
      <c r="G3638" t="s">
        <v>289</v>
      </c>
      <c r="H3638" t="s">
        <v>13</v>
      </c>
    </row>
    <row r="3639" spans="1:8" x14ac:dyDescent="0.25">
      <c r="A3639" s="1">
        <v>44305</v>
      </c>
      <c r="B3639" t="s">
        <v>2608</v>
      </c>
      <c r="C3639" t="s">
        <v>149</v>
      </c>
      <c r="D3639" t="s">
        <v>10</v>
      </c>
      <c r="E3639" t="s">
        <v>11</v>
      </c>
      <c r="F3639" s="2">
        <v>1</v>
      </c>
      <c r="G3639" t="s">
        <v>289</v>
      </c>
      <c r="H3639" t="s">
        <v>13</v>
      </c>
    </row>
    <row r="3640" spans="1:8" x14ac:dyDescent="0.25">
      <c r="A3640" s="1">
        <v>44305</v>
      </c>
      <c r="B3640" t="s">
        <v>2608</v>
      </c>
      <c r="C3640" t="s">
        <v>379</v>
      </c>
      <c r="D3640" t="s">
        <v>10</v>
      </c>
      <c r="E3640" t="s">
        <v>11</v>
      </c>
      <c r="F3640" s="2">
        <v>1</v>
      </c>
      <c r="G3640" t="s">
        <v>289</v>
      </c>
      <c r="H3640" t="s">
        <v>13</v>
      </c>
    </row>
    <row r="3641" spans="1:8" x14ac:dyDescent="0.25">
      <c r="A3641" s="1">
        <v>44305</v>
      </c>
      <c r="B3641" t="s">
        <v>2608</v>
      </c>
      <c r="C3641" t="s">
        <v>379</v>
      </c>
      <c r="D3641" t="s">
        <v>10</v>
      </c>
      <c r="E3641" t="s">
        <v>11</v>
      </c>
      <c r="F3641" s="2">
        <v>1</v>
      </c>
      <c r="G3641" t="s">
        <v>289</v>
      </c>
      <c r="H3641" t="s">
        <v>13</v>
      </c>
    </row>
    <row r="3642" spans="1:8" x14ac:dyDescent="0.25">
      <c r="A3642" s="1">
        <v>44305</v>
      </c>
      <c r="B3642" t="s">
        <v>2608</v>
      </c>
      <c r="C3642" t="s">
        <v>199</v>
      </c>
      <c r="D3642" t="s">
        <v>10</v>
      </c>
      <c r="E3642" t="s">
        <v>11</v>
      </c>
      <c r="F3642" s="2">
        <v>1</v>
      </c>
      <c r="G3642" t="s">
        <v>289</v>
      </c>
      <c r="H3642" t="s">
        <v>13</v>
      </c>
    </row>
    <row r="3643" spans="1:8" x14ac:dyDescent="0.25">
      <c r="A3643" s="1">
        <v>44305</v>
      </c>
      <c r="B3643" t="s">
        <v>2608</v>
      </c>
      <c r="C3643" t="s">
        <v>199</v>
      </c>
      <c r="D3643" t="s">
        <v>10</v>
      </c>
      <c r="E3643" t="s">
        <v>11</v>
      </c>
      <c r="F3643" s="2">
        <v>1</v>
      </c>
      <c r="G3643" t="s">
        <v>289</v>
      </c>
      <c r="H3643" t="s">
        <v>13</v>
      </c>
    </row>
    <row r="3644" spans="1:8" x14ac:dyDescent="0.25">
      <c r="A3644" s="1">
        <v>44304</v>
      </c>
      <c r="B3644" t="s">
        <v>2609</v>
      </c>
      <c r="C3644" t="s">
        <v>510</v>
      </c>
      <c r="D3644" t="s">
        <v>10</v>
      </c>
      <c r="E3644" t="s">
        <v>11</v>
      </c>
      <c r="F3644" s="2">
        <v>1</v>
      </c>
      <c r="G3644" t="s">
        <v>100</v>
      </c>
      <c r="H3644" t="s">
        <v>13</v>
      </c>
    </row>
    <row r="3645" spans="1:8" x14ac:dyDescent="0.25">
      <c r="A3645" s="1">
        <v>44304</v>
      </c>
      <c r="B3645" t="s">
        <v>2610</v>
      </c>
      <c r="C3645" t="s">
        <v>174</v>
      </c>
      <c r="D3645" t="s">
        <v>10</v>
      </c>
      <c r="E3645" t="s">
        <v>11</v>
      </c>
      <c r="F3645" s="2">
        <v>1</v>
      </c>
      <c r="G3645" t="s">
        <v>1263</v>
      </c>
      <c r="H3645" t="s">
        <v>13</v>
      </c>
    </row>
    <row r="3646" spans="1:8" x14ac:dyDescent="0.25">
      <c r="A3646" s="1">
        <v>44301</v>
      </c>
      <c r="B3646" t="s">
        <v>2611</v>
      </c>
      <c r="C3646" t="s">
        <v>222</v>
      </c>
      <c r="D3646" t="s">
        <v>10</v>
      </c>
      <c r="E3646" t="s">
        <v>11</v>
      </c>
      <c r="F3646" s="2">
        <v>1</v>
      </c>
      <c r="G3646" t="s">
        <v>31</v>
      </c>
      <c r="H3646" t="s">
        <v>13</v>
      </c>
    </row>
    <row r="3647" spans="1:8" x14ac:dyDescent="0.25">
      <c r="A3647" s="1">
        <v>44301</v>
      </c>
      <c r="B3647" t="s">
        <v>2612</v>
      </c>
      <c r="C3647" t="s">
        <v>19</v>
      </c>
      <c r="D3647" t="s">
        <v>10</v>
      </c>
      <c r="E3647" t="s">
        <v>11</v>
      </c>
      <c r="F3647" s="2">
        <v>1</v>
      </c>
      <c r="G3647" t="s">
        <v>53</v>
      </c>
      <c r="H3647" t="s">
        <v>13</v>
      </c>
    </row>
    <row r="3648" spans="1:8" x14ac:dyDescent="0.25">
      <c r="A3648" s="1">
        <v>44301</v>
      </c>
      <c r="B3648" t="s">
        <v>2613</v>
      </c>
      <c r="C3648" t="s">
        <v>484</v>
      </c>
      <c r="D3648" t="s">
        <v>10</v>
      </c>
      <c r="E3648" t="s">
        <v>11</v>
      </c>
      <c r="F3648" s="2">
        <v>1</v>
      </c>
      <c r="G3648" t="s">
        <v>2614</v>
      </c>
      <c r="H3648" t="s">
        <v>13</v>
      </c>
    </row>
    <row r="3649" spans="1:8" x14ac:dyDescent="0.25">
      <c r="A3649" s="1">
        <v>44301</v>
      </c>
      <c r="B3649" t="s">
        <v>2615</v>
      </c>
      <c r="C3649" t="s">
        <v>731</v>
      </c>
      <c r="D3649" t="s">
        <v>26</v>
      </c>
      <c r="E3649" t="s">
        <v>11</v>
      </c>
      <c r="F3649" s="2">
        <v>1</v>
      </c>
      <c r="G3649" t="s">
        <v>20</v>
      </c>
      <c r="H3649" t="s">
        <v>13</v>
      </c>
    </row>
    <row r="3650" spans="1:8" x14ac:dyDescent="0.25">
      <c r="A3650" s="1">
        <v>44301</v>
      </c>
      <c r="B3650" t="s">
        <v>2616</v>
      </c>
      <c r="C3650" t="s">
        <v>1918</v>
      </c>
      <c r="D3650" t="s">
        <v>10</v>
      </c>
      <c r="E3650" t="s">
        <v>11</v>
      </c>
      <c r="F3650" s="2">
        <v>1</v>
      </c>
      <c r="G3650" t="s">
        <v>20</v>
      </c>
      <c r="H3650" t="s">
        <v>13</v>
      </c>
    </row>
    <row r="3651" spans="1:8" x14ac:dyDescent="0.25">
      <c r="A3651" s="1">
        <v>44300</v>
      </c>
      <c r="B3651" t="s">
        <v>2617</v>
      </c>
      <c r="C3651" t="s">
        <v>9</v>
      </c>
      <c r="D3651" t="s">
        <v>10</v>
      </c>
      <c r="E3651" t="s">
        <v>11</v>
      </c>
      <c r="F3651" s="2">
        <v>1</v>
      </c>
      <c r="G3651" t="s">
        <v>661</v>
      </c>
      <c r="H3651" t="s">
        <v>13</v>
      </c>
    </row>
    <row r="3652" spans="1:8" x14ac:dyDescent="0.25">
      <c r="A3652" s="1">
        <v>44300</v>
      </c>
      <c r="B3652" t="s">
        <v>2618</v>
      </c>
      <c r="C3652" t="s">
        <v>19</v>
      </c>
      <c r="D3652" t="s">
        <v>10</v>
      </c>
      <c r="E3652" t="s">
        <v>11</v>
      </c>
      <c r="F3652" s="2">
        <v>1</v>
      </c>
      <c r="G3652" t="s">
        <v>111</v>
      </c>
      <c r="H3652" t="s">
        <v>13</v>
      </c>
    </row>
    <row r="3653" spans="1:8" x14ac:dyDescent="0.25">
      <c r="A3653" s="1">
        <v>44299</v>
      </c>
      <c r="B3653" t="s">
        <v>2619</v>
      </c>
      <c r="C3653" t="s">
        <v>74</v>
      </c>
      <c r="D3653" t="s">
        <v>10</v>
      </c>
      <c r="E3653" t="s">
        <v>11</v>
      </c>
      <c r="F3653" s="2">
        <v>1</v>
      </c>
      <c r="G3653" t="s">
        <v>20</v>
      </c>
      <c r="H3653" t="s">
        <v>13</v>
      </c>
    </row>
    <row r="3654" spans="1:8" x14ac:dyDescent="0.25">
      <c r="A3654" s="1">
        <v>44299</v>
      </c>
      <c r="B3654" t="s">
        <v>2620</v>
      </c>
      <c r="C3654" t="s">
        <v>35</v>
      </c>
      <c r="D3654" t="s">
        <v>10</v>
      </c>
      <c r="E3654" t="s">
        <v>11</v>
      </c>
      <c r="F3654" s="2">
        <v>1</v>
      </c>
      <c r="G3654" t="s">
        <v>20</v>
      </c>
      <c r="H3654" t="s">
        <v>13</v>
      </c>
    </row>
    <row r="3655" spans="1:8" x14ac:dyDescent="0.25">
      <c r="A3655" s="1">
        <v>44299</v>
      </c>
      <c r="B3655" t="s">
        <v>2621</v>
      </c>
      <c r="C3655" t="s">
        <v>9</v>
      </c>
      <c r="D3655" t="s">
        <v>10</v>
      </c>
      <c r="E3655" t="s">
        <v>11</v>
      </c>
      <c r="F3655" s="2">
        <v>1</v>
      </c>
      <c r="G3655" t="s">
        <v>374</v>
      </c>
      <c r="H3655" t="s">
        <v>13</v>
      </c>
    </row>
    <row r="3656" spans="1:8" x14ac:dyDescent="0.25">
      <c r="A3656" s="1">
        <v>44298</v>
      </c>
      <c r="B3656" t="s">
        <v>2622</v>
      </c>
      <c r="C3656" t="s">
        <v>9</v>
      </c>
      <c r="D3656" t="s">
        <v>10</v>
      </c>
      <c r="E3656" t="s">
        <v>11</v>
      </c>
      <c r="F3656" s="2">
        <v>1</v>
      </c>
      <c r="G3656" t="s">
        <v>1263</v>
      </c>
      <c r="H3656" t="s">
        <v>13</v>
      </c>
    </row>
    <row r="3657" spans="1:8" x14ac:dyDescent="0.25">
      <c r="A3657" s="1">
        <v>44298</v>
      </c>
      <c r="B3657" t="s">
        <v>2623</v>
      </c>
      <c r="C3657" t="s">
        <v>9</v>
      </c>
      <c r="D3657" t="s">
        <v>10</v>
      </c>
      <c r="E3657" t="s">
        <v>11</v>
      </c>
      <c r="F3657" s="2">
        <v>1</v>
      </c>
      <c r="G3657" t="s">
        <v>262</v>
      </c>
      <c r="H3657" t="s">
        <v>13</v>
      </c>
    </row>
    <row r="3658" spans="1:8" x14ac:dyDescent="0.25">
      <c r="A3658" s="1">
        <v>44298</v>
      </c>
      <c r="B3658" t="s">
        <v>2623</v>
      </c>
      <c r="C3658" t="s">
        <v>28</v>
      </c>
      <c r="D3658" t="s">
        <v>10</v>
      </c>
      <c r="E3658" t="s">
        <v>11</v>
      </c>
      <c r="F3658" s="2">
        <v>1</v>
      </c>
      <c r="G3658" t="s">
        <v>262</v>
      </c>
      <c r="H3658" t="s">
        <v>13</v>
      </c>
    </row>
    <row r="3659" spans="1:8" x14ac:dyDescent="0.25">
      <c r="A3659" s="1">
        <v>44298</v>
      </c>
      <c r="B3659" t="s">
        <v>2623</v>
      </c>
      <c r="C3659" t="s">
        <v>29</v>
      </c>
      <c r="D3659" t="s">
        <v>10</v>
      </c>
      <c r="E3659" t="s">
        <v>11</v>
      </c>
      <c r="F3659" s="2">
        <v>1</v>
      </c>
      <c r="G3659" t="s">
        <v>262</v>
      </c>
      <c r="H3659" t="s">
        <v>13</v>
      </c>
    </row>
    <row r="3660" spans="1:8" x14ac:dyDescent="0.25">
      <c r="A3660" s="1">
        <v>44298</v>
      </c>
      <c r="B3660" t="s">
        <v>2624</v>
      </c>
      <c r="C3660" t="s">
        <v>9</v>
      </c>
      <c r="D3660" t="s">
        <v>10</v>
      </c>
      <c r="E3660" t="s">
        <v>11</v>
      </c>
      <c r="F3660" s="2">
        <v>1</v>
      </c>
      <c r="G3660" t="s">
        <v>100</v>
      </c>
      <c r="H3660" t="s">
        <v>13</v>
      </c>
    </row>
    <row r="3661" spans="1:8" x14ac:dyDescent="0.25">
      <c r="A3661" s="1">
        <v>44298</v>
      </c>
      <c r="B3661" t="s">
        <v>2624</v>
      </c>
      <c r="C3661" t="s">
        <v>35</v>
      </c>
      <c r="D3661" t="s">
        <v>10</v>
      </c>
      <c r="E3661" t="s">
        <v>11</v>
      </c>
      <c r="F3661" s="2">
        <v>1</v>
      </c>
      <c r="G3661" t="s">
        <v>100</v>
      </c>
      <c r="H3661" t="s">
        <v>13</v>
      </c>
    </row>
    <row r="3662" spans="1:8" x14ac:dyDescent="0.25">
      <c r="A3662" s="1">
        <v>44297</v>
      </c>
      <c r="B3662" t="s">
        <v>2625</v>
      </c>
      <c r="C3662" t="s">
        <v>9</v>
      </c>
      <c r="D3662" t="s">
        <v>10</v>
      </c>
      <c r="E3662" t="s">
        <v>11</v>
      </c>
      <c r="F3662" s="2">
        <v>1</v>
      </c>
      <c r="G3662" t="s">
        <v>20</v>
      </c>
      <c r="H3662" t="s">
        <v>13</v>
      </c>
    </row>
    <row r="3663" spans="1:8" x14ac:dyDescent="0.25">
      <c r="A3663" s="1">
        <v>44297</v>
      </c>
      <c r="B3663" t="s">
        <v>2625</v>
      </c>
      <c r="C3663" t="s">
        <v>47</v>
      </c>
      <c r="D3663" t="s">
        <v>10</v>
      </c>
      <c r="E3663" t="s">
        <v>11</v>
      </c>
      <c r="F3663" s="2">
        <v>1</v>
      </c>
      <c r="G3663" t="s">
        <v>20</v>
      </c>
      <c r="H3663" t="s">
        <v>13</v>
      </c>
    </row>
    <row r="3664" spans="1:8" x14ac:dyDescent="0.25">
      <c r="A3664" s="1">
        <v>44297</v>
      </c>
      <c r="B3664" t="s">
        <v>2626</v>
      </c>
      <c r="C3664" t="s">
        <v>481</v>
      </c>
      <c r="D3664" t="s">
        <v>10</v>
      </c>
      <c r="E3664" t="s">
        <v>11</v>
      </c>
      <c r="F3664" s="2">
        <v>1</v>
      </c>
      <c r="G3664" t="s">
        <v>191</v>
      </c>
      <c r="H3664" t="s">
        <v>13</v>
      </c>
    </row>
    <row r="3665" spans="1:8" x14ac:dyDescent="0.25">
      <c r="A3665" s="1">
        <v>44297</v>
      </c>
      <c r="B3665" t="s">
        <v>2626</v>
      </c>
      <c r="C3665" t="s">
        <v>481</v>
      </c>
      <c r="D3665" t="s">
        <v>10</v>
      </c>
      <c r="E3665" t="s">
        <v>11</v>
      </c>
      <c r="F3665" s="2">
        <v>1</v>
      </c>
      <c r="G3665" t="s">
        <v>191</v>
      </c>
      <c r="H3665" t="s">
        <v>13</v>
      </c>
    </row>
    <row r="3666" spans="1:8" x14ac:dyDescent="0.25">
      <c r="A3666" s="1">
        <v>44297</v>
      </c>
      <c r="B3666" t="s">
        <v>2627</v>
      </c>
      <c r="C3666" t="s">
        <v>47</v>
      </c>
      <c r="D3666" t="s">
        <v>26</v>
      </c>
      <c r="E3666" t="s">
        <v>11</v>
      </c>
      <c r="F3666" s="2">
        <v>1</v>
      </c>
      <c r="G3666" t="s">
        <v>67</v>
      </c>
      <c r="H3666" t="s">
        <v>13</v>
      </c>
    </row>
    <row r="3667" spans="1:8" x14ac:dyDescent="0.25">
      <c r="A3667" s="1">
        <v>44296</v>
      </c>
      <c r="B3667" t="s">
        <v>2628</v>
      </c>
      <c r="C3667" t="s">
        <v>9</v>
      </c>
      <c r="D3667" t="s">
        <v>10</v>
      </c>
      <c r="E3667" t="s">
        <v>11</v>
      </c>
      <c r="F3667" s="2">
        <v>1</v>
      </c>
      <c r="G3667" t="s">
        <v>31</v>
      </c>
      <c r="H3667" t="s">
        <v>13</v>
      </c>
    </row>
    <row r="3668" spans="1:8" x14ac:dyDescent="0.25">
      <c r="A3668" s="1">
        <v>44296</v>
      </c>
      <c r="B3668" t="s">
        <v>2628</v>
      </c>
      <c r="C3668" t="s">
        <v>47</v>
      </c>
      <c r="D3668" t="s">
        <v>10</v>
      </c>
      <c r="E3668" t="s">
        <v>11</v>
      </c>
      <c r="F3668" s="2">
        <v>1</v>
      </c>
      <c r="G3668" t="s">
        <v>31</v>
      </c>
      <c r="H3668" t="s">
        <v>13</v>
      </c>
    </row>
    <row r="3669" spans="1:8" x14ac:dyDescent="0.25">
      <c r="A3669" s="1">
        <v>44296</v>
      </c>
      <c r="B3669" t="s">
        <v>2629</v>
      </c>
      <c r="C3669" t="s">
        <v>9</v>
      </c>
      <c r="D3669" t="s">
        <v>10</v>
      </c>
      <c r="E3669" t="s">
        <v>11</v>
      </c>
      <c r="F3669" s="2">
        <v>1</v>
      </c>
      <c r="G3669" t="s">
        <v>100</v>
      </c>
      <c r="H3669" t="s">
        <v>13</v>
      </c>
    </row>
    <row r="3670" spans="1:8" x14ac:dyDescent="0.25">
      <c r="A3670" s="1">
        <v>44296</v>
      </c>
      <c r="B3670" t="s">
        <v>2629</v>
      </c>
      <c r="C3670" t="s">
        <v>47</v>
      </c>
      <c r="D3670" t="s">
        <v>10</v>
      </c>
      <c r="E3670" t="s">
        <v>11</v>
      </c>
      <c r="F3670" s="2">
        <v>1</v>
      </c>
      <c r="G3670" t="s">
        <v>100</v>
      </c>
      <c r="H3670" t="s">
        <v>13</v>
      </c>
    </row>
    <row r="3671" spans="1:8" x14ac:dyDescent="0.25">
      <c r="A3671" s="1">
        <v>44296</v>
      </c>
      <c r="B3671" t="s">
        <v>2630</v>
      </c>
      <c r="C3671" t="s">
        <v>2313</v>
      </c>
      <c r="D3671" t="s">
        <v>10</v>
      </c>
      <c r="E3671" t="s">
        <v>11</v>
      </c>
      <c r="F3671" s="2">
        <v>1</v>
      </c>
      <c r="G3671" t="s">
        <v>194</v>
      </c>
      <c r="H3671" t="s">
        <v>13</v>
      </c>
    </row>
    <row r="3672" spans="1:8" x14ac:dyDescent="0.25">
      <c r="A3672" s="1">
        <v>44295</v>
      </c>
      <c r="B3672" t="s">
        <v>2631</v>
      </c>
      <c r="C3672" t="s">
        <v>484</v>
      </c>
      <c r="D3672" t="s">
        <v>10</v>
      </c>
      <c r="E3672" t="s">
        <v>11</v>
      </c>
      <c r="F3672" s="2">
        <v>1</v>
      </c>
      <c r="G3672" t="s">
        <v>1598</v>
      </c>
      <c r="H3672" t="s">
        <v>13</v>
      </c>
    </row>
    <row r="3673" spans="1:8" x14ac:dyDescent="0.25">
      <c r="A3673" s="1">
        <v>44293</v>
      </c>
      <c r="B3673" t="s">
        <v>2632</v>
      </c>
      <c r="C3673" t="s">
        <v>79</v>
      </c>
      <c r="D3673" t="s">
        <v>10</v>
      </c>
      <c r="E3673" t="s">
        <v>11</v>
      </c>
      <c r="F3673" s="2">
        <v>1</v>
      </c>
      <c r="G3673" t="s">
        <v>788</v>
      </c>
      <c r="H3673" t="s">
        <v>13</v>
      </c>
    </row>
    <row r="3674" spans="1:8" x14ac:dyDescent="0.25">
      <c r="A3674" s="1">
        <v>44293</v>
      </c>
      <c r="B3674" t="s">
        <v>2633</v>
      </c>
      <c r="C3674" t="s">
        <v>34</v>
      </c>
      <c r="D3674" t="s">
        <v>10</v>
      </c>
      <c r="E3674" t="s">
        <v>11</v>
      </c>
      <c r="F3674" s="2">
        <v>1</v>
      </c>
      <c r="G3674" t="s">
        <v>20</v>
      </c>
      <c r="H3674" t="s">
        <v>13</v>
      </c>
    </row>
    <row r="3675" spans="1:8" x14ac:dyDescent="0.25">
      <c r="A3675" s="1">
        <v>44293</v>
      </c>
      <c r="B3675" t="s">
        <v>2634</v>
      </c>
      <c r="C3675" t="s">
        <v>9</v>
      </c>
      <c r="D3675" t="s">
        <v>10</v>
      </c>
      <c r="E3675" t="s">
        <v>11</v>
      </c>
      <c r="F3675" s="2">
        <v>1</v>
      </c>
      <c r="G3675" t="s">
        <v>72</v>
      </c>
      <c r="H3675" t="s">
        <v>13</v>
      </c>
    </row>
    <row r="3676" spans="1:8" x14ac:dyDescent="0.25">
      <c r="A3676" s="1">
        <v>44293</v>
      </c>
      <c r="B3676" t="s">
        <v>2634</v>
      </c>
      <c r="C3676" t="s">
        <v>29</v>
      </c>
      <c r="D3676" t="s">
        <v>10</v>
      </c>
      <c r="E3676" t="s">
        <v>11</v>
      </c>
      <c r="F3676" s="2">
        <v>1</v>
      </c>
      <c r="G3676" t="s">
        <v>72</v>
      </c>
      <c r="H3676" t="s">
        <v>13</v>
      </c>
    </row>
    <row r="3677" spans="1:8" x14ac:dyDescent="0.25">
      <c r="A3677" s="1">
        <v>44293</v>
      </c>
      <c r="B3677" t="s">
        <v>2634</v>
      </c>
      <c r="C3677" t="s">
        <v>35</v>
      </c>
      <c r="D3677" t="s">
        <v>10</v>
      </c>
      <c r="E3677" t="s">
        <v>11</v>
      </c>
      <c r="F3677" s="2">
        <v>1</v>
      </c>
      <c r="G3677" t="s">
        <v>72</v>
      </c>
      <c r="H3677" t="s">
        <v>13</v>
      </c>
    </row>
    <row r="3678" spans="1:8" x14ac:dyDescent="0.25">
      <c r="A3678" s="1">
        <v>44292</v>
      </c>
      <c r="B3678" t="s">
        <v>2635</v>
      </c>
      <c r="C3678" t="s">
        <v>510</v>
      </c>
      <c r="D3678" t="s">
        <v>10</v>
      </c>
      <c r="E3678" t="s">
        <v>11</v>
      </c>
      <c r="F3678" s="2">
        <v>1</v>
      </c>
      <c r="G3678" t="s">
        <v>181</v>
      </c>
      <c r="H3678" t="s">
        <v>13</v>
      </c>
    </row>
    <row r="3679" spans="1:8" x14ac:dyDescent="0.25">
      <c r="A3679" s="1">
        <v>44292</v>
      </c>
      <c r="B3679" t="s">
        <v>2636</v>
      </c>
      <c r="C3679" t="s">
        <v>9</v>
      </c>
      <c r="D3679" t="s">
        <v>10</v>
      </c>
      <c r="E3679" t="s">
        <v>11</v>
      </c>
      <c r="F3679" s="2">
        <v>1</v>
      </c>
      <c r="G3679" t="s">
        <v>72</v>
      </c>
      <c r="H3679" t="s">
        <v>13</v>
      </c>
    </row>
    <row r="3680" spans="1:8" x14ac:dyDescent="0.25">
      <c r="A3680" s="1">
        <v>44292</v>
      </c>
      <c r="B3680" t="s">
        <v>2636</v>
      </c>
      <c r="C3680" t="s">
        <v>29</v>
      </c>
      <c r="D3680" t="s">
        <v>10</v>
      </c>
      <c r="E3680" t="s">
        <v>11</v>
      </c>
      <c r="F3680" s="2">
        <v>1</v>
      </c>
      <c r="G3680" t="s">
        <v>72</v>
      </c>
      <c r="H3680" t="s">
        <v>13</v>
      </c>
    </row>
    <row r="3681" spans="1:8" x14ac:dyDescent="0.25">
      <c r="A3681" s="1">
        <v>44291</v>
      </c>
      <c r="B3681" t="s">
        <v>2637</v>
      </c>
      <c r="C3681" t="s">
        <v>9</v>
      </c>
      <c r="D3681" t="s">
        <v>10</v>
      </c>
      <c r="E3681" t="s">
        <v>11</v>
      </c>
      <c r="F3681" s="2">
        <v>1</v>
      </c>
      <c r="G3681" t="s">
        <v>181</v>
      </c>
      <c r="H3681" t="s">
        <v>13</v>
      </c>
    </row>
    <row r="3682" spans="1:8" x14ac:dyDescent="0.25">
      <c r="A3682" s="1">
        <v>44290</v>
      </c>
      <c r="B3682" t="s">
        <v>2638</v>
      </c>
      <c r="C3682" t="s">
        <v>47</v>
      </c>
      <c r="D3682" t="s">
        <v>10</v>
      </c>
      <c r="E3682" t="s">
        <v>11</v>
      </c>
      <c r="F3682" s="2">
        <v>1</v>
      </c>
      <c r="G3682" t="s">
        <v>37</v>
      </c>
      <c r="H3682" t="s">
        <v>13</v>
      </c>
    </row>
    <row r="3683" spans="1:8" x14ac:dyDescent="0.25">
      <c r="A3683" s="1">
        <v>44290</v>
      </c>
      <c r="B3683" t="s">
        <v>2638</v>
      </c>
      <c r="C3683" t="s">
        <v>47</v>
      </c>
      <c r="D3683" t="s">
        <v>10</v>
      </c>
      <c r="E3683" t="s">
        <v>11</v>
      </c>
      <c r="F3683" s="2">
        <v>1</v>
      </c>
      <c r="G3683" t="s">
        <v>37</v>
      </c>
      <c r="H3683" t="s">
        <v>13</v>
      </c>
    </row>
    <row r="3684" spans="1:8" x14ac:dyDescent="0.25">
      <c r="A3684" s="1">
        <v>44290</v>
      </c>
      <c r="B3684" t="s">
        <v>2639</v>
      </c>
      <c r="C3684" t="s">
        <v>174</v>
      </c>
      <c r="D3684" t="s">
        <v>10</v>
      </c>
      <c r="E3684" t="s">
        <v>11</v>
      </c>
      <c r="F3684" s="2">
        <v>1</v>
      </c>
      <c r="G3684" t="s">
        <v>20</v>
      </c>
      <c r="H3684" t="s">
        <v>13</v>
      </c>
    </row>
    <row r="3685" spans="1:8" x14ac:dyDescent="0.25">
      <c r="A3685" s="1">
        <v>44290</v>
      </c>
      <c r="B3685" t="s">
        <v>2640</v>
      </c>
      <c r="C3685" t="s">
        <v>268</v>
      </c>
      <c r="D3685" t="s">
        <v>10</v>
      </c>
      <c r="E3685" t="s">
        <v>11</v>
      </c>
      <c r="F3685" s="2">
        <v>1</v>
      </c>
      <c r="G3685" t="s">
        <v>20</v>
      </c>
      <c r="H3685" t="s">
        <v>13</v>
      </c>
    </row>
    <row r="3686" spans="1:8" x14ac:dyDescent="0.25">
      <c r="A3686" s="1">
        <v>44287</v>
      </c>
      <c r="B3686" t="s">
        <v>2641</v>
      </c>
      <c r="C3686" t="s">
        <v>79</v>
      </c>
      <c r="D3686" t="s">
        <v>10</v>
      </c>
      <c r="E3686" t="s">
        <v>11</v>
      </c>
      <c r="F3686" s="2">
        <v>1</v>
      </c>
      <c r="G3686" t="s">
        <v>44</v>
      </c>
      <c r="H3686" t="s">
        <v>13</v>
      </c>
    </row>
    <row r="3687" spans="1:8" x14ac:dyDescent="0.25">
      <c r="A3687" s="1">
        <v>44287</v>
      </c>
      <c r="B3687" t="s">
        <v>2641</v>
      </c>
      <c r="C3687" t="s">
        <v>80</v>
      </c>
      <c r="D3687" t="s">
        <v>10</v>
      </c>
      <c r="E3687" t="s">
        <v>11</v>
      </c>
      <c r="F3687" s="2">
        <v>1</v>
      </c>
      <c r="G3687" t="s">
        <v>44</v>
      </c>
      <c r="H3687" t="s">
        <v>13</v>
      </c>
    </row>
    <row r="3688" spans="1:8" x14ac:dyDescent="0.25">
      <c r="A3688" s="1">
        <v>44287</v>
      </c>
      <c r="B3688" t="s">
        <v>2641</v>
      </c>
      <c r="C3688" t="s">
        <v>2295</v>
      </c>
      <c r="D3688" t="s">
        <v>10</v>
      </c>
      <c r="E3688" t="s">
        <v>11</v>
      </c>
      <c r="F3688" s="2">
        <v>1</v>
      </c>
      <c r="G3688" t="s">
        <v>44</v>
      </c>
      <c r="H3688" t="s">
        <v>13</v>
      </c>
    </row>
    <row r="3689" spans="1:8" x14ac:dyDescent="0.25">
      <c r="A3689" s="1">
        <v>44287</v>
      </c>
      <c r="B3689" t="s">
        <v>2642</v>
      </c>
      <c r="C3689" t="s">
        <v>2001</v>
      </c>
      <c r="D3689" t="s">
        <v>10</v>
      </c>
      <c r="E3689" t="s">
        <v>11</v>
      </c>
      <c r="F3689" s="2">
        <v>1</v>
      </c>
      <c r="G3689" t="s">
        <v>137</v>
      </c>
      <c r="H3689" t="s">
        <v>13</v>
      </c>
    </row>
    <row r="3690" spans="1:8" x14ac:dyDescent="0.25">
      <c r="A3690" s="1">
        <v>44285</v>
      </c>
      <c r="B3690" t="s">
        <v>2643</v>
      </c>
      <c r="C3690" t="s">
        <v>174</v>
      </c>
      <c r="D3690" t="s">
        <v>10</v>
      </c>
      <c r="E3690" t="s">
        <v>11</v>
      </c>
      <c r="F3690" s="2">
        <v>1</v>
      </c>
      <c r="G3690" t="s">
        <v>83</v>
      </c>
      <c r="H3690" t="s">
        <v>13</v>
      </c>
    </row>
    <row r="3691" spans="1:8" x14ac:dyDescent="0.25">
      <c r="A3691" s="1">
        <v>44285</v>
      </c>
      <c r="B3691" t="s">
        <v>2643</v>
      </c>
      <c r="C3691" t="s">
        <v>47</v>
      </c>
      <c r="D3691" t="s">
        <v>10</v>
      </c>
      <c r="E3691" t="s">
        <v>11</v>
      </c>
      <c r="F3691" s="2">
        <v>1</v>
      </c>
      <c r="G3691" t="s">
        <v>83</v>
      </c>
      <c r="H3691" t="s">
        <v>13</v>
      </c>
    </row>
    <row r="3692" spans="1:8" x14ac:dyDescent="0.25">
      <c r="A3692" s="1">
        <v>44285</v>
      </c>
      <c r="B3692" t="s">
        <v>2644</v>
      </c>
      <c r="C3692" t="s">
        <v>2313</v>
      </c>
      <c r="D3692" t="s">
        <v>10</v>
      </c>
      <c r="E3692" t="s">
        <v>11</v>
      </c>
      <c r="F3692" s="2">
        <v>1</v>
      </c>
      <c r="G3692" t="s">
        <v>279</v>
      </c>
      <c r="H3692" t="s">
        <v>13</v>
      </c>
    </row>
    <row r="3693" spans="1:8" x14ac:dyDescent="0.25">
      <c r="A3693" s="1">
        <v>44283</v>
      </c>
      <c r="B3693" t="s">
        <v>2645</v>
      </c>
      <c r="C3693" t="s">
        <v>9</v>
      </c>
      <c r="D3693" t="s">
        <v>10</v>
      </c>
      <c r="E3693" t="s">
        <v>11</v>
      </c>
      <c r="F3693" s="2">
        <v>1</v>
      </c>
      <c r="G3693" t="s">
        <v>37</v>
      </c>
      <c r="H3693" t="s">
        <v>13</v>
      </c>
    </row>
    <row r="3694" spans="1:8" x14ac:dyDescent="0.25">
      <c r="A3694" s="1">
        <v>44283</v>
      </c>
      <c r="B3694" t="s">
        <v>2646</v>
      </c>
      <c r="C3694" t="s">
        <v>14</v>
      </c>
      <c r="D3694" t="s">
        <v>10</v>
      </c>
      <c r="E3694" t="s">
        <v>11</v>
      </c>
      <c r="F3694" s="2">
        <v>1</v>
      </c>
      <c r="G3694" t="s">
        <v>67</v>
      </c>
      <c r="H3694" t="s">
        <v>13</v>
      </c>
    </row>
    <row r="3695" spans="1:8" x14ac:dyDescent="0.25">
      <c r="A3695" s="1">
        <v>44283</v>
      </c>
      <c r="B3695" t="s">
        <v>2647</v>
      </c>
      <c r="C3695" t="s">
        <v>9</v>
      </c>
      <c r="D3695" t="s">
        <v>10</v>
      </c>
      <c r="E3695" t="s">
        <v>11</v>
      </c>
      <c r="F3695" s="2">
        <v>1</v>
      </c>
      <c r="G3695" t="s">
        <v>240</v>
      </c>
      <c r="H3695" t="s">
        <v>13</v>
      </c>
    </row>
    <row r="3696" spans="1:8" x14ac:dyDescent="0.25">
      <c r="A3696" s="1">
        <v>44283</v>
      </c>
      <c r="B3696" t="s">
        <v>2647</v>
      </c>
      <c r="C3696" t="s">
        <v>29</v>
      </c>
      <c r="D3696" t="s">
        <v>10</v>
      </c>
      <c r="E3696" t="s">
        <v>11</v>
      </c>
      <c r="F3696" s="2">
        <v>1</v>
      </c>
      <c r="G3696" t="s">
        <v>240</v>
      </c>
      <c r="H3696" t="s">
        <v>13</v>
      </c>
    </row>
    <row r="3697" spans="1:8" x14ac:dyDescent="0.25">
      <c r="A3697" s="1">
        <v>44282</v>
      </c>
      <c r="B3697" t="s">
        <v>2648</v>
      </c>
      <c r="C3697" t="s">
        <v>149</v>
      </c>
      <c r="D3697" t="s">
        <v>10</v>
      </c>
      <c r="E3697" t="s">
        <v>11</v>
      </c>
      <c r="F3697" s="2">
        <v>1</v>
      </c>
      <c r="G3697" t="s">
        <v>135</v>
      </c>
      <c r="H3697" t="s">
        <v>13</v>
      </c>
    </row>
    <row r="3698" spans="1:8" x14ac:dyDescent="0.25">
      <c r="A3698" s="1">
        <v>44282</v>
      </c>
      <c r="B3698" t="s">
        <v>2648</v>
      </c>
      <c r="C3698" t="s">
        <v>149</v>
      </c>
      <c r="D3698" t="s">
        <v>10</v>
      </c>
      <c r="E3698" t="s">
        <v>11</v>
      </c>
      <c r="F3698" s="2">
        <v>1</v>
      </c>
      <c r="G3698" t="s">
        <v>135</v>
      </c>
      <c r="H3698" t="s">
        <v>13</v>
      </c>
    </row>
    <row r="3699" spans="1:8" x14ac:dyDescent="0.25">
      <c r="A3699" s="1">
        <v>44282</v>
      </c>
      <c r="B3699" t="s">
        <v>2648</v>
      </c>
      <c r="C3699" t="s">
        <v>379</v>
      </c>
      <c r="D3699" t="s">
        <v>10</v>
      </c>
      <c r="E3699" t="s">
        <v>11</v>
      </c>
      <c r="F3699" s="2">
        <v>1</v>
      </c>
      <c r="G3699" t="s">
        <v>135</v>
      </c>
      <c r="H3699" t="s">
        <v>13</v>
      </c>
    </row>
    <row r="3700" spans="1:8" x14ac:dyDescent="0.25">
      <c r="A3700" s="1">
        <v>44282</v>
      </c>
      <c r="B3700" t="s">
        <v>2648</v>
      </c>
      <c r="C3700" t="s">
        <v>379</v>
      </c>
      <c r="D3700" t="s">
        <v>10</v>
      </c>
      <c r="E3700" t="s">
        <v>11</v>
      </c>
      <c r="F3700" s="2">
        <v>1</v>
      </c>
      <c r="G3700" t="s">
        <v>135</v>
      </c>
      <c r="H3700" t="s">
        <v>13</v>
      </c>
    </row>
    <row r="3701" spans="1:8" x14ac:dyDescent="0.25">
      <c r="A3701" s="1">
        <v>44282</v>
      </c>
      <c r="B3701" t="s">
        <v>2648</v>
      </c>
      <c r="C3701" t="s">
        <v>453</v>
      </c>
      <c r="D3701" t="s">
        <v>10</v>
      </c>
      <c r="E3701" t="s">
        <v>11</v>
      </c>
      <c r="F3701" s="2">
        <v>1</v>
      </c>
      <c r="G3701" t="s">
        <v>135</v>
      </c>
      <c r="H3701" t="s">
        <v>13</v>
      </c>
    </row>
    <row r="3702" spans="1:8" x14ac:dyDescent="0.25">
      <c r="A3702" s="1">
        <v>44282</v>
      </c>
      <c r="B3702" t="s">
        <v>2648</v>
      </c>
      <c r="C3702" t="s">
        <v>453</v>
      </c>
      <c r="D3702" t="s">
        <v>10</v>
      </c>
      <c r="E3702" t="s">
        <v>11</v>
      </c>
      <c r="F3702" s="2">
        <v>1</v>
      </c>
      <c r="G3702" t="s">
        <v>135</v>
      </c>
      <c r="H3702" t="s">
        <v>13</v>
      </c>
    </row>
    <row r="3703" spans="1:8" x14ac:dyDescent="0.25">
      <c r="A3703" s="1">
        <v>44282</v>
      </c>
      <c r="B3703" t="s">
        <v>2649</v>
      </c>
      <c r="C3703" t="s">
        <v>19</v>
      </c>
      <c r="D3703" t="s">
        <v>10</v>
      </c>
      <c r="E3703" t="s">
        <v>11</v>
      </c>
      <c r="F3703" s="2">
        <v>1</v>
      </c>
      <c r="G3703" t="s">
        <v>1011</v>
      </c>
      <c r="H3703" t="s">
        <v>13</v>
      </c>
    </row>
    <row r="3704" spans="1:8" x14ac:dyDescent="0.25">
      <c r="A3704" s="1">
        <v>44281</v>
      </c>
      <c r="B3704" t="s">
        <v>2650</v>
      </c>
      <c r="C3704" t="s">
        <v>79</v>
      </c>
      <c r="D3704" t="s">
        <v>10</v>
      </c>
      <c r="E3704" t="s">
        <v>11</v>
      </c>
      <c r="F3704" s="2">
        <v>1</v>
      </c>
      <c r="G3704" t="s">
        <v>93</v>
      </c>
      <c r="H3704" t="s">
        <v>13</v>
      </c>
    </row>
    <row r="3705" spans="1:8" x14ac:dyDescent="0.25">
      <c r="A3705" s="1">
        <v>44281</v>
      </c>
      <c r="B3705" t="s">
        <v>2650</v>
      </c>
      <c r="C3705" t="s">
        <v>80</v>
      </c>
      <c r="D3705" t="s">
        <v>10</v>
      </c>
      <c r="E3705" t="s">
        <v>11</v>
      </c>
      <c r="F3705" s="2">
        <v>1</v>
      </c>
      <c r="G3705" t="s">
        <v>93</v>
      </c>
      <c r="H3705" t="s">
        <v>13</v>
      </c>
    </row>
    <row r="3706" spans="1:8" x14ac:dyDescent="0.25">
      <c r="A3706" s="1">
        <v>44281</v>
      </c>
      <c r="B3706" t="s">
        <v>2651</v>
      </c>
      <c r="C3706" t="s">
        <v>9</v>
      </c>
      <c r="D3706" t="s">
        <v>10</v>
      </c>
      <c r="E3706" t="s">
        <v>11</v>
      </c>
      <c r="F3706" s="2">
        <v>1</v>
      </c>
      <c r="G3706" t="s">
        <v>145</v>
      </c>
      <c r="H3706" t="s">
        <v>13</v>
      </c>
    </row>
    <row r="3707" spans="1:8" x14ac:dyDescent="0.25">
      <c r="A3707" s="1">
        <v>44281</v>
      </c>
      <c r="B3707" t="s">
        <v>2651</v>
      </c>
      <c r="C3707" t="s">
        <v>35</v>
      </c>
      <c r="D3707" t="s">
        <v>10</v>
      </c>
      <c r="E3707" t="s">
        <v>11</v>
      </c>
      <c r="F3707" s="2">
        <v>1</v>
      </c>
      <c r="G3707" t="s">
        <v>145</v>
      </c>
      <c r="H3707" t="s">
        <v>13</v>
      </c>
    </row>
    <row r="3708" spans="1:8" x14ac:dyDescent="0.25">
      <c r="A3708" s="1">
        <v>44281</v>
      </c>
      <c r="B3708" t="s">
        <v>2651</v>
      </c>
      <c r="C3708" t="s">
        <v>47</v>
      </c>
      <c r="D3708" t="s">
        <v>10</v>
      </c>
      <c r="E3708" t="s">
        <v>11</v>
      </c>
      <c r="F3708" s="2">
        <v>1</v>
      </c>
      <c r="G3708" t="s">
        <v>145</v>
      </c>
      <c r="H3708" t="s">
        <v>13</v>
      </c>
    </row>
    <row r="3709" spans="1:8" x14ac:dyDescent="0.25">
      <c r="A3709" s="1">
        <v>44281</v>
      </c>
      <c r="B3709" t="s">
        <v>2652</v>
      </c>
      <c r="C3709" t="s">
        <v>9</v>
      </c>
      <c r="D3709" t="s">
        <v>10</v>
      </c>
      <c r="E3709" t="s">
        <v>11</v>
      </c>
      <c r="F3709" s="2">
        <v>1</v>
      </c>
      <c r="G3709" t="s">
        <v>347</v>
      </c>
      <c r="H3709" t="s">
        <v>13</v>
      </c>
    </row>
    <row r="3710" spans="1:8" x14ac:dyDescent="0.25">
      <c r="A3710" s="1">
        <v>44281</v>
      </c>
      <c r="B3710" t="s">
        <v>2653</v>
      </c>
      <c r="C3710" t="s">
        <v>35</v>
      </c>
      <c r="D3710" t="s">
        <v>10</v>
      </c>
      <c r="E3710" t="s">
        <v>11</v>
      </c>
      <c r="F3710" s="2">
        <v>1</v>
      </c>
      <c r="G3710" t="s">
        <v>20</v>
      </c>
      <c r="H3710" t="s">
        <v>13</v>
      </c>
    </row>
    <row r="3711" spans="1:8" x14ac:dyDescent="0.25">
      <c r="A3711" s="1">
        <v>44280</v>
      </c>
      <c r="B3711" t="s">
        <v>2654</v>
      </c>
      <c r="C3711" t="s">
        <v>481</v>
      </c>
      <c r="D3711" t="s">
        <v>10</v>
      </c>
      <c r="E3711" t="s">
        <v>11</v>
      </c>
      <c r="F3711" s="2">
        <v>1</v>
      </c>
      <c r="G3711" t="s">
        <v>559</v>
      </c>
      <c r="H3711" t="s">
        <v>13</v>
      </c>
    </row>
    <row r="3712" spans="1:8" x14ac:dyDescent="0.25">
      <c r="A3712" s="1">
        <v>44280</v>
      </c>
      <c r="B3712" t="s">
        <v>2654</v>
      </c>
      <c r="C3712" t="s">
        <v>174</v>
      </c>
      <c r="D3712" t="s">
        <v>10</v>
      </c>
      <c r="E3712" t="s">
        <v>11</v>
      </c>
      <c r="F3712" s="2">
        <v>1</v>
      </c>
      <c r="G3712" t="s">
        <v>559</v>
      </c>
      <c r="H3712" t="s">
        <v>13</v>
      </c>
    </row>
    <row r="3713" spans="1:8" x14ac:dyDescent="0.25">
      <c r="A3713" s="1">
        <v>44278</v>
      </c>
      <c r="B3713" t="s">
        <v>2655</v>
      </c>
      <c r="C3713" t="s">
        <v>9</v>
      </c>
      <c r="D3713" t="s">
        <v>10</v>
      </c>
      <c r="E3713" t="s">
        <v>11</v>
      </c>
      <c r="F3713" s="2">
        <v>1</v>
      </c>
      <c r="G3713" t="s">
        <v>113</v>
      </c>
      <c r="H3713" t="s">
        <v>13</v>
      </c>
    </row>
    <row r="3714" spans="1:8" x14ac:dyDescent="0.25">
      <c r="A3714" s="1">
        <v>44278</v>
      </c>
      <c r="B3714" t="s">
        <v>2655</v>
      </c>
      <c r="C3714" t="s">
        <v>35</v>
      </c>
      <c r="D3714" t="s">
        <v>10</v>
      </c>
      <c r="E3714" t="s">
        <v>11</v>
      </c>
      <c r="F3714" s="2">
        <v>1</v>
      </c>
      <c r="G3714" t="s">
        <v>113</v>
      </c>
      <c r="H3714" t="s">
        <v>13</v>
      </c>
    </row>
    <row r="3715" spans="1:8" x14ac:dyDescent="0.25">
      <c r="A3715" s="1">
        <v>44278</v>
      </c>
      <c r="B3715" t="s">
        <v>2656</v>
      </c>
      <c r="C3715" t="s">
        <v>118</v>
      </c>
      <c r="D3715" t="s">
        <v>10</v>
      </c>
      <c r="E3715" t="s">
        <v>11</v>
      </c>
      <c r="F3715" s="2">
        <v>1</v>
      </c>
      <c r="G3715" t="s">
        <v>20</v>
      </c>
      <c r="H3715" t="s">
        <v>13</v>
      </c>
    </row>
    <row r="3716" spans="1:8" x14ac:dyDescent="0.25">
      <c r="A3716" s="1">
        <v>44278</v>
      </c>
      <c r="B3716" t="s">
        <v>2656</v>
      </c>
      <c r="C3716" t="s">
        <v>47</v>
      </c>
      <c r="D3716" t="s">
        <v>10</v>
      </c>
      <c r="E3716" t="s">
        <v>11</v>
      </c>
      <c r="F3716" s="2">
        <v>1</v>
      </c>
      <c r="G3716" t="s">
        <v>20</v>
      </c>
      <c r="H3716" t="s">
        <v>13</v>
      </c>
    </row>
    <row r="3717" spans="1:8" x14ac:dyDescent="0.25">
      <c r="A3717" s="1">
        <v>44277</v>
      </c>
      <c r="B3717" t="s">
        <v>2657</v>
      </c>
      <c r="C3717" t="s">
        <v>35</v>
      </c>
      <c r="D3717" t="s">
        <v>10</v>
      </c>
      <c r="E3717" t="s">
        <v>11</v>
      </c>
      <c r="F3717" s="2">
        <v>1</v>
      </c>
      <c r="G3717" t="s">
        <v>181</v>
      </c>
      <c r="H3717" t="s">
        <v>13</v>
      </c>
    </row>
    <row r="3718" spans="1:8" x14ac:dyDescent="0.25">
      <c r="A3718" s="1">
        <v>44276</v>
      </c>
      <c r="B3718" t="s">
        <v>2658</v>
      </c>
      <c r="C3718" t="s">
        <v>47</v>
      </c>
      <c r="D3718" t="s">
        <v>10</v>
      </c>
      <c r="E3718" t="s">
        <v>11</v>
      </c>
      <c r="F3718" s="2">
        <v>1</v>
      </c>
      <c r="G3718" t="s">
        <v>46</v>
      </c>
      <c r="H3718" t="s">
        <v>13</v>
      </c>
    </row>
    <row r="3719" spans="1:8" x14ac:dyDescent="0.25">
      <c r="A3719" s="1">
        <v>44276</v>
      </c>
      <c r="B3719" t="s">
        <v>2659</v>
      </c>
      <c r="C3719" t="s">
        <v>9</v>
      </c>
      <c r="D3719" t="s">
        <v>10</v>
      </c>
      <c r="E3719" t="s">
        <v>11</v>
      </c>
      <c r="F3719" s="2">
        <v>1</v>
      </c>
      <c r="G3719" t="s">
        <v>83</v>
      </c>
      <c r="H3719" t="s">
        <v>13</v>
      </c>
    </row>
    <row r="3720" spans="1:8" x14ac:dyDescent="0.25">
      <c r="A3720" s="1">
        <v>44276</v>
      </c>
      <c r="B3720" t="s">
        <v>2659</v>
      </c>
      <c r="C3720" t="s">
        <v>35</v>
      </c>
      <c r="D3720" t="s">
        <v>10</v>
      </c>
      <c r="E3720" t="s">
        <v>11</v>
      </c>
      <c r="F3720" s="2">
        <v>1</v>
      </c>
      <c r="G3720" t="s">
        <v>83</v>
      </c>
      <c r="H3720" t="s">
        <v>13</v>
      </c>
    </row>
    <row r="3721" spans="1:8" x14ac:dyDescent="0.25">
      <c r="A3721" s="1">
        <v>44275</v>
      </c>
      <c r="B3721" t="s">
        <v>2660</v>
      </c>
      <c r="C3721" t="s">
        <v>9</v>
      </c>
      <c r="D3721" t="s">
        <v>10</v>
      </c>
      <c r="E3721" t="s">
        <v>11</v>
      </c>
      <c r="F3721" s="2">
        <v>1</v>
      </c>
      <c r="G3721" t="s">
        <v>181</v>
      </c>
      <c r="H3721" t="s">
        <v>13</v>
      </c>
    </row>
    <row r="3722" spans="1:8" x14ac:dyDescent="0.25">
      <c r="A3722" s="1">
        <v>44275</v>
      </c>
      <c r="B3722" t="s">
        <v>2660</v>
      </c>
      <c r="C3722" t="s">
        <v>118</v>
      </c>
      <c r="D3722" t="s">
        <v>10</v>
      </c>
      <c r="E3722" t="s">
        <v>11</v>
      </c>
      <c r="F3722" s="2">
        <v>1</v>
      </c>
      <c r="G3722" t="s">
        <v>181</v>
      </c>
      <c r="H3722" t="s">
        <v>13</v>
      </c>
    </row>
    <row r="3723" spans="1:8" x14ac:dyDescent="0.25">
      <c r="A3723" s="1">
        <v>44275</v>
      </c>
      <c r="B3723" t="s">
        <v>2660</v>
      </c>
      <c r="C3723" t="s">
        <v>142</v>
      </c>
      <c r="D3723" t="s">
        <v>10</v>
      </c>
      <c r="E3723" t="s">
        <v>11</v>
      </c>
      <c r="F3723" s="2">
        <v>1</v>
      </c>
      <c r="G3723" t="s">
        <v>181</v>
      </c>
      <c r="H3723" t="s">
        <v>13</v>
      </c>
    </row>
    <row r="3724" spans="1:8" x14ac:dyDescent="0.25">
      <c r="A3724" s="1">
        <v>44275</v>
      </c>
      <c r="B3724" t="s">
        <v>2660</v>
      </c>
      <c r="C3724" t="s">
        <v>2313</v>
      </c>
      <c r="D3724" t="s">
        <v>10</v>
      </c>
      <c r="E3724" t="s">
        <v>11</v>
      </c>
      <c r="F3724" s="2">
        <v>1</v>
      </c>
      <c r="G3724" t="s">
        <v>181</v>
      </c>
      <c r="H3724" t="s">
        <v>13</v>
      </c>
    </row>
    <row r="3725" spans="1:8" x14ac:dyDescent="0.25">
      <c r="A3725" s="1">
        <v>44275</v>
      </c>
      <c r="B3725" t="s">
        <v>2660</v>
      </c>
      <c r="C3725" t="s">
        <v>1153</v>
      </c>
      <c r="D3725" t="s">
        <v>10</v>
      </c>
      <c r="E3725" t="s">
        <v>11</v>
      </c>
      <c r="F3725" s="2">
        <v>1</v>
      </c>
      <c r="G3725" t="s">
        <v>181</v>
      </c>
      <c r="H3725" t="s">
        <v>13</v>
      </c>
    </row>
    <row r="3726" spans="1:8" x14ac:dyDescent="0.25">
      <c r="A3726" s="1">
        <v>44275</v>
      </c>
      <c r="B3726" t="s">
        <v>2660</v>
      </c>
      <c r="C3726" t="s">
        <v>47</v>
      </c>
      <c r="D3726" t="s">
        <v>10</v>
      </c>
      <c r="E3726" t="s">
        <v>11</v>
      </c>
      <c r="F3726" s="2">
        <v>1</v>
      </c>
      <c r="G3726" t="s">
        <v>181</v>
      </c>
      <c r="H3726" t="s">
        <v>13</v>
      </c>
    </row>
    <row r="3727" spans="1:8" x14ac:dyDescent="0.25">
      <c r="A3727" s="1">
        <v>44275</v>
      </c>
      <c r="B3727" t="s">
        <v>2660</v>
      </c>
      <c r="C3727" t="s">
        <v>271</v>
      </c>
      <c r="D3727" t="s">
        <v>10</v>
      </c>
      <c r="E3727" t="s">
        <v>11</v>
      </c>
      <c r="F3727" s="2">
        <v>1</v>
      </c>
      <c r="G3727" t="s">
        <v>181</v>
      </c>
      <c r="H3727" t="s">
        <v>13</v>
      </c>
    </row>
    <row r="3728" spans="1:8" x14ac:dyDescent="0.25">
      <c r="A3728" s="1">
        <v>44275</v>
      </c>
      <c r="B3728" t="s">
        <v>2660</v>
      </c>
      <c r="C3728" t="s">
        <v>151</v>
      </c>
      <c r="D3728" t="s">
        <v>10</v>
      </c>
      <c r="E3728" t="s">
        <v>11</v>
      </c>
      <c r="F3728" s="2">
        <v>1</v>
      </c>
      <c r="G3728" t="s">
        <v>181</v>
      </c>
      <c r="H3728" t="s">
        <v>13</v>
      </c>
    </row>
    <row r="3729" spans="1:8" x14ac:dyDescent="0.25">
      <c r="A3729" s="1">
        <v>44273</v>
      </c>
      <c r="B3729" t="s">
        <v>2661</v>
      </c>
      <c r="C3729" t="s">
        <v>79</v>
      </c>
      <c r="D3729" t="s">
        <v>10</v>
      </c>
      <c r="E3729" t="s">
        <v>11</v>
      </c>
      <c r="F3729" s="2">
        <v>1</v>
      </c>
      <c r="G3729" t="s">
        <v>20</v>
      </c>
      <c r="H3729" t="s">
        <v>13</v>
      </c>
    </row>
    <row r="3730" spans="1:8" x14ac:dyDescent="0.25">
      <c r="A3730" s="1">
        <v>44273</v>
      </c>
      <c r="B3730" t="s">
        <v>2661</v>
      </c>
      <c r="C3730" t="s">
        <v>80</v>
      </c>
      <c r="D3730" t="s">
        <v>10</v>
      </c>
      <c r="E3730" t="s">
        <v>11</v>
      </c>
      <c r="F3730" s="2">
        <v>1</v>
      </c>
      <c r="G3730" t="s">
        <v>20</v>
      </c>
      <c r="H3730" t="s">
        <v>13</v>
      </c>
    </row>
    <row r="3731" spans="1:8" x14ac:dyDescent="0.25">
      <c r="A3731" s="1">
        <v>44273</v>
      </c>
      <c r="B3731" t="s">
        <v>2662</v>
      </c>
      <c r="C3731" t="s">
        <v>9</v>
      </c>
      <c r="D3731" t="s">
        <v>10</v>
      </c>
      <c r="E3731" t="s">
        <v>11</v>
      </c>
      <c r="F3731" s="2">
        <v>1</v>
      </c>
      <c r="G3731" t="s">
        <v>2273</v>
      </c>
      <c r="H3731" t="s">
        <v>13</v>
      </c>
    </row>
    <row r="3732" spans="1:8" x14ac:dyDescent="0.25">
      <c r="A3732" s="1">
        <v>44272</v>
      </c>
      <c r="B3732" t="s">
        <v>2663</v>
      </c>
      <c r="C3732" t="s">
        <v>9</v>
      </c>
      <c r="D3732" t="s">
        <v>26</v>
      </c>
      <c r="E3732" t="s">
        <v>11</v>
      </c>
      <c r="F3732" s="2">
        <v>1</v>
      </c>
      <c r="G3732" t="s">
        <v>46</v>
      </c>
      <c r="H3732" t="s">
        <v>13</v>
      </c>
    </row>
    <row r="3733" spans="1:8" x14ac:dyDescent="0.25">
      <c r="A3733" s="1">
        <v>44272</v>
      </c>
      <c r="B3733" t="s">
        <v>2664</v>
      </c>
      <c r="C3733" t="s">
        <v>510</v>
      </c>
      <c r="D3733" t="s">
        <v>10</v>
      </c>
      <c r="E3733" t="s">
        <v>11</v>
      </c>
      <c r="F3733" s="2">
        <v>1</v>
      </c>
      <c r="G3733" t="s">
        <v>181</v>
      </c>
      <c r="H3733" t="s">
        <v>13</v>
      </c>
    </row>
    <row r="3734" spans="1:8" x14ac:dyDescent="0.25">
      <c r="A3734" s="1">
        <v>44272</v>
      </c>
      <c r="B3734" t="s">
        <v>2665</v>
      </c>
      <c r="C3734" t="s">
        <v>9</v>
      </c>
      <c r="D3734" t="s">
        <v>10</v>
      </c>
      <c r="E3734" t="s">
        <v>11</v>
      </c>
      <c r="F3734" s="2">
        <v>1</v>
      </c>
      <c r="G3734" t="s">
        <v>181</v>
      </c>
      <c r="H3734" t="s">
        <v>13</v>
      </c>
    </row>
    <row r="3735" spans="1:8" x14ac:dyDescent="0.25">
      <c r="A3735" s="1">
        <v>44272</v>
      </c>
      <c r="B3735" t="s">
        <v>2665</v>
      </c>
      <c r="C3735" t="s">
        <v>28</v>
      </c>
      <c r="D3735" t="s">
        <v>10</v>
      </c>
      <c r="E3735" t="s">
        <v>11</v>
      </c>
      <c r="F3735" s="2">
        <v>1</v>
      </c>
      <c r="G3735" t="s">
        <v>181</v>
      </c>
      <c r="H3735" t="s">
        <v>13</v>
      </c>
    </row>
    <row r="3736" spans="1:8" x14ac:dyDescent="0.25">
      <c r="A3736" s="1">
        <v>44272</v>
      </c>
      <c r="B3736" t="s">
        <v>2666</v>
      </c>
      <c r="C3736" t="s">
        <v>79</v>
      </c>
      <c r="D3736" t="s">
        <v>10</v>
      </c>
      <c r="E3736" t="s">
        <v>11</v>
      </c>
      <c r="F3736" s="2">
        <v>1</v>
      </c>
      <c r="G3736" t="s">
        <v>181</v>
      </c>
      <c r="H3736" t="s">
        <v>13</v>
      </c>
    </row>
    <row r="3737" spans="1:8" x14ac:dyDescent="0.25">
      <c r="A3737" s="1">
        <v>44272</v>
      </c>
      <c r="B3737" t="s">
        <v>2666</v>
      </c>
      <c r="C3737" t="s">
        <v>80</v>
      </c>
      <c r="D3737" t="s">
        <v>10</v>
      </c>
      <c r="E3737" t="s">
        <v>11</v>
      </c>
      <c r="F3737" s="2">
        <v>1</v>
      </c>
      <c r="G3737" t="s">
        <v>181</v>
      </c>
      <c r="H3737" t="s">
        <v>13</v>
      </c>
    </row>
    <row r="3738" spans="1:8" x14ac:dyDescent="0.25">
      <c r="A3738" s="1">
        <v>44272</v>
      </c>
      <c r="B3738" t="s">
        <v>2667</v>
      </c>
      <c r="C3738" t="s">
        <v>9</v>
      </c>
      <c r="D3738" t="s">
        <v>10</v>
      </c>
      <c r="E3738" t="s">
        <v>11</v>
      </c>
      <c r="F3738" s="2">
        <v>1</v>
      </c>
      <c r="G3738" t="s">
        <v>46</v>
      </c>
      <c r="H3738" t="s">
        <v>13</v>
      </c>
    </row>
    <row r="3739" spans="1:8" x14ac:dyDescent="0.25">
      <c r="A3739" s="1">
        <v>44272</v>
      </c>
      <c r="B3739" t="s">
        <v>2667</v>
      </c>
      <c r="C3739" t="s">
        <v>16</v>
      </c>
      <c r="D3739" t="s">
        <v>10</v>
      </c>
      <c r="E3739" t="s">
        <v>11</v>
      </c>
      <c r="F3739" s="2">
        <v>1</v>
      </c>
      <c r="G3739" t="s">
        <v>46</v>
      </c>
      <c r="H3739" t="s">
        <v>13</v>
      </c>
    </row>
    <row r="3740" spans="1:8" x14ac:dyDescent="0.25">
      <c r="A3740" s="1">
        <v>44272</v>
      </c>
      <c r="B3740" t="s">
        <v>2667</v>
      </c>
      <c r="C3740" t="s">
        <v>1353</v>
      </c>
      <c r="D3740" t="s">
        <v>10</v>
      </c>
      <c r="E3740" t="s">
        <v>11</v>
      </c>
      <c r="F3740" s="2">
        <v>1</v>
      </c>
      <c r="G3740" t="s">
        <v>46</v>
      </c>
      <c r="H3740" t="s">
        <v>13</v>
      </c>
    </row>
    <row r="3741" spans="1:8" x14ac:dyDescent="0.25">
      <c r="A3741" s="1">
        <v>44272</v>
      </c>
      <c r="B3741" t="s">
        <v>2668</v>
      </c>
      <c r="C3741" t="s">
        <v>1698</v>
      </c>
      <c r="D3741" t="s">
        <v>26</v>
      </c>
      <c r="E3741" t="s">
        <v>11</v>
      </c>
      <c r="F3741" s="2">
        <v>1</v>
      </c>
      <c r="G3741" t="s">
        <v>1133</v>
      </c>
      <c r="H3741" t="s">
        <v>13</v>
      </c>
    </row>
    <row r="3742" spans="1:8" x14ac:dyDescent="0.25">
      <c r="A3742" s="1">
        <v>44271</v>
      </c>
      <c r="B3742" t="s">
        <v>2669</v>
      </c>
      <c r="C3742" t="s">
        <v>29</v>
      </c>
      <c r="D3742" t="s">
        <v>10</v>
      </c>
      <c r="E3742" t="s">
        <v>11</v>
      </c>
      <c r="F3742" s="2">
        <v>1</v>
      </c>
      <c r="G3742" t="s">
        <v>24</v>
      </c>
      <c r="H3742" t="s">
        <v>13</v>
      </c>
    </row>
    <row r="3743" spans="1:8" x14ac:dyDescent="0.25">
      <c r="A3743" s="1">
        <v>44271</v>
      </c>
      <c r="B3743" t="s">
        <v>2669</v>
      </c>
      <c r="C3743" t="s">
        <v>1153</v>
      </c>
      <c r="D3743" t="s">
        <v>10</v>
      </c>
      <c r="E3743" t="s">
        <v>11</v>
      </c>
      <c r="F3743" s="2">
        <v>1</v>
      </c>
      <c r="G3743" t="s">
        <v>24</v>
      </c>
      <c r="H3743" t="s">
        <v>13</v>
      </c>
    </row>
    <row r="3744" spans="1:8" x14ac:dyDescent="0.25">
      <c r="A3744" s="1">
        <v>44269</v>
      </c>
      <c r="B3744" t="s">
        <v>2670</v>
      </c>
      <c r="C3744" t="s">
        <v>28</v>
      </c>
      <c r="D3744" t="s">
        <v>10</v>
      </c>
      <c r="E3744" t="s">
        <v>11</v>
      </c>
      <c r="F3744" s="2">
        <v>1</v>
      </c>
      <c r="G3744" t="s">
        <v>37</v>
      </c>
      <c r="H3744" t="s">
        <v>13</v>
      </c>
    </row>
    <row r="3745" spans="1:8" x14ac:dyDescent="0.25">
      <c r="A3745" s="1">
        <v>44269</v>
      </c>
      <c r="B3745" t="s">
        <v>2670</v>
      </c>
      <c r="C3745" t="s">
        <v>29</v>
      </c>
      <c r="D3745" t="s">
        <v>10</v>
      </c>
      <c r="E3745" t="s">
        <v>11</v>
      </c>
      <c r="F3745" s="2">
        <v>1</v>
      </c>
      <c r="G3745" t="s">
        <v>37</v>
      </c>
      <c r="H3745" t="s">
        <v>13</v>
      </c>
    </row>
    <row r="3746" spans="1:8" x14ac:dyDescent="0.25">
      <c r="A3746" s="1">
        <v>44269</v>
      </c>
      <c r="B3746" t="s">
        <v>2670</v>
      </c>
      <c r="C3746" t="s">
        <v>35</v>
      </c>
      <c r="D3746" t="s">
        <v>10</v>
      </c>
      <c r="E3746" t="s">
        <v>11</v>
      </c>
      <c r="F3746" s="2">
        <v>1</v>
      </c>
      <c r="G3746" t="s">
        <v>37</v>
      </c>
      <c r="H3746" t="s">
        <v>13</v>
      </c>
    </row>
    <row r="3747" spans="1:8" x14ac:dyDescent="0.25">
      <c r="A3747" s="1">
        <v>44269</v>
      </c>
      <c r="B3747" t="s">
        <v>2671</v>
      </c>
      <c r="C3747" t="s">
        <v>35</v>
      </c>
      <c r="D3747" t="s">
        <v>10</v>
      </c>
      <c r="E3747" t="s">
        <v>11</v>
      </c>
      <c r="F3747" s="2">
        <v>1</v>
      </c>
      <c r="G3747" t="s">
        <v>37</v>
      </c>
      <c r="H3747" t="s">
        <v>13</v>
      </c>
    </row>
    <row r="3748" spans="1:8" x14ac:dyDescent="0.25">
      <c r="A3748" s="1">
        <v>44268</v>
      </c>
      <c r="B3748" t="s">
        <v>2672</v>
      </c>
      <c r="C3748" t="s">
        <v>9</v>
      </c>
      <c r="D3748" t="s">
        <v>10</v>
      </c>
      <c r="E3748" t="s">
        <v>11</v>
      </c>
      <c r="F3748" s="2">
        <v>1</v>
      </c>
      <c r="G3748" t="s">
        <v>232</v>
      </c>
      <c r="H3748" t="s">
        <v>13</v>
      </c>
    </row>
    <row r="3749" spans="1:8" x14ac:dyDescent="0.25">
      <c r="A3749" s="1">
        <v>44268</v>
      </c>
      <c r="B3749" t="s">
        <v>2672</v>
      </c>
      <c r="C3749" t="s">
        <v>29</v>
      </c>
      <c r="D3749" t="s">
        <v>10</v>
      </c>
      <c r="E3749" t="s">
        <v>11</v>
      </c>
      <c r="F3749" s="2">
        <v>1</v>
      </c>
      <c r="G3749" t="s">
        <v>232</v>
      </c>
      <c r="H3749" t="s">
        <v>13</v>
      </c>
    </row>
    <row r="3750" spans="1:8" x14ac:dyDescent="0.25">
      <c r="A3750" s="1">
        <v>44267</v>
      </c>
      <c r="B3750" t="s">
        <v>2673</v>
      </c>
      <c r="C3750" t="s">
        <v>79</v>
      </c>
      <c r="D3750" t="s">
        <v>10</v>
      </c>
      <c r="E3750" t="s">
        <v>11</v>
      </c>
      <c r="F3750" s="2">
        <v>1</v>
      </c>
      <c r="G3750" t="s">
        <v>61</v>
      </c>
      <c r="H3750" t="s">
        <v>13</v>
      </c>
    </row>
    <row r="3751" spans="1:8" x14ac:dyDescent="0.25">
      <c r="A3751" s="1">
        <v>44267</v>
      </c>
      <c r="B3751" t="s">
        <v>2673</v>
      </c>
      <c r="C3751" t="s">
        <v>80</v>
      </c>
      <c r="D3751" t="s">
        <v>10</v>
      </c>
      <c r="E3751" t="s">
        <v>11</v>
      </c>
      <c r="F3751" s="2">
        <v>1</v>
      </c>
      <c r="G3751" t="s">
        <v>61</v>
      </c>
      <c r="H3751" t="s">
        <v>13</v>
      </c>
    </row>
    <row r="3752" spans="1:8" x14ac:dyDescent="0.25">
      <c r="A3752" s="1">
        <v>44267</v>
      </c>
      <c r="B3752" t="s">
        <v>2674</v>
      </c>
      <c r="C3752" t="s">
        <v>268</v>
      </c>
      <c r="D3752" t="s">
        <v>10</v>
      </c>
      <c r="E3752" t="s">
        <v>11</v>
      </c>
      <c r="F3752" s="2">
        <v>1</v>
      </c>
      <c r="G3752" t="s">
        <v>135</v>
      </c>
      <c r="H3752" t="s">
        <v>13</v>
      </c>
    </row>
    <row r="3753" spans="1:8" x14ac:dyDescent="0.25">
      <c r="A3753" s="1">
        <v>44267</v>
      </c>
      <c r="B3753" t="s">
        <v>2675</v>
      </c>
      <c r="C3753" t="s">
        <v>16</v>
      </c>
      <c r="D3753" t="s">
        <v>10</v>
      </c>
      <c r="E3753" t="s">
        <v>11</v>
      </c>
      <c r="F3753" s="2">
        <v>1</v>
      </c>
      <c r="G3753" t="s">
        <v>205</v>
      </c>
      <c r="H3753" t="s">
        <v>13</v>
      </c>
    </row>
    <row r="3754" spans="1:8" x14ac:dyDescent="0.25">
      <c r="A3754" s="1">
        <v>44266</v>
      </c>
      <c r="B3754" t="s">
        <v>2676</v>
      </c>
      <c r="C3754" t="s">
        <v>9</v>
      </c>
      <c r="D3754" t="s">
        <v>10</v>
      </c>
      <c r="E3754" t="s">
        <v>11</v>
      </c>
      <c r="F3754" s="2">
        <v>1</v>
      </c>
      <c r="G3754" t="s">
        <v>46</v>
      </c>
      <c r="H3754" t="s">
        <v>13</v>
      </c>
    </row>
    <row r="3755" spans="1:8" x14ac:dyDescent="0.25">
      <c r="A3755" s="1">
        <v>44266</v>
      </c>
      <c r="B3755" t="s">
        <v>2676</v>
      </c>
      <c r="C3755" t="s">
        <v>35</v>
      </c>
      <c r="D3755" t="s">
        <v>10</v>
      </c>
      <c r="E3755" t="s">
        <v>11</v>
      </c>
      <c r="F3755" s="2">
        <v>1</v>
      </c>
      <c r="G3755" t="s">
        <v>46</v>
      </c>
      <c r="H3755" t="s">
        <v>13</v>
      </c>
    </row>
    <row r="3756" spans="1:8" x14ac:dyDescent="0.25">
      <c r="A3756" s="1">
        <v>44266</v>
      </c>
      <c r="B3756" t="s">
        <v>2676</v>
      </c>
      <c r="C3756" t="s">
        <v>47</v>
      </c>
      <c r="D3756" t="s">
        <v>10</v>
      </c>
      <c r="E3756" t="s">
        <v>11</v>
      </c>
      <c r="F3756" s="2">
        <v>1</v>
      </c>
      <c r="G3756" t="s">
        <v>46</v>
      </c>
      <c r="H3756" t="s">
        <v>13</v>
      </c>
    </row>
    <row r="3757" spans="1:8" x14ac:dyDescent="0.25">
      <c r="A3757" s="1">
        <v>44266</v>
      </c>
      <c r="B3757" t="s">
        <v>2677</v>
      </c>
      <c r="C3757" t="s">
        <v>9</v>
      </c>
      <c r="D3757" t="s">
        <v>10</v>
      </c>
      <c r="E3757" t="s">
        <v>11</v>
      </c>
      <c r="F3757" s="2">
        <v>1</v>
      </c>
      <c r="G3757" t="s">
        <v>244</v>
      </c>
      <c r="H3757" t="s">
        <v>13</v>
      </c>
    </row>
    <row r="3758" spans="1:8" x14ac:dyDescent="0.25">
      <c r="A3758" s="1">
        <v>44266</v>
      </c>
      <c r="B3758" t="s">
        <v>2678</v>
      </c>
      <c r="C3758" t="s">
        <v>35</v>
      </c>
      <c r="D3758" t="s">
        <v>10</v>
      </c>
      <c r="E3758" t="s">
        <v>11</v>
      </c>
      <c r="F3758" s="2">
        <v>1</v>
      </c>
      <c r="G3758" t="s">
        <v>859</v>
      </c>
      <c r="H3758" t="s">
        <v>13</v>
      </c>
    </row>
    <row r="3759" spans="1:8" x14ac:dyDescent="0.25">
      <c r="A3759" s="1">
        <v>44266</v>
      </c>
      <c r="B3759" t="s">
        <v>2678</v>
      </c>
      <c r="C3759" t="s">
        <v>1153</v>
      </c>
      <c r="D3759" t="s">
        <v>10</v>
      </c>
      <c r="E3759" t="s">
        <v>11</v>
      </c>
      <c r="F3759" s="2">
        <v>1</v>
      </c>
      <c r="G3759" t="s">
        <v>859</v>
      </c>
      <c r="H3759" t="s">
        <v>13</v>
      </c>
    </row>
    <row r="3760" spans="1:8" x14ac:dyDescent="0.25">
      <c r="A3760" s="1">
        <v>44265</v>
      </c>
      <c r="B3760" t="s">
        <v>2679</v>
      </c>
      <c r="C3760" t="s">
        <v>9</v>
      </c>
      <c r="D3760" t="s">
        <v>10</v>
      </c>
      <c r="E3760" t="s">
        <v>11</v>
      </c>
      <c r="F3760" s="2">
        <v>1</v>
      </c>
      <c r="G3760" t="s">
        <v>24</v>
      </c>
      <c r="H3760" t="s">
        <v>13</v>
      </c>
    </row>
    <row r="3761" spans="1:8" x14ac:dyDescent="0.25">
      <c r="A3761" s="1">
        <v>44265</v>
      </c>
      <c r="B3761" t="s">
        <v>2679</v>
      </c>
      <c r="C3761" t="s">
        <v>28</v>
      </c>
      <c r="D3761" t="s">
        <v>10</v>
      </c>
      <c r="E3761" t="s">
        <v>11</v>
      </c>
      <c r="F3761" s="2">
        <v>1</v>
      </c>
      <c r="G3761" t="s">
        <v>24</v>
      </c>
      <c r="H3761" t="s">
        <v>13</v>
      </c>
    </row>
    <row r="3762" spans="1:8" x14ac:dyDescent="0.25">
      <c r="A3762" s="1">
        <v>44265</v>
      </c>
      <c r="B3762" t="s">
        <v>2679</v>
      </c>
      <c r="C3762" t="s">
        <v>29</v>
      </c>
      <c r="D3762" t="s">
        <v>10</v>
      </c>
      <c r="E3762" t="s">
        <v>11</v>
      </c>
      <c r="F3762" s="2">
        <v>1</v>
      </c>
      <c r="G3762" t="s">
        <v>24</v>
      </c>
      <c r="H3762" t="s">
        <v>13</v>
      </c>
    </row>
    <row r="3763" spans="1:8" x14ac:dyDescent="0.25">
      <c r="A3763" s="1">
        <v>44265</v>
      </c>
      <c r="B3763" t="s">
        <v>2679</v>
      </c>
      <c r="C3763" t="s">
        <v>35</v>
      </c>
      <c r="D3763" t="s">
        <v>10</v>
      </c>
      <c r="E3763" t="s">
        <v>11</v>
      </c>
      <c r="F3763" s="2">
        <v>1</v>
      </c>
      <c r="G3763" t="s">
        <v>24</v>
      </c>
      <c r="H3763" t="s">
        <v>13</v>
      </c>
    </row>
    <row r="3764" spans="1:8" x14ac:dyDescent="0.25">
      <c r="A3764" s="1">
        <v>44265</v>
      </c>
      <c r="B3764" t="s">
        <v>2680</v>
      </c>
      <c r="C3764" t="s">
        <v>1883</v>
      </c>
      <c r="D3764" t="s">
        <v>10</v>
      </c>
      <c r="E3764" t="s">
        <v>11</v>
      </c>
      <c r="F3764" s="2">
        <v>1</v>
      </c>
      <c r="G3764" t="s">
        <v>793</v>
      </c>
      <c r="H3764" t="s">
        <v>13</v>
      </c>
    </row>
    <row r="3765" spans="1:8" x14ac:dyDescent="0.25">
      <c r="A3765" s="1">
        <v>44263</v>
      </c>
      <c r="B3765" t="s">
        <v>2681</v>
      </c>
      <c r="C3765" t="s">
        <v>1517</v>
      </c>
      <c r="D3765" t="s">
        <v>10</v>
      </c>
      <c r="E3765" t="s">
        <v>11</v>
      </c>
      <c r="F3765" s="2">
        <v>1</v>
      </c>
      <c r="G3765" t="s">
        <v>636</v>
      </c>
      <c r="H3765" t="s">
        <v>13</v>
      </c>
    </row>
    <row r="3766" spans="1:8" x14ac:dyDescent="0.25">
      <c r="A3766" s="1">
        <v>44263</v>
      </c>
      <c r="B3766" t="s">
        <v>2681</v>
      </c>
      <c r="C3766" t="s">
        <v>16</v>
      </c>
      <c r="D3766" t="s">
        <v>10</v>
      </c>
      <c r="E3766" t="s">
        <v>11</v>
      </c>
      <c r="F3766" s="2">
        <v>1</v>
      </c>
      <c r="G3766" t="s">
        <v>636</v>
      </c>
      <c r="H3766" t="s">
        <v>13</v>
      </c>
    </row>
    <row r="3767" spans="1:8" x14ac:dyDescent="0.25">
      <c r="A3767" s="1">
        <v>44262</v>
      </c>
      <c r="B3767" t="s">
        <v>2682</v>
      </c>
      <c r="C3767" t="s">
        <v>9</v>
      </c>
      <c r="D3767" t="s">
        <v>10</v>
      </c>
      <c r="E3767" t="s">
        <v>11</v>
      </c>
      <c r="F3767" s="2">
        <v>1</v>
      </c>
      <c r="G3767" t="s">
        <v>2683</v>
      </c>
      <c r="H3767" t="s">
        <v>13</v>
      </c>
    </row>
    <row r="3768" spans="1:8" x14ac:dyDescent="0.25">
      <c r="A3768" s="1">
        <v>44261</v>
      </c>
      <c r="B3768" t="s">
        <v>2684</v>
      </c>
      <c r="C3768" t="s">
        <v>9</v>
      </c>
      <c r="D3768" t="s">
        <v>10</v>
      </c>
      <c r="E3768" t="s">
        <v>11</v>
      </c>
      <c r="F3768" s="2">
        <v>1</v>
      </c>
      <c r="G3768" t="s">
        <v>72</v>
      </c>
      <c r="H3768" t="s">
        <v>13</v>
      </c>
    </row>
    <row r="3769" spans="1:8" x14ac:dyDescent="0.25">
      <c r="A3769" s="1">
        <v>44261</v>
      </c>
      <c r="B3769" t="s">
        <v>2685</v>
      </c>
      <c r="C3769" t="s">
        <v>9</v>
      </c>
      <c r="D3769" t="s">
        <v>10</v>
      </c>
      <c r="E3769" t="s">
        <v>11</v>
      </c>
      <c r="F3769" s="2">
        <v>1</v>
      </c>
      <c r="G3769" t="s">
        <v>53</v>
      </c>
      <c r="H3769" t="s">
        <v>13</v>
      </c>
    </row>
    <row r="3770" spans="1:8" x14ac:dyDescent="0.25">
      <c r="A3770" s="1">
        <v>44260</v>
      </c>
      <c r="B3770" t="s">
        <v>2686</v>
      </c>
      <c r="C3770" t="s">
        <v>9</v>
      </c>
      <c r="D3770" t="s">
        <v>10</v>
      </c>
      <c r="E3770" t="s">
        <v>11</v>
      </c>
      <c r="F3770" s="2">
        <v>1</v>
      </c>
      <c r="G3770" t="s">
        <v>77</v>
      </c>
      <c r="H3770" t="s">
        <v>13</v>
      </c>
    </row>
    <row r="3771" spans="1:8" x14ac:dyDescent="0.25">
      <c r="A3771" s="1">
        <v>44260</v>
      </c>
      <c r="B3771" t="s">
        <v>2686</v>
      </c>
      <c r="C3771" t="s">
        <v>1236</v>
      </c>
      <c r="D3771" t="s">
        <v>10</v>
      </c>
      <c r="E3771" t="s">
        <v>11</v>
      </c>
      <c r="F3771" s="2">
        <v>1</v>
      </c>
      <c r="G3771" t="s">
        <v>77</v>
      </c>
      <c r="H3771" t="s">
        <v>13</v>
      </c>
    </row>
    <row r="3772" spans="1:8" x14ac:dyDescent="0.25">
      <c r="A3772" s="1">
        <v>44260</v>
      </c>
      <c r="B3772" t="s">
        <v>2686</v>
      </c>
      <c r="C3772" t="s">
        <v>35</v>
      </c>
      <c r="D3772" t="s">
        <v>10</v>
      </c>
      <c r="E3772" t="s">
        <v>11</v>
      </c>
      <c r="F3772" s="2">
        <v>1</v>
      </c>
      <c r="G3772" t="s">
        <v>77</v>
      </c>
      <c r="H3772" t="s">
        <v>13</v>
      </c>
    </row>
    <row r="3773" spans="1:8" x14ac:dyDescent="0.25">
      <c r="A3773" s="1">
        <v>44260</v>
      </c>
      <c r="B3773" t="s">
        <v>2687</v>
      </c>
      <c r="C3773" t="s">
        <v>86</v>
      </c>
      <c r="D3773" t="s">
        <v>10</v>
      </c>
      <c r="E3773" t="s">
        <v>11</v>
      </c>
      <c r="F3773" s="2">
        <v>1</v>
      </c>
      <c r="G3773" t="s">
        <v>46</v>
      </c>
      <c r="H3773" t="s">
        <v>13</v>
      </c>
    </row>
    <row r="3774" spans="1:8" x14ac:dyDescent="0.25">
      <c r="A3774" s="1">
        <v>44259</v>
      </c>
      <c r="B3774" t="s">
        <v>2688</v>
      </c>
      <c r="C3774" t="s">
        <v>9</v>
      </c>
      <c r="D3774" t="s">
        <v>10</v>
      </c>
      <c r="E3774" t="s">
        <v>11</v>
      </c>
      <c r="F3774" s="2">
        <v>1</v>
      </c>
      <c r="G3774" t="s">
        <v>100</v>
      </c>
      <c r="H3774" t="s">
        <v>13</v>
      </c>
    </row>
    <row r="3775" spans="1:8" x14ac:dyDescent="0.25">
      <c r="A3775" s="1">
        <v>44259</v>
      </c>
      <c r="B3775" t="s">
        <v>2688</v>
      </c>
      <c r="C3775" t="s">
        <v>28</v>
      </c>
      <c r="D3775" t="s">
        <v>10</v>
      </c>
      <c r="E3775" t="s">
        <v>11</v>
      </c>
      <c r="F3775" s="2">
        <v>1</v>
      </c>
      <c r="G3775" t="s">
        <v>100</v>
      </c>
      <c r="H3775" t="s">
        <v>13</v>
      </c>
    </row>
    <row r="3776" spans="1:8" x14ac:dyDescent="0.25">
      <c r="A3776" s="1">
        <v>44258</v>
      </c>
      <c r="B3776" t="s">
        <v>2689</v>
      </c>
      <c r="C3776" t="s">
        <v>9</v>
      </c>
      <c r="D3776" t="s">
        <v>10</v>
      </c>
      <c r="E3776" t="s">
        <v>11</v>
      </c>
      <c r="F3776" s="2">
        <v>1</v>
      </c>
      <c r="G3776" t="s">
        <v>137</v>
      </c>
      <c r="H3776" t="s">
        <v>13</v>
      </c>
    </row>
    <row r="3777" spans="1:8" x14ac:dyDescent="0.25">
      <c r="A3777" s="1">
        <v>44258</v>
      </c>
      <c r="B3777" t="s">
        <v>2690</v>
      </c>
      <c r="C3777" t="s">
        <v>9</v>
      </c>
      <c r="D3777" t="s">
        <v>10</v>
      </c>
      <c r="E3777" t="s">
        <v>11</v>
      </c>
      <c r="F3777" s="2">
        <v>1</v>
      </c>
      <c r="G3777" t="s">
        <v>953</v>
      </c>
      <c r="H3777" t="s">
        <v>13</v>
      </c>
    </row>
    <row r="3778" spans="1:8" x14ac:dyDescent="0.25">
      <c r="A3778" s="1">
        <v>44258</v>
      </c>
      <c r="B3778" t="s">
        <v>2691</v>
      </c>
      <c r="C3778" t="s">
        <v>79</v>
      </c>
      <c r="D3778" t="s">
        <v>10</v>
      </c>
      <c r="E3778" t="s">
        <v>11</v>
      </c>
      <c r="F3778" s="2">
        <v>1</v>
      </c>
      <c r="G3778" t="s">
        <v>100</v>
      </c>
      <c r="H3778" t="s">
        <v>13</v>
      </c>
    </row>
    <row r="3779" spans="1:8" x14ac:dyDescent="0.25">
      <c r="A3779" s="1">
        <v>44258</v>
      </c>
      <c r="B3779" t="s">
        <v>2691</v>
      </c>
      <c r="C3779" t="s">
        <v>80</v>
      </c>
      <c r="D3779" t="s">
        <v>10</v>
      </c>
      <c r="E3779" t="s">
        <v>11</v>
      </c>
      <c r="F3779" s="2">
        <v>1</v>
      </c>
      <c r="G3779" t="s">
        <v>100</v>
      </c>
      <c r="H3779" t="s">
        <v>13</v>
      </c>
    </row>
    <row r="3780" spans="1:8" x14ac:dyDescent="0.25">
      <c r="A3780" s="1">
        <v>44257</v>
      </c>
      <c r="B3780" t="s">
        <v>2692</v>
      </c>
      <c r="C3780" t="s">
        <v>9</v>
      </c>
      <c r="D3780" t="s">
        <v>10</v>
      </c>
      <c r="E3780" t="s">
        <v>11</v>
      </c>
      <c r="F3780" s="2">
        <v>1</v>
      </c>
      <c r="G3780" t="s">
        <v>244</v>
      </c>
      <c r="H3780" t="s">
        <v>13</v>
      </c>
    </row>
    <row r="3781" spans="1:8" x14ac:dyDescent="0.25">
      <c r="A3781" s="1">
        <v>44257</v>
      </c>
      <c r="B3781" t="s">
        <v>2692</v>
      </c>
      <c r="C3781" t="s">
        <v>86</v>
      </c>
      <c r="D3781" t="s">
        <v>10</v>
      </c>
      <c r="E3781" t="s">
        <v>11</v>
      </c>
      <c r="F3781" s="2">
        <v>1</v>
      </c>
      <c r="G3781" t="s">
        <v>244</v>
      </c>
      <c r="H3781" t="s">
        <v>13</v>
      </c>
    </row>
    <row r="3782" spans="1:8" x14ac:dyDescent="0.25">
      <c r="A3782" s="1">
        <v>44257</v>
      </c>
      <c r="B3782" t="s">
        <v>2693</v>
      </c>
      <c r="C3782" t="s">
        <v>47</v>
      </c>
      <c r="D3782" t="s">
        <v>10</v>
      </c>
      <c r="E3782" t="s">
        <v>11</v>
      </c>
      <c r="F3782" s="2">
        <v>1</v>
      </c>
      <c r="G3782" t="s">
        <v>20</v>
      </c>
      <c r="H3782" t="s">
        <v>13</v>
      </c>
    </row>
    <row r="3783" spans="1:8" x14ac:dyDescent="0.25">
      <c r="A3783" s="1">
        <v>44257</v>
      </c>
      <c r="B3783" t="s">
        <v>2694</v>
      </c>
      <c r="C3783" t="s">
        <v>174</v>
      </c>
      <c r="D3783" t="s">
        <v>10</v>
      </c>
      <c r="E3783" t="s">
        <v>11</v>
      </c>
      <c r="F3783" s="2">
        <v>1</v>
      </c>
      <c r="G3783" t="s">
        <v>20</v>
      </c>
      <c r="H3783" t="s">
        <v>13</v>
      </c>
    </row>
    <row r="3784" spans="1:8" x14ac:dyDescent="0.25">
      <c r="A3784" s="1">
        <v>44256</v>
      </c>
      <c r="B3784" t="s">
        <v>2695</v>
      </c>
      <c r="C3784" t="s">
        <v>610</v>
      </c>
      <c r="D3784" t="s">
        <v>10</v>
      </c>
      <c r="E3784" t="s">
        <v>11</v>
      </c>
      <c r="F3784" s="2">
        <v>1</v>
      </c>
      <c r="G3784" t="s">
        <v>492</v>
      </c>
      <c r="H3784" t="s">
        <v>13</v>
      </c>
    </row>
    <row r="3785" spans="1:8" x14ac:dyDescent="0.25">
      <c r="A3785" s="1">
        <v>44256</v>
      </c>
      <c r="B3785" t="s">
        <v>2695</v>
      </c>
      <c r="C3785" t="s">
        <v>1082</v>
      </c>
      <c r="D3785" t="s">
        <v>10</v>
      </c>
      <c r="E3785" t="s">
        <v>11</v>
      </c>
      <c r="F3785" s="2">
        <v>1</v>
      </c>
      <c r="G3785" t="s">
        <v>492</v>
      </c>
      <c r="H3785" t="s">
        <v>13</v>
      </c>
    </row>
    <row r="3786" spans="1:8" x14ac:dyDescent="0.25">
      <c r="A3786" s="1">
        <v>44256</v>
      </c>
      <c r="B3786" t="s">
        <v>2696</v>
      </c>
      <c r="C3786" t="s">
        <v>35</v>
      </c>
      <c r="D3786" t="s">
        <v>10</v>
      </c>
      <c r="E3786" t="s">
        <v>11</v>
      </c>
      <c r="F3786" s="2">
        <v>1</v>
      </c>
      <c r="G3786" t="s">
        <v>61</v>
      </c>
      <c r="H3786" t="s">
        <v>13</v>
      </c>
    </row>
    <row r="3787" spans="1:8" x14ac:dyDescent="0.25">
      <c r="A3787" s="1">
        <v>44256</v>
      </c>
      <c r="B3787" t="s">
        <v>2696</v>
      </c>
      <c r="C3787" t="s">
        <v>2697</v>
      </c>
      <c r="D3787" t="s">
        <v>10</v>
      </c>
      <c r="E3787" t="s">
        <v>11</v>
      </c>
      <c r="F3787" s="2">
        <v>1</v>
      </c>
      <c r="G3787" t="s">
        <v>61</v>
      </c>
      <c r="H3787" t="s">
        <v>13</v>
      </c>
    </row>
    <row r="3788" spans="1:8" x14ac:dyDescent="0.25">
      <c r="A3788" s="1">
        <v>44256</v>
      </c>
      <c r="B3788" t="s">
        <v>2698</v>
      </c>
      <c r="C3788" t="s">
        <v>174</v>
      </c>
      <c r="D3788" t="s">
        <v>10</v>
      </c>
      <c r="E3788" t="s">
        <v>11</v>
      </c>
      <c r="F3788" s="2">
        <v>1</v>
      </c>
      <c r="G3788" t="s">
        <v>205</v>
      </c>
      <c r="H3788" t="s">
        <v>13</v>
      </c>
    </row>
    <row r="3789" spans="1:8" x14ac:dyDescent="0.25">
      <c r="A3789" s="1">
        <v>44255</v>
      </c>
      <c r="B3789" t="s">
        <v>2699</v>
      </c>
      <c r="C3789" t="s">
        <v>9</v>
      </c>
      <c r="D3789" t="s">
        <v>10</v>
      </c>
      <c r="E3789" t="s">
        <v>11</v>
      </c>
      <c r="F3789" s="2">
        <v>1</v>
      </c>
      <c r="G3789" t="s">
        <v>100</v>
      </c>
      <c r="H3789" t="s">
        <v>13</v>
      </c>
    </row>
    <row r="3790" spans="1:8" x14ac:dyDescent="0.25">
      <c r="A3790" s="1">
        <v>44253</v>
      </c>
      <c r="B3790" t="s">
        <v>2700</v>
      </c>
      <c r="C3790" t="s">
        <v>79</v>
      </c>
      <c r="D3790" t="s">
        <v>10</v>
      </c>
      <c r="E3790" t="s">
        <v>11</v>
      </c>
      <c r="F3790" s="2">
        <v>1</v>
      </c>
      <c r="G3790" t="s">
        <v>181</v>
      </c>
      <c r="H3790" t="s">
        <v>13</v>
      </c>
    </row>
    <row r="3791" spans="1:8" x14ac:dyDescent="0.25">
      <c r="A3791" s="1">
        <v>44253</v>
      </c>
      <c r="B3791" t="s">
        <v>2700</v>
      </c>
      <c r="C3791" t="s">
        <v>80</v>
      </c>
      <c r="D3791" t="s">
        <v>10</v>
      </c>
      <c r="E3791" t="s">
        <v>11</v>
      </c>
      <c r="F3791" s="2">
        <v>1</v>
      </c>
      <c r="G3791" t="s">
        <v>181</v>
      </c>
      <c r="H3791" t="s">
        <v>13</v>
      </c>
    </row>
    <row r="3792" spans="1:8" x14ac:dyDescent="0.25">
      <c r="A3792" s="1">
        <v>44252</v>
      </c>
      <c r="B3792" t="s">
        <v>2701</v>
      </c>
      <c r="C3792" t="s">
        <v>79</v>
      </c>
      <c r="D3792" t="s">
        <v>10</v>
      </c>
      <c r="E3792" t="s">
        <v>11</v>
      </c>
      <c r="F3792" s="2">
        <v>1</v>
      </c>
      <c r="G3792" t="s">
        <v>137</v>
      </c>
      <c r="H3792" t="s">
        <v>13</v>
      </c>
    </row>
    <row r="3793" spans="1:8" x14ac:dyDescent="0.25">
      <c r="A3793" s="1">
        <v>44252</v>
      </c>
      <c r="B3793" t="s">
        <v>2701</v>
      </c>
      <c r="C3793" t="s">
        <v>80</v>
      </c>
      <c r="D3793" t="s">
        <v>10</v>
      </c>
      <c r="E3793" t="s">
        <v>11</v>
      </c>
      <c r="F3793" s="2">
        <v>1</v>
      </c>
      <c r="G3793" t="s">
        <v>137</v>
      </c>
      <c r="H3793" t="s">
        <v>13</v>
      </c>
    </row>
    <row r="3794" spans="1:8" x14ac:dyDescent="0.25">
      <c r="A3794" s="1">
        <v>44251</v>
      </c>
      <c r="B3794" t="s">
        <v>2702</v>
      </c>
      <c r="C3794" t="s">
        <v>9</v>
      </c>
      <c r="D3794" t="s">
        <v>10</v>
      </c>
      <c r="E3794" t="s">
        <v>11</v>
      </c>
      <c r="F3794" s="2">
        <v>1</v>
      </c>
      <c r="G3794" t="s">
        <v>197</v>
      </c>
      <c r="H3794" t="s">
        <v>13</v>
      </c>
    </row>
    <row r="3795" spans="1:8" x14ac:dyDescent="0.25">
      <c r="A3795" s="1">
        <v>44251</v>
      </c>
      <c r="B3795" t="s">
        <v>2702</v>
      </c>
      <c r="C3795" t="s">
        <v>416</v>
      </c>
      <c r="D3795" t="s">
        <v>10</v>
      </c>
      <c r="E3795" t="s">
        <v>11</v>
      </c>
      <c r="F3795" s="2">
        <v>1</v>
      </c>
      <c r="G3795" t="s">
        <v>197</v>
      </c>
      <c r="H3795" t="s">
        <v>13</v>
      </c>
    </row>
    <row r="3796" spans="1:8" x14ac:dyDescent="0.25">
      <c r="A3796" s="1">
        <v>44251</v>
      </c>
      <c r="B3796" t="s">
        <v>2703</v>
      </c>
      <c r="C3796" t="s">
        <v>9</v>
      </c>
      <c r="D3796" t="s">
        <v>10</v>
      </c>
      <c r="E3796" t="s">
        <v>11</v>
      </c>
      <c r="F3796" s="2">
        <v>1</v>
      </c>
      <c r="G3796" t="s">
        <v>63</v>
      </c>
      <c r="H3796" t="s">
        <v>13</v>
      </c>
    </row>
    <row r="3797" spans="1:8" x14ac:dyDescent="0.25">
      <c r="A3797" s="1">
        <v>44250</v>
      </c>
      <c r="B3797" t="s">
        <v>2704</v>
      </c>
      <c r="C3797" t="s">
        <v>9</v>
      </c>
      <c r="D3797" t="s">
        <v>26</v>
      </c>
      <c r="E3797" t="s">
        <v>11</v>
      </c>
      <c r="F3797" s="2">
        <v>1</v>
      </c>
      <c r="G3797" t="s">
        <v>100</v>
      </c>
      <c r="H3797" t="s">
        <v>13</v>
      </c>
    </row>
    <row r="3798" spans="1:8" x14ac:dyDescent="0.25">
      <c r="A3798" s="1">
        <v>44250</v>
      </c>
      <c r="B3798" t="s">
        <v>2705</v>
      </c>
      <c r="C3798" t="s">
        <v>9</v>
      </c>
      <c r="D3798" t="s">
        <v>10</v>
      </c>
      <c r="E3798" t="s">
        <v>11</v>
      </c>
      <c r="F3798" s="2">
        <v>1</v>
      </c>
      <c r="G3798" t="s">
        <v>374</v>
      </c>
      <c r="H3798" t="s">
        <v>13</v>
      </c>
    </row>
    <row r="3799" spans="1:8" x14ac:dyDescent="0.25">
      <c r="A3799" s="1">
        <v>44250</v>
      </c>
      <c r="B3799" t="s">
        <v>2706</v>
      </c>
      <c r="C3799" t="s">
        <v>9</v>
      </c>
      <c r="D3799" t="s">
        <v>10</v>
      </c>
      <c r="E3799" t="s">
        <v>11</v>
      </c>
      <c r="F3799" s="2">
        <v>1</v>
      </c>
      <c r="G3799" t="s">
        <v>72</v>
      </c>
      <c r="H3799" t="s">
        <v>13</v>
      </c>
    </row>
    <row r="3800" spans="1:8" x14ac:dyDescent="0.25">
      <c r="A3800" s="1">
        <v>44250</v>
      </c>
      <c r="B3800" t="s">
        <v>2706</v>
      </c>
      <c r="C3800" t="s">
        <v>29</v>
      </c>
      <c r="D3800" t="s">
        <v>10</v>
      </c>
      <c r="E3800" t="s">
        <v>11</v>
      </c>
      <c r="F3800" s="2">
        <v>1</v>
      </c>
      <c r="G3800" t="s">
        <v>72</v>
      </c>
      <c r="H3800" t="s">
        <v>13</v>
      </c>
    </row>
    <row r="3801" spans="1:8" x14ac:dyDescent="0.25">
      <c r="A3801" s="1">
        <v>44250</v>
      </c>
      <c r="B3801" t="s">
        <v>2706</v>
      </c>
      <c r="C3801" t="s">
        <v>35</v>
      </c>
      <c r="D3801" t="s">
        <v>10</v>
      </c>
      <c r="E3801" t="s">
        <v>11</v>
      </c>
      <c r="F3801" s="2">
        <v>1</v>
      </c>
      <c r="G3801" t="s">
        <v>72</v>
      </c>
      <c r="H3801" t="s">
        <v>13</v>
      </c>
    </row>
    <row r="3802" spans="1:8" x14ac:dyDescent="0.25">
      <c r="A3802" s="1">
        <v>44249</v>
      </c>
      <c r="B3802" t="s">
        <v>2707</v>
      </c>
      <c r="C3802" t="s">
        <v>9</v>
      </c>
      <c r="D3802" t="s">
        <v>10</v>
      </c>
      <c r="E3802" t="s">
        <v>11</v>
      </c>
      <c r="F3802" s="2">
        <v>1</v>
      </c>
      <c r="G3802" t="s">
        <v>20</v>
      </c>
      <c r="H3802" t="s">
        <v>13</v>
      </c>
    </row>
    <row r="3803" spans="1:8" x14ac:dyDescent="0.25">
      <c r="A3803" s="1">
        <v>44249</v>
      </c>
      <c r="B3803" t="s">
        <v>2707</v>
      </c>
      <c r="C3803" t="s">
        <v>35</v>
      </c>
      <c r="D3803" t="s">
        <v>10</v>
      </c>
      <c r="E3803" t="s">
        <v>11</v>
      </c>
      <c r="F3803" s="2">
        <v>1</v>
      </c>
      <c r="G3803" t="s">
        <v>20</v>
      </c>
      <c r="H3803" t="s">
        <v>13</v>
      </c>
    </row>
    <row r="3804" spans="1:8" x14ac:dyDescent="0.25">
      <c r="A3804" s="1">
        <v>44249</v>
      </c>
      <c r="B3804" t="s">
        <v>2708</v>
      </c>
      <c r="C3804" t="s">
        <v>9</v>
      </c>
      <c r="D3804" t="s">
        <v>10</v>
      </c>
      <c r="E3804" t="s">
        <v>11</v>
      </c>
      <c r="F3804" s="2">
        <v>1</v>
      </c>
      <c r="G3804" t="s">
        <v>31</v>
      </c>
      <c r="H3804" t="s">
        <v>13</v>
      </c>
    </row>
    <row r="3805" spans="1:8" x14ac:dyDescent="0.25">
      <c r="A3805" s="1">
        <v>44249</v>
      </c>
      <c r="B3805" t="s">
        <v>2708</v>
      </c>
      <c r="C3805" t="s">
        <v>29</v>
      </c>
      <c r="D3805" t="s">
        <v>10</v>
      </c>
      <c r="E3805" t="s">
        <v>11</v>
      </c>
      <c r="F3805" s="2">
        <v>1</v>
      </c>
      <c r="G3805" t="s">
        <v>31</v>
      </c>
      <c r="H3805" t="s">
        <v>13</v>
      </c>
    </row>
    <row r="3806" spans="1:8" x14ac:dyDescent="0.25">
      <c r="A3806" s="1">
        <v>44249</v>
      </c>
      <c r="B3806" t="s">
        <v>2708</v>
      </c>
      <c r="C3806" t="s">
        <v>35</v>
      </c>
      <c r="D3806" t="s">
        <v>10</v>
      </c>
      <c r="E3806" t="s">
        <v>11</v>
      </c>
      <c r="F3806" s="2">
        <v>1</v>
      </c>
      <c r="G3806" t="s">
        <v>31</v>
      </c>
      <c r="H3806" t="s">
        <v>13</v>
      </c>
    </row>
    <row r="3807" spans="1:8" x14ac:dyDescent="0.25">
      <c r="A3807" s="1">
        <v>44247</v>
      </c>
      <c r="B3807" t="s">
        <v>2709</v>
      </c>
      <c r="C3807" t="s">
        <v>9</v>
      </c>
      <c r="D3807" t="s">
        <v>10</v>
      </c>
      <c r="E3807" t="s">
        <v>11</v>
      </c>
      <c r="F3807" s="2">
        <v>1</v>
      </c>
      <c r="G3807" t="s">
        <v>46</v>
      </c>
      <c r="H3807" t="s">
        <v>13</v>
      </c>
    </row>
    <row r="3808" spans="1:8" x14ac:dyDescent="0.25">
      <c r="A3808" s="1">
        <v>44247</v>
      </c>
      <c r="B3808" t="s">
        <v>2709</v>
      </c>
      <c r="C3808" t="s">
        <v>416</v>
      </c>
      <c r="D3808" t="s">
        <v>10</v>
      </c>
      <c r="E3808" t="s">
        <v>11</v>
      </c>
      <c r="F3808" s="2">
        <v>1</v>
      </c>
      <c r="G3808" t="s">
        <v>46</v>
      </c>
      <c r="H3808" t="s">
        <v>13</v>
      </c>
    </row>
    <row r="3809" spans="1:8" x14ac:dyDescent="0.25">
      <c r="A3809" s="1">
        <v>44247</v>
      </c>
      <c r="B3809" t="s">
        <v>2710</v>
      </c>
      <c r="C3809" t="s">
        <v>2313</v>
      </c>
      <c r="D3809" t="s">
        <v>10</v>
      </c>
      <c r="E3809" t="s">
        <v>11</v>
      </c>
      <c r="F3809" s="2">
        <v>1</v>
      </c>
      <c r="G3809" t="s">
        <v>557</v>
      </c>
      <c r="H3809" t="s">
        <v>13</v>
      </c>
    </row>
    <row r="3810" spans="1:8" x14ac:dyDescent="0.25">
      <c r="A3810" s="1">
        <v>44247</v>
      </c>
      <c r="B3810" t="s">
        <v>2711</v>
      </c>
      <c r="C3810" t="s">
        <v>47</v>
      </c>
      <c r="D3810" t="s">
        <v>10</v>
      </c>
      <c r="E3810" t="s">
        <v>11</v>
      </c>
      <c r="F3810" s="2">
        <v>1</v>
      </c>
      <c r="G3810" t="s">
        <v>244</v>
      </c>
      <c r="H3810" t="s">
        <v>13</v>
      </c>
    </row>
    <row r="3811" spans="1:8" x14ac:dyDescent="0.25">
      <c r="A3811" s="1">
        <v>44247</v>
      </c>
      <c r="B3811" t="s">
        <v>2712</v>
      </c>
      <c r="C3811" t="s">
        <v>9</v>
      </c>
      <c r="D3811" t="s">
        <v>10</v>
      </c>
      <c r="E3811" t="s">
        <v>11</v>
      </c>
      <c r="F3811" s="2">
        <v>1</v>
      </c>
      <c r="G3811" t="s">
        <v>1263</v>
      </c>
      <c r="H3811" t="s">
        <v>13</v>
      </c>
    </row>
    <row r="3812" spans="1:8" x14ac:dyDescent="0.25">
      <c r="A3812" s="1">
        <v>44245</v>
      </c>
      <c r="B3812" t="s">
        <v>2713</v>
      </c>
      <c r="C3812" t="s">
        <v>79</v>
      </c>
      <c r="D3812" t="s">
        <v>10</v>
      </c>
      <c r="E3812" t="s">
        <v>11</v>
      </c>
      <c r="F3812" s="2">
        <v>1</v>
      </c>
      <c r="G3812" t="s">
        <v>137</v>
      </c>
      <c r="H3812" t="s">
        <v>13</v>
      </c>
    </row>
    <row r="3813" spans="1:8" x14ac:dyDescent="0.25">
      <c r="A3813" s="1">
        <v>44245</v>
      </c>
      <c r="B3813" t="s">
        <v>2714</v>
      </c>
      <c r="C3813" t="s">
        <v>19</v>
      </c>
      <c r="D3813" t="s">
        <v>10</v>
      </c>
      <c r="E3813" t="s">
        <v>11</v>
      </c>
      <c r="F3813" s="2">
        <v>1</v>
      </c>
      <c r="G3813" t="s">
        <v>20</v>
      </c>
      <c r="H3813" t="s">
        <v>13</v>
      </c>
    </row>
    <row r="3814" spans="1:8" x14ac:dyDescent="0.25">
      <c r="A3814" s="1">
        <v>44245</v>
      </c>
      <c r="B3814" t="s">
        <v>2715</v>
      </c>
      <c r="C3814" t="s">
        <v>9</v>
      </c>
      <c r="D3814" t="s">
        <v>10</v>
      </c>
      <c r="E3814" t="s">
        <v>11</v>
      </c>
      <c r="F3814" s="2">
        <v>1</v>
      </c>
      <c r="G3814" t="s">
        <v>20</v>
      </c>
      <c r="H3814" t="s">
        <v>13</v>
      </c>
    </row>
    <row r="3815" spans="1:8" x14ac:dyDescent="0.25">
      <c r="A3815" s="1">
        <v>44245</v>
      </c>
      <c r="B3815" t="s">
        <v>2715</v>
      </c>
      <c r="C3815" t="s">
        <v>35</v>
      </c>
      <c r="D3815" t="s">
        <v>10</v>
      </c>
      <c r="E3815" t="s">
        <v>11</v>
      </c>
      <c r="F3815" s="2">
        <v>1</v>
      </c>
      <c r="G3815" t="s">
        <v>20</v>
      </c>
      <c r="H3815" t="s">
        <v>13</v>
      </c>
    </row>
    <row r="3816" spans="1:8" x14ac:dyDescent="0.25">
      <c r="A3816" s="1">
        <v>44245</v>
      </c>
      <c r="B3816" t="s">
        <v>2715</v>
      </c>
      <c r="C3816" t="s">
        <v>47</v>
      </c>
      <c r="D3816" t="s">
        <v>10</v>
      </c>
      <c r="E3816" t="s">
        <v>11</v>
      </c>
      <c r="F3816" s="2">
        <v>1</v>
      </c>
      <c r="G3816" t="s">
        <v>20</v>
      </c>
      <c r="H3816" t="s">
        <v>13</v>
      </c>
    </row>
    <row r="3817" spans="1:8" x14ac:dyDescent="0.25">
      <c r="A3817" s="1">
        <v>44244</v>
      </c>
      <c r="B3817" t="s">
        <v>2716</v>
      </c>
      <c r="C3817" t="s">
        <v>47</v>
      </c>
      <c r="D3817" t="s">
        <v>10</v>
      </c>
      <c r="E3817" t="s">
        <v>11</v>
      </c>
      <c r="F3817" s="2">
        <v>1</v>
      </c>
      <c r="G3817" t="s">
        <v>100</v>
      </c>
      <c r="H3817" t="s">
        <v>13</v>
      </c>
    </row>
    <row r="3818" spans="1:8" x14ac:dyDescent="0.25">
      <c r="A3818" s="1">
        <v>44244</v>
      </c>
      <c r="B3818" t="s">
        <v>2716</v>
      </c>
      <c r="C3818" t="s">
        <v>47</v>
      </c>
      <c r="D3818" t="s">
        <v>10</v>
      </c>
      <c r="E3818" t="s">
        <v>11</v>
      </c>
      <c r="F3818" s="2">
        <v>1</v>
      </c>
      <c r="G3818" t="s">
        <v>100</v>
      </c>
      <c r="H3818" t="s">
        <v>13</v>
      </c>
    </row>
    <row r="3819" spans="1:8" x14ac:dyDescent="0.25">
      <c r="A3819" s="1">
        <v>44244</v>
      </c>
      <c r="B3819" t="s">
        <v>2716</v>
      </c>
      <c r="C3819" t="s">
        <v>379</v>
      </c>
      <c r="D3819" t="s">
        <v>10</v>
      </c>
      <c r="E3819" t="s">
        <v>11</v>
      </c>
      <c r="F3819" s="2">
        <v>1</v>
      </c>
      <c r="G3819" t="s">
        <v>100</v>
      </c>
      <c r="H3819" t="s">
        <v>13</v>
      </c>
    </row>
    <row r="3820" spans="1:8" x14ac:dyDescent="0.25">
      <c r="A3820" s="1">
        <v>44244</v>
      </c>
      <c r="B3820" t="s">
        <v>2716</v>
      </c>
      <c r="C3820" t="s">
        <v>379</v>
      </c>
      <c r="D3820" t="s">
        <v>10</v>
      </c>
      <c r="E3820" t="s">
        <v>11</v>
      </c>
      <c r="F3820" s="2">
        <v>1</v>
      </c>
      <c r="G3820" t="s">
        <v>100</v>
      </c>
      <c r="H3820" t="s">
        <v>13</v>
      </c>
    </row>
    <row r="3821" spans="1:8" x14ac:dyDescent="0.25">
      <c r="A3821" s="1">
        <v>44244</v>
      </c>
      <c r="B3821" t="s">
        <v>2717</v>
      </c>
      <c r="C3821" t="s">
        <v>47</v>
      </c>
      <c r="D3821" t="s">
        <v>10</v>
      </c>
      <c r="E3821" t="s">
        <v>11</v>
      </c>
      <c r="F3821" s="2">
        <v>1</v>
      </c>
      <c r="G3821" t="s">
        <v>20</v>
      </c>
      <c r="H3821" t="s">
        <v>13</v>
      </c>
    </row>
    <row r="3822" spans="1:8" x14ac:dyDescent="0.25">
      <c r="A3822" s="1">
        <v>44244</v>
      </c>
      <c r="B3822" t="s">
        <v>2718</v>
      </c>
      <c r="C3822" t="s">
        <v>16</v>
      </c>
      <c r="D3822" t="s">
        <v>10</v>
      </c>
      <c r="E3822" t="s">
        <v>11</v>
      </c>
      <c r="F3822" s="2">
        <v>1</v>
      </c>
      <c r="G3822" t="s">
        <v>953</v>
      </c>
      <c r="H3822" t="s">
        <v>13</v>
      </c>
    </row>
    <row r="3823" spans="1:8" x14ac:dyDescent="0.25">
      <c r="A3823" s="1">
        <v>44242</v>
      </c>
      <c r="B3823" t="s">
        <v>2719</v>
      </c>
      <c r="C3823" t="s">
        <v>74</v>
      </c>
      <c r="D3823" t="s">
        <v>10</v>
      </c>
      <c r="E3823" t="s">
        <v>11</v>
      </c>
      <c r="F3823" s="2">
        <v>1</v>
      </c>
      <c r="G3823" t="s">
        <v>111</v>
      </c>
      <c r="H3823" t="s">
        <v>13</v>
      </c>
    </row>
    <row r="3824" spans="1:8" x14ac:dyDescent="0.25">
      <c r="A3824" s="1">
        <v>44242</v>
      </c>
      <c r="B3824" t="s">
        <v>2720</v>
      </c>
      <c r="C3824" t="s">
        <v>174</v>
      </c>
      <c r="D3824" t="s">
        <v>10</v>
      </c>
      <c r="E3824" t="s">
        <v>11</v>
      </c>
      <c r="F3824" s="2">
        <v>1</v>
      </c>
      <c r="G3824" t="s">
        <v>20</v>
      </c>
      <c r="H3824" t="s">
        <v>13</v>
      </c>
    </row>
    <row r="3825" spans="1:8" x14ac:dyDescent="0.25">
      <c r="A3825" s="1">
        <v>44242</v>
      </c>
      <c r="B3825" t="s">
        <v>2721</v>
      </c>
      <c r="C3825" t="s">
        <v>9</v>
      </c>
      <c r="D3825" t="s">
        <v>10</v>
      </c>
      <c r="E3825" t="s">
        <v>11</v>
      </c>
      <c r="F3825" s="2">
        <v>1</v>
      </c>
      <c r="G3825" t="s">
        <v>661</v>
      </c>
      <c r="H3825" t="s">
        <v>13</v>
      </c>
    </row>
    <row r="3826" spans="1:8" x14ac:dyDescent="0.25">
      <c r="A3826" s="1">
        <v>44242</v>
      </c>
      <c r="B3826" t="s">
        <v>2722</v>
      </c>
      <c r="C3826" t="s">
        <v>14</v>
      </c>
      <c r="D3826" t="s">
        <v>10</v>
      </c>
      <c r="E3826" t="s">
        <v>11</v>
      </c>
      <c r="F3826" s="2">
        <v>1</v>
      </c>
      <c r="G3826" t="s">
        <v>100</v>
      </c>
      <c r="H3826" t="s">
        <v>13</v>
      </c>
    </row>
    <row r="3827" spans="1:8" x14ac:dyDescent="0.25">
      <c r="A3827" s="1">
        <v>44241</v>
      </c>
      <c r="B3827" t="s">
        <v>2723</v>
      </c>
      <c r="C3827" t="s">
        <v>47</v>
      </c>
      <c r="D3827" t="s">
        <v>10</v>
      </c>
      <c r="E3827" t="s">
        <v>11</v>
      </c>
      <c r="F3827" s="2">
        <v>1</v>
      </c>
      <c r="G3827" t="s">
        <v>197</v>
      </c>
      <c r="H3827" t="s">
        <v>13</v>
      </c>
    </row>
    <row r="3828" spans="1:8" x14ac:dyDescent="0.25">
      <c r="A3828" s="1">
        <v>44241</v>
      </c>
      <c r="B3828" t="s">
        <v>2724</v>
      </c>
      <c r="C3828" t="s">
        <v>79</v>
      </c>
      <c r="D3828" t="s">
        <v>10</v>
      </c>
      <c r="E3828" t="s">
        <v>11</v>
      </c>
      <c r="F3828" s="2">
        <v>1</v>
      </c>
      <c r="G3828" t="s">
        <v>1207</v>
      </c>
      <c r="H3828" t="s">
        <v>13</v>
      </c>
    </row>
    <row r="3829" spans="1:8" x14ac:dyDescent="0.25">
      <c r="A3829" s="1">
        <v>44241</v>
      </c>
      <c r="B3829" t="s">
        <v>2724</v>
      </c>
      <c r="C3829" t="s">
        <v>80</v>
      </c>
      <c r="D3829" t="s">
        <v>10</v>
      </c>
      <c r="E3829" t="s">
        <v>11</v>
      </c>
      <c r="F3829" s="2">
        <v>1</v>
      </c>
      <c r="G3829" t="s">
        <v>1207</v>
      </c>
      <c r="H3829" t="s">
        <v>13</v>
      </c>
    </row>
    <row r="3830" spans="1:8" x14ac:dyDescent="0.25">
      <c r="A3830" s="1">
        <v>44241</v>
      </c>
      <c r="B3830" t="s">
        <v>2725</v>
      </c>
      <c r="C3830" t="s">
        <v>47</v>
      </c>
      <c r="D3830" t="s">
        <v>10</v>
      </c>
      <c r="E3830" t="s">
        <v>11</v>
      </c>
      <c r="F3830" s="2">
        <v>1</v>
      </c>
      <c r="G3830" t="s">
        <v>2726</v>
      </c>
      <c r="H3830" t="s">
        <v>13</v>
      </c>
    </row>
    <row r="3831" spans="1:8" x14ac:dyDescent="0.25">
      <c r="A3831" s="1">
        <v>44240</v>
      </c>
      <c r="B3831" t="s">
        <v>2727</v>
      </c>
      <c r="C3831" t="s">
        <v>47</v>
      </c>
      <c r="D3831" t="s">
        <v>10</v>
      </c>
      <c r="E3831" t="s">
        <v>11</v>
      </c>
      <c r="F3831" s="2">
        <v>1</v>
      </c>
      <c r="G3831" t="s">
        <v>216</v>
      </c>
      <c r="H3831" t="s">
        <v>13</v>
      </c>
    </row>
    <row r="3832" spans="1:8" x14ac:dyDescent="0.25">
      <c r="A3832" s="1">
        <v>44240</v>
      </c>
      <c r="B3832" t="s">
        <v>2727</v>
      </c>
      <c r="C3832" t="s">
        <v>47</v>
      </c>
      <c r="D3832" t="s">
        <v>10</v>
      </c>
      <c r="E3832" t="s">
        <v>11</v>
      </c>
      <c r="F3832" s="2">
        <v>1</v>
      </c>
      <c r="G3832" t="s">
        <v>216</v>
      </c>
      <c r="H3832" t="s">
        <v>13</v>
      </c>
    </row>
    <row r="3833" spans="1:8" x14ac:dyDescent="0.25">
      <c r="A3833" s="1">
        <v>44239</v>
      </c>
      <c r="B3833" t="s">
        <v>2728</v>
      </c>
      <c r="C3833" t="s">
        <v>9</v>
      </c>
      <c r="D3833" t="s">
        <v>10</v>
      </c>
      <c r="E3833" t="s">
        <v>11</v>
      </c>
      <c r="F3833" s="2">
        <v>1</v>
      </c>
      <c r="G3833" t="s">
        <v>603</v>
      </c>
      <c r="H3833" t="s">
        <v>13</v>
      </c>
    </row>
    <row r="3834" spans="1:8" x14ac:dyDescent="0.25">
      <c r="A3834" s="1">
        <v>44239</v>
      </c>
      <c r="B3834" t="s">
        <v>2728</v>
      </c>
      <c r="C3834" t="s">
        <v>28</v>
      </c>
      <c r="D3834" t="s">
        <v>10</v>
      </c>
      <c r="E3834" t="s">
        <v>11</v>
      </c>
      <c r="F3834" s="2">
        <v>1</v>
      </c>
      <c r="G3834" t="s">
        <v>603</v>
      </c>
      <c r="H3834" t="s">
        <v>13</v>
      </c>
    </row>
    <row r="3835" spans="1:8" x14ac:dyDescent="0.25">
      <c r="A3835" s="1">
        <v>44239</v>
      </c>
      <c r="B3835" t="s">
        <v>2728</v>
      </c>
      <c r="C3835" t="s">
        <v>29</v>
      </c>
      <c r="D3835" t="s">
        <v>10</v>
      </c>
      <c r="E3835" t="s">
        <v>11</v>
      </c>
      <c r="F3835" s="2">
        <v>1</v>
      </c>
      <c r="G3835" t="s">
        <v>603</v>
      </c>
      <c r="H3835" t="s">
        <v>13</v>
      </c>
    </row>
    <row r="3836" spans="1:8" x14ac:dyDescent="0.25">
      <c r="A3836" s="1">
        <v>44239</v>
      </c>
      <c r="B3836" t="s">
        <v>2728</v>
      </c>
      <c r="C3836" t="s">
        <v>35</v>
      </c>
      <c r="D3836" t="s">
        <v>10</v>
      </c>
      <c r="E3836" t="s">
        <v>11</v>
      </c>
      <c r="F3836" s="2">
        <v>1</v>
      </c>
      <c r="G3836" t="s">
        <v>603</v>
      </c>
      <c r="H3836" t="s">
        <v>13</v>
      </c>
    </row>
    <row r="3837" spans="1:8" x14ac:dyDescent="0.25">
      <c r="A3837" s="1">
        <v>44238</v>
      </c>
      <c r="B3837" t="s">
        <v>2729</v>
      </c>
      <c r="C3837" t="s">
        <v>9</v>
      </c>
      <c r="D3837" t="s">
        <v>10</v>
      </c>
      <c r="E3837" t="s">
        <v>11</v>
      </c>
      <c r="F3837" s="2">
        <v>1</v>
      </c>
      <c r="G3837" t="s">
        <v>12</v>
      </c>
      <c r="H3837" t="s">
        <v>13</v>
      </c>
    </row>
    <row r="3838" spans="1:8" x14ac:dyDescent="0.25">
      <c r="A3838" s="1">
        <v>44238</v>
      </c>
      <c r="B3838" t="s">
        <v>2729</v>
      </c>
      <c r="C3838" t="s">
        <v>47</v>
      </c>
      <c r="D3838" t="s">
        <v>10</v>
      </c>
      <c r="E3838" t="s">
        <v>11</v>
      </c>
      <c r="F3838" s="2">
        <v>1</v>
      </c>
      <c r="G3838" t="s">
        <v>12</v>
      </c>
      <c r="H3838" t="s">
        <v>13</v>
      </c>
    </row>
    <row r="3839" spans="1:8" x14ac:dyDescent="0.25">
      <c r="A3839" s="1">
        <v>44238</v>
      </c>
      <c r="B3839" t="s">
        <v>2730</v>
      </c>
      <c r="C3839" t="s">
        <v>413</v>
      </c>
      <c r="D3839" t="s">
        <v>10</v>
      </c>
      <c r="E3839" t="s">
        <v>11</v>
      </c>
      <c r="F3839" s="2">
        <v>1</v>
      </c>
      <c r="G3839" t="s">
        <v>277</v>
      </c>
      <c r="H3839" t="s">
        <v>13</v>
      </c>
    </row>
    <row r="3840" spans="1:8" x14ac:dyDescent="0.25">
      <c r="A3840" s="1">
        <v>44238</v>
      </c>
      <c r="B3840" t="s">
        <v>2730</v>
      </c>
      <c r="C3840" t="s">
        <v>2731</v>
      </c>
      <c r="D3840" t="s">
        <v>10</v>
      </c>
      <c r="E3840" t="s">
        <v>11</v>
      </c>
      <c r="F3840" s="2">
        <v>1</v>
      </c>
      <c r="G3840" t="s">
        <v>277</v>
      </c>
      <c r="H3840" t="s">
        <v>13</v>
      </c>
    </row>
    <row r="3841" spans="1:8" x14ac:dyDescent="0.25">
      <c r="A3841" s="1">
        <v>44238</v>
      </c>
      <c r="B3841" t="s">
        <v>2730</v>
      </c>
      <c r="C3841" t="s">
        <v>56</v>
      </c>
      <c r="D3841" t="s">
        <v>10</v>
      </c>
      <c r="E3841" t="s">
        <v>11</v>
      </c>
      <c r="F3841" s="2">
        <v>1</v>
      </c>
      <c r="G3841" t="s">
        <v>277</v>
      </c>
      <c r="H3841" t="s">
        <v>13</v>
      </c>
    </row>
    <row r="3842" spans="1:8" x14ac:dyDescent="0.25">
      <c r="A3842" s="1">
        <v>44238</v>
      </c>
      <c r="B3842" t="s">
        <v>2730</v>
      </c>
      <c r="C3842" t="s">
        <v>1259</v>
      </c>
      <c r="D3842" t="s">
        <v>10</v>
      </c>
      <c r="E3842" t="s">
        <v>11</v>
      </c>
      <c r="F3842" s="2">
        <v>1</v>
      </c>
      <c r="G3842" t="s">
        <v>277</v>
      </c>
      <c r="H3842" t="s">
        <v>13</v>
      </c>
    </row>
    <row r="3843" spans="1:8" x14ac:dyDescent="0.25">
      <c r="A3843" s="1">
        <v>44238</v>
      </c>
      <c r="B3843" t="s">
        <v>2732</v>
      </c>
      <c r="C3843" t="s">
        <v>510</v>
      </c>
      <c r="D3843" t="s">
        <v>10</v>
      </c>
      <c r="E3843" t="s">
        <v>11</v>
      </c>
      <c r="F3843" s="2">
        <v>1</v>
      </c>
      <c r="G3843" t="s">
        <v>20</v>
      </c>
      <c r="H3843" t="s">
        <v>13</v>
      </c>
    </row>
    <row r="3844" spans="1:8" x14ac:dyDescent="0.25">
      <c r="A3844" s="1">
        <v>44238</v>
      </c>
      <c r="B3844" t="s">
        <v>2733</v>
      </c>
      <c r="C3844" t="s">
        <v>619</v>
      </c>
      <c r="D3844" t="s">
        <v>10</v>
      </c>
      <c r="E3844" t="s">
        <v>11</v>
      </c>
      <c r="F3844" s="2">
        <v>1</v>
      </c>
      <c r="G3844" t="s">
        <v>205</v>
      </c>
      <c r="H3844" t="s">
        <v>13</v>
      </c>
    </row>
    <row r="3845" spans="1:8" x14ac:dyDescent="0.25">
      <c r="A3845" s="1">
        <v>44237</v>
      </c>
      <c r="B3845" t="s">
        <v>2734</v>
      </c>
      <c r="C3845" t="s">
        <v>76</v>
      </c>
      <c r="D3845" t="s">
        <v>10</v>
      </c>
      <c r="E3845" t="s">
        <v>11</v>
      </c>
      <c r="F3845" s="2">
        <v>1</v>
      </c>
      <c r="G3845" t="s">
        <v>20</v>
      </c>
      <c r="H3845" t="s">
        <v>13</v>
      </c>
    </row>
    <row r="3846" spans="1:8" x14ac:dyDescent="0.25">
      <c r="A3846" s="1">
        <v>44235</v>
      </c>
      <c r="B3846" t="s">
        <v>2735</v>
      </c>
      <c r="C3846" t="s">
        <v>19</v>
      </c>
      <c r="D3846" t="s">
        <v>10</v>
      </c>
      <c r="E3846" t="s">
        <v>11</v>
      </c>
      <c r="F3846" s="2">
        <v>1</v>
      </c>
      <c r="G3846" t="s">
        <v>72</v>
      </c>
      <c r="H3846" t="s">
        <v>13</v>
      </c>
    </row>
    <row r="3847" spans="1:8" x14ac:dyDescent="0.25">
      <c r="A3847" s="1">
        <v>44235</v>
      </c>
      <c r="B3847" t="s">
        <v>2736</v>
      </c>
      <c r="C3847" t="s">
        <v>9</v>
      </c>
      <c r="D3847" t="s">
        <v>10</v>
      </c>
      <c r="E3847" t="s">
        <v>11</v>
      </c>
      <c r="F3847" s="2">
        <v>1</v>
      </c>
      <c r="G3847" t="s">
        <v>569</v>
      </c>
      <c r="H3847" t="s">
        <v>13</v>
      </c>
    </row>
    <row r="3848" spans="1:8" x14ac:dyDescent="0.25">
      <c r="A3848" s="1">
        <v>44234</v>
      </c>
      <c r="B3848" t="s">
        <v>2737</v>
      </c>
      <c r="C3848" t="s">
        <v>76</v>
      </c>
      <c r="D3848" t="s">
        <v>10</v>
      </c>
      <c r="E3848" t="s">
        <v>11</v>
      </c>
      <c r="F3848" s="2">
        <v>1</v>
      </c>
      <c r="G3848" t="s">
        <v>98</v>
      </c>
      <c r="H3848" t="s">
        <v>13</v>
      </c>
    </row>
    <row r="3849" spans="1:8" x14ac:dyDescent="0.25">
      <c r="A3849" s="1">
        <v>44234</v>
      </c>
      <c r="B3849" t="s">
        <v>2738</v>
      </c>
      <c r="C3849" t="s">
        <v>35</v>
      </c>
      <c r="D3849" t="s">
        <v>10</v>
      </c>
      <c r="E3849" t="s">
        <v>11</v>
      </c>
      <c r="F3849" s="2">
        <v>1</v>
      </c>
      <c r="G3849" t="s">
        <v>72</v>
      </c>
      <c r="H3849" t="s">
        <v>13</v>
      </c>
    </row>
    <row r="3850" spans="1:8" x14ac:dyDescent="0.25">
      <c r="A3850" s="1">
        <v>44234</v>
      </c>
      <c r="B3850" t="s">
        <v>2738</v>
      </c>
      <c r="C3850" t="s">
        <v>416</v>
      </c>
      <c r="D3850" t="s">
        <v>10</v>
      </c>
      <c r="E3850" t="s">
        <v>11</v>
      </c>
      <c r="F3850" s="2">
        <v>1</v>
      </c>
      <c r="G3850" t="s">
        <v>72</v>
      </c>
      <c r="H3850" t="s">
        <v>13</v>
      </c>
    </row>
    <row r="3851" spans="1:8" x14ac:dyDescent="0.25">
      <c r="A3851" s="1">
        <v>44234</v>
      </c>
      <c r="B3851" t="s">
        <v>2739</v>
      </c>
      <c r="C3851" t="s">
        <v>86</v>
      </c>
      <c r="D3851" t="s">
        <v>10</v>
      </c>
      <c r="E3851" t="s">
        <v>11</v>
      </c>
      <c r="F3851" s="2">
        <v>1</v>
      </c>
      <c r="G3851" t="s">
        <v>40</v>
      </c>
      <c r="H3851" t="s">
        <v>13</v>
      </c>
    </row>
    <row r="3852" spans="1:8" x14ac:dyDescent="0.25">
      <c r="A3852" s="1">
        <v>44234</v>
      </c>
      <c r="B3852" t="s">
        <v>2740</v>
      </c>
      <c r="C3852" t="s">
        <v>9</v>
      </c>
      <c r="D3852" t="s">
        <v>10</v>
      </c>
      <c r="E3852" t="s">
        <v>11</v>
      </c>
      <c r="F3852" s="2">
        <v>1</v>
      </c>
      <c r="G3852" t="s">
        <v>183</v>
      </c>
      <c r="H3852" t="s">
        <v>13</v>
      </c>
    </row>
    <row r="3853" spans="1:8" x14ac:dyDescent="0.25">
      <c r="A3853" s="1">
        <v>44234</v>
      </c>
      <c r="B3853" t="s">
        <v>2741</v>
      </c>
      <c r="C3853" t="s">
        <v>1883</v>
      </c>
      <c r="D3853" t="s">
        <v>10</v>
      </c>
      <c r="E3853" t="s">
        <v>11</v>
      </c>
      <c r="F3853" s="2">
        <v>1</v>
      </c>
      <c r="G3853" t="s">
        <v>46</v>
      </c>
      <c r="H3853" t="s">
        <v>13</v>
      </c>
    </row>
    <row r="3854" spans="1:8" x14ac:dyDescent="0.25">
      <c r="A3854" s="1">
        <v>44233</v>
      </c>
      <c r="B3854" t="s">
        <v>2742</v>
      </c>
      <c r="C3854" t="s">
        <v>413</v>
      </c>
      <c r="D3854" t="s">
        <v>10</v>
      </c>
      <c r="E3854" t="s">
        <v>11</v>
      </c>
      <c r="F3854" s="2">
        <v>1</v>
      </c>
      <c r="G3854" t="s">
        <v>125</v>
      </c>
      <c r="H3854" t="s">
        <v>13</v>
      </c>
    </row>
    <row r="3855" spans="1:8" x14ac:dyDescent="0.25">
      <c r="A3855" s="1">
        <v>44233</v>
      </c>
      <c r="B3855" t="s">
        <v>2743</v>
      </c>
      <c r="C3855" t="s">
        <v>79</v>
      </c>
      <c r="D3855" t="s">
        <v>10</v>
      </c>
      <c r="E3855" t="s">
        <v>11</v>
      </c>
      <c r="F3855" s="2">
        <v>1</v>
      </c>
      <c r="G3855" t="s">
        <v>950</v>
      </c>
      <c r="H3855" t="s">
        <v>13</v>
      </c>
    </row>
    <row r="3856" spans="1:8" x14ac:dyDescent="0.25">
      <c r="A3856" s="1">
        <v>44233</v>
      </c>
      <c r="B3856" t="s">
        <v>2743</v>
      </c>
      <c r="C3856" t="s">
        <v>80</v>
      </c>
      <c r="D3856" t="s">
        <v>10</v>
      </c>
      <c r="E3856" t="s">
        <v>11</v>
      </c>
      <c r="F3856" s="2">
        <v>1</v>
      </c>
      <c r="G3856" t="s">
        <v>950</v>
      </c>
      <c r="H3856" t="s">
        <v>13</v>
      </c>
    </row>
    <row r="3857" spans="1:8" x14ac:dyDescent="0.25">
      <c r="A3857" s="1">
        <v>44233</v>
      </c>
      <c r="B3857" t="s">
        <v>2744</v>
      </c>
      <c r="C3857" t="s">
        <v>689</v>
      </c>
      <c r="D3857" t="s">
        <v>10</v>
      </c>
      <c r="E3857" t="s">
        <v>11</v>
      </c>
      <c r="F3857" s="2">
        <v>1</v>
      </c>
      <c r="G3857" t="s">
        <v>202</v>
      </c>
      <c r="H3857" t="s">
        <v>13</v>
      </c>
    </row>
    <row r="3858" spans="1:8" x14ac:dyDescent="0.25">
      <c r="A3858" s="1">
        <v>44233</v>
      </c>
      <c r="B3858" t="s">
        <v>2744</v>
      </c>
      <c r="C3858" t="s">
        <v>16</v>
      </c>
      <c r="D3858" t="s">
        <v>10</v>
      </c>
      <c r="E3858" t="s">
        <v>11</v>
      </c>
      <c r="F3858" s="2">
        <v>1</v>
      </c>
      <c r="G3858" t="s">
        <v>202</v>
      </c>
      <c r="H3858" t="s">
        <v>13</v>
      </c>
    </row>
    <row r="3859" spans="1:8" x14ac:dyDescent="0.25">
      <c r="A3859" s="1">
        <v>44233</v>
      </c>
      <c r="B3859" t="s">
        <v>2744</v>
      </c>
      <c r="C3859" t="s">
        <v>416</v>
      </c>
      <c r="D3859" t="s">
        <v>10</v>
      </c>
      <c r="E3859" t="s">
        <v>11</v>
      </c>
      <c r="F3859" s="2">
        <v>1</v>
      </c>
      <c r="G3859" t="s">
        <v>202</v>
      </c>
      <c r="H3859" t="s">
        <v>13</v>
      </c>
    </row>
    <row r="3860" spans="1:8" x14ac:dyDescent="0.25">
      <c r="A3860" s="1">
        <v>44233</v>
      </c>
      <c r="B3860" t="s">
        <v>2744</v>
      </c>
      <c r="C3860" t="s">
        <v>199</v>
      </c>
      <c r="D3860" t="s">
        <v>10</v>
      </c>
      <c r="E3860" t="s">
        <v>11</v>
      </c>
      <c r="F3860" s="2">
        <v>1</v>
      </c>
      <c r="G3860" t="s">
        <v>202</v>
      </c>
      <c r="H3860" t="s">
        <v>13</v>
      </c>
    </row>
    <row r="3861" spans="1:8" x14ac:dyDescent="0.25">
      <c r="A3861" s="1">
        <v>44233</v>
      </c>
      <c r="B3861" t="s">
        <v>2745</v>
      </c>
      <c r="C3861" t="s">
        <v>9</v>
      </c>
      <c r="D3861" t="s">
        <v>10</v>
      </c>
      <c r="E3861" t="s">
        <v>11</v>
      </c>
      <c r="F3861" s="2">
        <v>1</v>
      </c>
      <c r="G3861" t="s">
        <v>46</v>
      </c>
      <c r="H3861" t="s">
        <v>13</v>
      </c>
    </row>
    <row r="3862" spans="1:8" x14ac:dyDescent="0.25">
      <c r="A3862" s="1">
        <v>44233</v>
      </c>
      <c r="B3862" t="s">
        <v>2745</v>
      </c>
      <c r="C3862" t="s">
        <v>35</v>
      </c>
      <c r="D3862" t="s">
        <v>10</v>
      </c>
      <c r="E3862" t="s">
        <v>11</v>
      </c>
      <c r="F3862" s="2">
        <v>1</v>
      </c>
      <c r="G3862" t="s">
        <v>46</v>
      </c>
      <c r="H3862" t="s">
        <v>13</v>
      </c>
    </row>
    <row r="3863" spans="1:8" x14ac:dyDescent="0.25">
      <c r="A3863" s="1">
        <v>44231</v>
      </c>
      <c r="B3863" t="s">
        <v>2746</v>
      </c>
      <c r="C3863" t="s">
        <v>19</v>
      </c>
      <c r="D3863" t="s">
        <v>10</v>
      </c>
      <c r="E3863" t="s">
        <v>11</v>
      </c>
      <c r="F3863" s="2">
        <v>1</v>
      </c>
      <c r="G3863" t="s">
        <v>100</v>
      </c>
      <c r="H3863" t="s">
        <v>13</v>
      </c>
    </row>
    <row r="3864" spans="1:8" x14ac:dyDescent="0.25">
      <c r="A3864" s="1">
        <v>44231</v>
      </c>
      <c r="B3864" t="s">
        <v>2747</v>
      </c>
      <c r="C3864" t="s">
        <v>481</v>
      </c>
      <c r="D3864" t="s">
        <v>10</v>
      </c>
      <c r="E3864" t="s">
        <v>11</v>
      </c>
      <c r="F3864" s="2">
        <v>1</v>
      </c>
      <c r="G3864" t="s">
        <v>40</v>
      </c>
      <c r="H3864" t="s">
        <v>13</v>
      </c>
    </row>
    <row r="3865" spans="1:8" x14ac:dyDescent="0.25">
      <c r="A3865" s="1">
        <v>44231</v>
      </c>
      <c r="B3865" t="s">
        <v>2748</v>
      </c>
      <c r="C3865" t="s">
        <v>9</v>
      </c>
      <c r="D3865" t="s">
        <v>10</v>
      </c>
      <c r="E3865" t="s">
        <v>11</v>
      </c>
      <c r="F3865" s="2">
        <v>1</v>
      </c>
      <c r="G3865" t="s">
        <v>197</v>
      </c>
      <c r="H3865" t="s">
        <v>13</v>
      </c>
    </row>
    <row r="3866" spans="1:8" x14ac:dyDescent="0.25">
      <c r="A3866" s="1">
        <v>44231</v>
      </c>
      <c r="B3866" t="s">
        <v>2748</v>
      </c>
      <c r="C3866" t="s">
        <v>47</v>
      </c>
      <c r="D3866" t="s">
        <v>10</v>
      </c>
      <c r="E3866" t="s">
        <v>11</v>
      </c>
      <c r="F3866" s="2">
        <v>1</v>
      </c>
      <c r="G3866" t="s">
        <v>197</v>
      </c>
      <c r="H3866" t="s">
        <v>13</v>
      </c>
    </row>
    <row r="3867" spans="1:8" x14ac:dyDescent="0.25">
      <c r="A3867" s="1">
        <v>44230</v>
      </c>
      <c r="B3867" t="s">
        <v>2749</v>
      </c>
      <c r="C3867" t="s">
        <v>79</v>
      </c>
      <c r="D3867" t="s">
        <v>10</v>
      </c>
      <c r="E3867" t="s">
        <v>11</v>
      </c>
      <c r="F3867" s="2">
        <v>1</v>
      </c>
      <c r="G3867" t="s">
        <v>191</v>
      </c>
      <c r="H3867" t="s">
        <v>13</v>
      </c>
    </row>
    <row r="3868" spans="1:8" x14ac:dyDescent="0.25">
      <c r="A3868" s="1">
        <v>44230</v>
      </c>
      <c r="B3868" t="s">
        <v>2749</v>
      </c>
      <c r="C3868" t="s">
        <v>80</v>
      </c>
      <c r="D3868" t="s">
        <v>10</v>
      </c>
      <c r="E3868" t="s">
        <v>11</v>
      </c>
      <c r="F3868" s="2">
        <v>1</v>
      </c>
      <c r="G3868" t="s">
        <v>191</v>
      </c>
      <c r="H3868" t="s">
        <v>13</v>
      </c>
    </row>
    <row r="3869" spans="1:8" x14ac:dyDescent="0.25">
      <c r="A3869" s="1">
        <v>44230</v>
      </c>
      <c r="B3869" t="s">
        <v>2750</v>
      </c>
      <c r="C3869" t="s">
        <v>413</v>
      </c>
      <c r="D3869" t="s">
        <v>10</v>
      </c>
      <c r="E3869" t="s">
        <v>11</v>
      </c>
      <c r="F3869" s="2">
        <v>1</v>
      </c>
      <c r="G3869" t="s">
        <v>793</v>
      </c>
      <c r="H3869" t="s">
        <v>13</v>
      </c>
    </row>
    <row r="3870" spans="1:8" x14ac:dyDescent="0.25">
      <c r="A3870" s="1">
        <v>44229</v>
      </c>
      <c r="B3870" t="s">
        <v>2751</v>
      </c>
      <c r="C3870" t="s">
        <v>79</v>
      </c>
      <c r="D3870" t="s">
        <v>26</v>
      </c>
      <c r="E3870" t="s">
        <v>11</v>
      </c>
      <c r="F3870" s="2">
        <v>1</v>
      </c>
      <c r="G3870" t="s">
        <v>20</v>
      </c>
      <c r="H3870" t="s">
        <v>13</v>
      </c>
    </row>
    <row r="3871" spans="1:8" x14ac:dyDescent="0.25">
      <c r="A3871" s="1">
        <v>44229</v>
      </c>
      <c r="B3871" t="s">
        <v>2751</v>
      </c>
      <c r="C3871" t="s">
        <v>80</v>
      </c>
      <c r="D3871" t="s">
        <v>26</v>
      </c>
      <c r="E3871" t="s">
        <v>11</v>
      </c>
      <c r="F3871" s="2">
        <v>1</v>
      </c>
      <c r="G3871" t="s">
        <v>20</v>
      </c>
      <c r="H3871" t="s">
        <v>13</v>
      </c>
    </row>
    <row r="3872" spans="1:8" x14ac:dyDescent="0.25">
      <c r="A3872" s="1">
        <v>44229</v>
      </c>
      <c r="B3872" t="s">
        <v>2752</v>
      </c>
      <c r="C3872" t="s">
        <v>9</v>
      </c>
      <c r="D3872" t="s">
        <v>10</v>
      </c>
      <c r="E3872" t="s">
        <v>11</v>
      </c>
      <c r="F3872" s="2">
        <v>1</v>
      </c>
      <c r="G3872" t="s">
        <v>20</v>
      </c>
      <c r="H3872" t="s">
        <v>13</v>
      </c>
    </row>
    <row r="3873" spans="1:8" x14ac:dyDescent="0.25">
      <c r="A3873" s="1">
        <v>44229</v>
      </c>
      <c r="B3873" t="s">
        <v>2752</v>
      </c>
      <c r="C3873" t="s">
        <v>149</v>
      </c>
      <c r="D3873" t="s">
        <v>10</v>
      </c>
      <c r="E3873" t="s">
        <v>11</v>
      </c>
      <c r="F3873" s="2">
        <v>1</v>
      </c>
      <c r="G3873" t="s">
        <v>20</v>
      </c>
      <c r="H3873" t="s">
        <v>13</v>
      </c>
    </row>
    <row r="3874" spans="1:8" x14ac:dyDescent="0.25">
      <c r="A3874" s="1">
        <v>44229</v>
      </c>
      <c r="B3874" t="s">
        <v>2752</v>
      </c>
      <c r="C3874" t="s">
        <v>47</v>
      </c>
      <c r="D3874" t="s">
        <v>10</v>
      </c>
      <c r="E3874" t="s">
        <v>11</v>
      </c>
      <c r="F3874" s="2">
        <v>1</v>
      </c>
      <c r="G3874" t="s">
        <v>20</v>
      </c>
      <c r="H3874" t="s">
        <v>13</v>
      </c>
    </row>
    <row r="3875" spans="1:8" x14ac:dyDescent="0.25">
      <c r="A3875" s="1">
        <v>44229</v>
      </c>
      <c r="B3875" t="s">
        <v>2752</v>
      </c>
      <c r="C3875" t="s">
        <v>610</v>
      </c>
      <c r="D3875" t="s">
        <v>10</v>
      </c>
      <c r="E3875" t="s">
        <v>11</v>
      </c>
      <c r="F3875" s="2">
        <v>1</v>
      </c>
      <c r="G3875" t="s">
        <v>20</v>
      </c>
      <c r="H3875" t="s">
        <v>13</v>
      </c>
    </row>
    <row r="3876" spans="1:8" x14ac:dyDescent="0.25">
      <c r="A3876" s="1">
        <v>44229</v>
      </c>
      <c r="B3876" t="s">
        <v>2753</v>
      </c>
      <c r="C3876" t="s">
        <v>76</v>
      </c>
      <c r="D3876" t="s">
        <v>10</v>
      </c>
      <c r="E3876" t="s">
        <v>11</v>
      </c>
      <c r="F3876" s="2">
        <v>1</v>
      </c>
      <c r="G3876" t="s">
        <v>1405</v>
      </c>
      <c r="H3876" t="s">
        <v>13</v>
      </c>
    </row>
    <row r="3877" spans="1:8" x14ac:dyDescent="0.25">
      <c r="A3877" s="1">
        <v>44228</v>
      </c>
      <c r="B3877" t="s">
        <v>2754</v>
      </c>
      <c r="C3877" t="s">
        <v>29</v>
      </c>
      <c r="D3877" t="s">
        <v>10</v>
      </c>
      <c r="E3877" t="s">
        <v>11</v>
      </c>
      <c r="F3877" s="2">
        <v>1</v>
      </c>
      <c r="G3877" t="s">
        <v>347</v>
      </c>
      <c r="H3877" t="s">
        <v>13</v>
      </c>
    </row>
    <row r="3878" spans="1:8" x14ac:dyDescent="0.25">
      <c r="A3878" s="1">
        <v>44227</v>
      </c>
      <c r="B3878" t="s">
        <v>2755</v>
      </c>
      <c r="C3878" t="s">
        <v>174</v>
      </c>
      <c r="D3878" t="s">
        <v>10</v>
      </c>
      <c r="E3878" t="s">
        <v>11</v>
      </c>
      <c r="F3878" s="2">
        <v>1</v>
      </c>
      <c r="G3878" t="s">
        <v>40</v>
      </c>
      <c r="H3878" t="s">
        <v>13</v>
      </c>
    </row>
    <row r="3879" spans="1:8" x14ac:dyDescent="0.25">
      <c r="A3879" s="1">
        <v>44227</v>
      </c>
      <c r="B3879" t="s">
        <v>2756</v>
      </c>
      <c r="C3879" t="s">
        <v>16</v>
      </c>
      <c r="D3879" t="s">
        <v>10</v>
      </c>
      <c r="E3879" t="s">
        <v>11</v>
      </c>
      <c r="F3879" s="2">
        <v>1</v>
      </c>
      <c r="G3879" t="s">
        <v>83</v>
      </c>
      <c r="H3879" t="s">
        <v>13</v>
      </c>
    </row>
    <row r="3880" spans="1:8" x14ac:dyDescent="0.25">
      <c r="A3880" s="1">
        <v>44226</v>
      </c>
      <c r="B3880" t="s">
        <v>2757</v>
      </c>
      <c r="C3880" t="s">
        <v>249</v>
      </c>
      <c r="D3880" t="s">
        <v>10</v>
      </c>
      <c r="E3880" t="s">
        <v>11</v>
      </c>
      <c r="F3880" s="2">
        <v>1</v>
      </c>
      <c r="G3880" t="s">
        <v>83</v>
      </c>
      <c r="H3880" t="s">
        <v>13</v>
      </c>
    </row>
    <row r="3881" spans="1:8" x14ac:dyDescent="0.25">
      <c r="A3881" s="1">
        <v>44226</v>
      </c>
      <c r="B3881" t="s">
        <v>2757</v>
      </c>
      <c r="C3881" t="s">
        <v>610</v>
      </c>
      <c r="D3881" t="s">
        <v>10</v>
      </c>
      <c r="E3881" t="s">
        <v>11</v>
      </c>
      <c r="F3881" s="2">
        <v>1</v>
      </c>
      <c r="G3881" t="s">
        <v>83</v>
      </c>
      <c r="H3881" t="s">
        <v>13</v>
      </c>
    </row>
    <row r="3882" spans="1:8" x14ac:dyDescent="0.25">
      <c r="A3882" s="1">
        <v>44226</v>
      </c>
      <c r="B3882" t="s">
        <v>2758</v>
      </c>
      <c r="C3882" t="s">
        <v>79</v>
      </c>
      <c r="D3882" t="s">
        <v>10</v>
      </c>
      <c r="E3882" t="s">
        <v>11</v>
      </c>
      <c r="F3882" s="2">
        <v>1</v>
      </c>
      <c r="G3882" t="s">
        <v>953</v>
      </c>
      <c r="H3882" t="s">
        <v>13</v>
      </c>
    </row>
    <row r="3883" spans="1:8" x14ac:dyDescent="0.25">
      <c r="A3883" s="1">
        <v>44226</v>
      </c>
      <c r="B3883" t="s">
        <v>2758</v>
      </c>
      <c r="C3883" t="s">
        <v>80</v>
      </c>
      <c r="D3883" t="s">
        <v>10</v>
      </c>
      <c r="E3883" t="s">
        <v>11</v>
      </c>
      <c r="F3883" s="2">
        <v>1</v>
      </c>
      <c r="G3883" t="s">
        <v>953</v>
      </c>
      <c r="H3883" t="s">
        <v>13</v>
      </c>
    </row>
    <row r="3884" spans="1:8" x14ac:dyDescent="0.25">
      <c r="A3884" s="1">
        <v>44226</v>
      </c>
      <c r="B3884" t="s">
        <v>2759</v>
      </c>
      <c r="C3884" t="s">
        <v>174</v>
      </c>
      <c r="D3884" t="s">
        <v>10</v>
      </c>
      <c r="E3884" t="s">
        <v>11</v>
      </c>
      <c r="F3884" s="2">
        <v>1</v>
      </c>
      <c r="G3884" t="s">
        <v>46</v>
      </c>
      <c r="H3884" t="s">
        <v>13</v>
      </c>
    </row>
    <row r="3885" spans="1:8" x14ac:dyDescent="0.25">
      <c r="A3885" s="1">
        <v>44226</v>
      </c>
      <c r="B3885" t="s">
        <v>2760</v>
      </c>
      <c r="C3885" t="s">
        <v>9</v>
      </c>
      <c r="D3885" t="s">
        <v>10</v>
      </c>
      <c r="E3885" t="s">
        <v>11</v>
      </c>
      <c r="F3885" s="2">
        <v>1</v>
      </c>
      <c r="G3885" t="s">
        <v>191</v>
      </c>
      <c r="H3885" t="s">
        <v>13</v>
      </c>
    </row>
    <row r="3886" spans="1:8" x14ac:dyDescent="0.25">
      <c r="A3886" s="1">
        <v>44226</v>
      </c>
      <c r="B3886" t="s">
        <v>2760</v>
      </c>
      <c r="C3886" t="s">
        <v>47</v>
      </c>
      <c r="D3886" t="s">
        <v>10</v>
      </c>
      <c r="E3886" t="s">
        <v>11</v>
      </c>
      <c r="F3886" s="2">
        <v>1</v>
      </c>
      <c r="G3886" t="s">
        <v>191</v>
      </c>
      <c r="H3886" t="s">
        <v>13</v>
      </c>
    </row>
    <row r="3887" spans="1:8" x14ac:dyDescent="0.25">
      <c r="A3887" s="1">
        <v>44225</v>
      </c>
      <c r="B3887" t="s">
        <v>2761</v>
      </c>
      <c r="C3887" t="s">
        <v>58</v>
      </c>
      <c r="D3887" t="s">
        <v>10</v>
      </c>
      <c r="E3887" t="s">
        <v>11</v>
      </c>
      <c r="F3887" s="2">
        <v>1</v>
      </c>
      <c r="G3887" t="s">
        <v>31</v>
      </c>
      <c r="H3887" t="s">
        <v>13</v>
      </c>
    </row>
    <row r="3888" spans="1:8" x14ac:dyDescent="0.25">
      <c r="A3888" s="1">
        <v>44225</v>
      </c>
      <c r="B3888" t="s">
        <v>2761</v>
      </c>
      <c r="C3888" t="s">
        <v>249</v>
      </c>
      <c r="D3888" t="s">
        <v>10</v>
      </c>
      <c r="E3888" t="s">
        <v>11</v>
      </c>
      <c r="F3888" s="2">
        <v>1</v>
      </c>
      <c r="G3888" t="s">
        <v>31</v>
      </c>
      <c r="H3888" t="s">
        <v>13</v>
      </c>
    </row>
    <row r="3889" spans="1:8" x14ac:dyDescent="0.25">
      <c r="A3889" s="1">
        <v>44225</v>
      </c>
      <c r="B3889" t="s">
        <v>2761</v>
      </c>
      <c r="C3889" t="s">
        <v>416</v>
      </c>
      <c r="D3889" t="s">
        <v>10</v>
      </c>
      <c r="E3889" t="s">
        <v>11</v>
      </c>
      <c r="F3889" s="2">
        <v>1</v>
      </c>
      <c r="G3889" t="s">
        <v>31</v>
      </c>
      <c r="H3889" t="s">
        <v>13</v>
      </c>
    </row>
    <row r="3890" spans="1:8" x14ac:dyDescent="0.25">
      <c r="A3890" s="1">
        <v>44225</v>
      </c>
      <c r="B3890" t="s">
        <v>2761</v>
      </c>
      <c r="C3890" t="s">
        <v>1259</v>
      </c>
      <c r="D3890" t="s">
        <v>10</v>
      </c>
      <c r="E3890" t="s">
        <v>11</v>
      </c>
      <c r="F3890" s="2">
        <v>1</v>
      </c>
      <c r="G3890" t="s">
        <v>31</v>
      </c>
      <c r="H3890" t="s">
        <v>13</v>
      </c>
    </row>
    <row r="3891" spans="1:8" x14ac:dyDescent="0.25">
      <c r="A3891" s="1">
        <v>44223</v>
      </c>
      <c r="B3891" t="s">
        <v>2762</v>
      </c>
      <c r="C3891" t="s">
        <v>28</v>
      </c>
      <c r="D3891" t="s">
        <v>10</v>
      </c>
      <c r="E3891" t="s">
        <v>11</v>
      </c>
      <c r="F3891" s="2">
        <v>1</v>
      </c>
      <c r="G3891" t="s">
        <v>100</v>
      </c>
      <c r="H3891" t="s">
        <v>13</v>
      </c>
    </row>
    <row r="3892" spans="1:8" x14ac:dyDescent="0.25">
      <c r="A3892" s="1">
        <v>44223</v>
      </c>
      <c r="B3892" t="s">
        <v>2763</v>
      </c>
      <c r="C3892" t="s">
        <v>92</v>
      </c>
      <c r="D3892" t="s">
        <v>10</v>
      </c>
      <c r="E3892" t="s">
        <v>11</v>
      </c>
      <c r="F3892" s="2">
        <v>1</v>
      </c>
      <c r="G3892" t="s">
        <v>492</v>
      </c>
      <c r="H3892" t="s">
        <v>13</v>
      </c>
    </row>
    <row r="3893" spans="1:8" x14ac:dyDescent="0.25">
      <c r="A3893" s="1">
        <v>44223</v>
      </c>
      <c r="B3893" t="s">
        <v>2764</v>
      </c>
      <c r="C3893" t="s">
        <v>9</v>
      </c>
      <c r="D3893" t="s">
        <v>10</v>
      </c>
      <c r="E3893" t="s">
        <v>11</v>
      </c>
      <c r="F3893" s="2">
        <v>1</v>
      </c>
      <c r="G3893" t="s">
        <v>135</v>
      </c>
      <c r="H3893" t="s">
        <v>13</v>
      </c>
    </row>
    <row r="3894" spans="1:8" x14ac:dyDescent="0.25">
      <c r="A3894" s="1">
        <v>44222</v>
      </c>
      <c r="B3894" t="s">
        <v>2765</v>
      </c>
      <c r="C3894" t="s">
        <v>174</v>
      </c>
      <c r="D3894" t="s">
        <v>10</v>
      </c>
      <c r="E3894" t="s">
        <v>11</v>
      </c>
      <c r="F3894" s="2">
        <v>1</v>
      </c>
      <c r="G3894" t="s">
        <v>31</v>
      </c>
      <c r="H3894" t="s">
        <v>13</v>
      </c>
    </row>
    <row r="3895" spans="1:8" x14ac:dyDescent="0.25">
      <c r="A3895" s="1">
        <v>44221</v>
      </c>
      <c r="B3895" t="s">
        <v>2766</v>
      </c>
      <c r="C3895" t="s">
        <v>410</v>
      </c>
      <c r="D3895" t="s">
        <v>10</v>
      </c>
      <c r="E3895" t="s">
        <v>11</v>
      </c>
      <c r="F3895" s="2">
        <v>1</v>
      </c>
      <c r="G3895" t="s">
        <v>2767</v>
      </c>
      <c r="H3895" t="s">
        <v>13</v>
      </c>
    </row>
    <row r="3896" spans="1:8" x14ac:dyDescent="0.25">
      <c r="A3896" s="1">
        <v>44221</v>
      </c>
      <c r="B3896" t="s">
        <v>2768</v>
      </c>
      <c r="C3896" t="s">
        <v>19</v>
      </c>
      <c r="D3896" t="s">
        <v>10</v>
      </c>
      <c r="E3896" t="s">
        <v>11</v>
      </c>
      <c r="F3896" s="2">
        <v>1</v>
      </c>
      <c r="G3896" t="s">
        <v>20</v>
      </c>
      <c r="H3896" t="s">
        <v>13</v>
      </c>
    </row>
    <row r="3897" spans="1:8" x14ac:dyDescent="0.25">
      <c r="A3897" s="1">
        <v>44221</v>
      </c>
      <c r="B3897" t="s">
        <v>2769</v>
      </c>
      <c r="C3897" t="s">
        <v>9</v>
      </c>
      <c r="D3897" t="s">
        <v>10</v>
      </c>
      <c r="E3897" t="s">
        <v>11</v>
      </c>
      <c r="F3897" s="2">
        <v>1</v>
      </c>
      <c r="G3897" t="s">
        <v>53</v>
      </c>
      <c r="H3897" t="s">
        <v>13</v>
      </c>
    </row>
    <row r="3898" spans="1:8" x14ac:dyDescent="0.25">
      <c r="A3898" s="1">
        <v>44220</v>
      </c>
      <c r="B3898" t="s">
        <v>2770</v>
      </c>
      <c r="C3898" t="s">
        <v>9</v>
      </c>
      <c r="D3898" t="s">
        <v>10</v>
      </c>
      <c r="E3898" t="s">
        <v>11</v>
      </c>
      <c r="F3898" s="2">
        <v>1</v>
      </c>
      <c r="G3898" t="s">
        <v>131</v>
      </c>
      <c r="H3898" t="s">
        <v>13</v>
      </c>
    </row>
    <row r="3899" spans="1:8" x14ac:dyDescent="0.25">
      <c r="A3899" s="1">
        <v>44220</v>
      </c>
      <c r="B3899" t="s">
        <v>2770</v>
      </c>
      <c r="C3899" t="s">
        <v>28</v>
      </c>
      <c r="D3899" t="s">
        <v>10</v>
      </c>
      <c r="E3899" t="s">
        <v>11</v>
      </c>
      <c r="F3899" s="2">
        <v>1</v>
      </c>
      <c r="G3899" t="s">
        <v>131</v>
      </c>
      <c r="H3899" t="s">
        <v>13</v>
      </c>
    </row>
    <row r="3900" spans="1:8" x14ac:dyDescent="0.25">
      <c r="A3900" s="1">
        <v>44220</v>
      </c>
      <c r="B3900" t="s">
        <v>2770</v>
      </c>
      <c r="C3900" t="s">
        <v>29</v>
      </c>
      <c r="D3900" t="s">
        <v>10</v>
      </c>
      <c r="E3900" t="s">
        <v>11</v>
      </c>
      <c r="F3900" s="2">
        <v>1</v>
      </c>
      <c r="G3900" t="s">
        <v>131</v>
      </c>
      <c r="H3900" t="s">
        <v>13</v>
      </c>
    </row>
    <row r="3901" spans="1:8" x14ac:dyDescent="0.25">
      <c r="A3901" s="1">
        <v>44220</v>
      </c>
      <c r="B3901" t="s">
        <v>2770</v>
      </c>
      <c r="C3901" t="s">
        <v>1153</v>
      </c>
      <c r="D3901" t="s">
        <v>10</v>
      </c>
      <c r="E3901" t="s">
        <v>11</v>
      </c>
      <c r="F3901" s="2">
        <v>1</v>
      </c>
      <c r="G3901" t="s">
        <v>131</v>
      </c>
      <c r="H3901" t="s">
        <v>13</v>
      </c>
    </row>
    <row r="3902" spans="1:8" x14ac:dyDescent="0.25">
      <c r="A3902" s="1">
        <v>44219</v>
      </c>
      <c r="B3902" t="s">
        <v>2771</v>
      </c>
      <c r="C3902" t="s">
        <v>79</v>
      </c>
      <c r="D3902" t="s">
        <v>10</v>
      </c>
      <c r="E3902" t="s">
        <v>11</v>
      </c>
      <c r="F3902" s="2">
        <v>1</v>
      </c>
      <c r="G3902" t="s">
        <v>137</v>
      </c>
      <c r="H3902" t="s">
        <v>13</v>
      </c>
    </row>
    <row r="3903" spans="1:8" x14ac:dyDescent="0.25">
      <c r="A3903" s="1">
        <v>44219</v>
      </c>
      <c r="B3903" t="s">
        <v>2771</v>
      </c>
      <c r="C3903" t="s">
        <v>80</v>
      </c>
      <c r="D3903" t="s">
        <v>10</v>
      </c>
      <c r="E3903" t="s">
        <v>11</v>
      </c>
      <c r="F3903" s="2">
        <v>1</v>
      </c>
      <c r="G3903" t="s">
        <v>137</v>
      </c>
      <c r="H3903" t="s">
        <v>13</v>
      </c>
    </row>
    <row r="3904" spans="1:8" x14ac:dyDescent="0.25">
      <c r="A3904" s="1">
        <v>44219</v>
      </c>
      <c r="B3904" t="s">
        <v>2772</v>
      </c>
      <c r="C3904" t="s">
        <v>9</v>
      </c>
      <c r="D3904" t="s">
        <v>10</v>
      </c>
      <c r="E3904" t="s">
        <v>11</v>
      </c>
      <c r="F3904" s="2">
        <v>1</v>
      </c>
      <c r="G3904" t="s">
        <v>2273</v>
      </c>
      <c r="H3904" t="s">
        <v>13</v>
      </c>
    </row>
    <row r="3905" spans="1:8" x14ac:dyDescent="0.25">
      <c r="A3905" s="1">
        <v>44219</v>
      </c>
      <c r="B3905" t="s">
        <v>2772</v>
      </c>
      <c r="C3905" t="s">
        <v>35</v>
      </c>
      <c r="D3905" t="s">
        <v>10</v>
      </c>
      <c r="E3905" t="s">
        <v>11</v>
      </c>
      <c r="F3905" s="2">
        <v>1</v>
      </c>
      <c r="G3905" t="s">
        <v>2273</v>
      </c>
      <c r="H3905" t="s">
        <v>13</v>
      </c>
    </row>
    <row r="3906" spans="1:8" x14ac:dyDescent="0.25">
      <c r="A3906" s="1">
        <v>44218</v>
      </c>
      <c r="B3906" t="s">
        <v>2773</v>
      </c>
      <c r="C3906" t="s">
        <v>9</v>
      </c>
      <c r="D3906" t="s">
        <v>10</v>
      </c>
      <c r="E3906" t="s">
        <v>11</v>
      </c>
      <c r="F3906" s="2">
        <v>1</v>
      </c>
      <c r="G3906" t="s">
        <v>197</v>
      </c>
      <c r="H3906" t="s">
        <v>13</v>
      </c>
    </row>
    <row r="3907" spans="1:8" x14ac:dyDescent="0.25">
      <c r="A3907" s="1">
        <v>44218</v>
      </c>
      <c r="B3907" t="s">
        <v>2773</v>
      </c>
      <c r="C3907" t="s">
        <v>35</v>
      </c>
      <c r="D3907" t="s">
        <v>10</v>
      </c>
      <c r="E3907" t="s">
        <v>11</v>
      </c>
      <c r="F3907" s="2">
        <v>1</v>
      </c>
      <c r="G3907" t="s">
        <v>197</v>
      </c>
      <c r="H3907" t="s">
        <v>13</v>
      </c>
    </row>
    <row r="3908" spans="1:8" x14ac:dyDescent="0.25">
      <c r="A3908" s="1">
        <v>44216</v>
      </c>
      <c r="B3908" t="s">
        <v>2774</v>
      </c>
      <c r="C3908" t="s">
        <v>35</v>
      </c>
      <c r="D3908" t="s">
        <v>10</v>
      </c>
      <c r="E3908" t="s">
        <v>11</v>
      </c>
      <c r="F3908" s="2">
        <v>1</v>
      </c>
      <c r="G3908" t="s">
        <v>157</v>
      </c>
      <c r="H3908" t="s">
        <v>13</v>
      </c>
    </row>
    <row r="3909" spans="1:8" x14ac:dyDescent="0.25">
      <c r="A3909" s="1">
        <v>44216</v>
      </c>
      <c r="B3909" t="s">
        <v>2774</v>
      </c>
      <c r="C3909" t="s">
        <v>14</v>
      </c>
      <c r="D3909" t="s">
        <v>10</v>
      </c>
      <c r="E3909" t="s">
        <v>11</v>
      </c>
      <c r="F3909" s="2">
        <v>1</v>
      </c>
      <c r="G3909" t="s">
        <v>157</v>
      </c>
      <c r="H3909" t="s">
        <v>13</v>
      </c>
    </row>
    <row r="3910" spans="1:8" x14ac:dyDescent="0.25">
      <c r="A3910" s="1">
        <v>44215</v>
      </c>
      <c r="B3910" t="s">
        <v>2775</v>
      </c>
      <c r="C3910" t="s">
        <v>47</v>
      </c>
      <c r="D3910" t="s">
        <v>10</v>
      </c>
      <c r="E3910" t="s">
        <v>11</v>
      </c>
      <c r="F3910" s="2">
        <v>1</v>
      </c>
      <c r="G3910" t="s">
        <v>492</v>
      </c>
      <c r="H3910" t="s">
        <v>13</v>
      </c>
    </row>
    <row r="3911" spans="1:8" x14ac:dyDescent="0.25">
      <c r="A3911" s="1">
        <v>44215</v>
      </c>
      <c r="B3911" t="s">
        <v>2776</v>
      </c>
      <c r="C3911" t="s">
        <v>19</v>
      </c>
      <c r="D3911" t="s">
        <v>10</v>
      </c>
      <c r="E3911" t="s">
        <v>11</v>
      </c>
      <c r="F3911" s="2">
        <v>1</v>
      </c>
      <c r="G3911" t="s">
        <v>197</v>
      </c>
      <c r="H3911" t="s">
        <v>13</v>
      </c>
    </row>
    <row r="3912" spans="1:8" x14ac:dyDescent="0.25">
      <c r="A3912" s="1">
        <v>44214</v>
      </c>
      <c r="B3912" t="s">
        <v>2777</v>
      </c>
      <c r="C3912" t="s">
        <v>9</v>
      </c>
      <c r="D3912" t="s">
        <v>10</v>
      </c>
      <c r="E3912" t="s">
        <v>11</v>
      </c>
      <c r="F3912" s="2">
        <v>1</v>
      </c>
      <c r="G3912" t="s">
        <v>20</v>
      </c>
      <c r="H3912" t="s">
        <v>13</v>
      </c>
    </row>
    <row r="3913" spans="1:8" x14ac:dyDescent="0.25">
      <c r="A3913" s="1">
        <v>44214</v>
      </c>
      <c r="B3913" t="s">
        <v>2777</v>
      </c>
      <c r="C3913" t="s">
        <v>47</v>
      </c>
      <c r="D3913" t="s">
        <v>10</v>
      </c>
      <c r="E3913" t="s">
        <v>11</v>
      </c>
      <c r="F3913" s="2">
        <v>1</v>
      </c>
      <c r="G3913" t="s">
        <v>20</v>
      </c>
      <c r="H3913" t="s">
        <v>13</v>
      </c>
    </row>
    <row r="3914" spans="1:8" x14ac:dyDescent="0.25">
      <c r="A3914" s="1">
        <v>44214</v>
      </c>
      <c r="B3914" t="s">
        <v>2778</v>
      </c>
      <c r="C3914" t="s">
        <v>79</v>
      </c>
      <c r="D3914" t="s">
        <v>10</v>
      </c>
      <c r="E3914" t="s">
        <v>11</v>
      </c>
      <c r="F3914" s="2">
        <v>1</v>
      </c>
      <c r="G3914" t="s">
        <v>40</v>
      </c>
      <c r="H3914" t="s">
        <v>13</v>
      </c>
    </row>
    <row r="3915" spans="1:8" x14ac:dyDescent="0.25">
      <c r="A3915" s="1">
        <v>44214</v>
      </c>
      <c r="B3915" t="s">
        <v>2778</v>
      </c>
      <c r="C3915" t="s">
        <v>80</v>
      </c>
      <c r="D3915" t="s">
        <v>10</v>
      </c>
      <c r="E3915" t="s">
        <v>11</v>
      </c>
      <c r="F3915" s="2">
        <v>1</v>
      </c>
      <c r="G3915" t="s">
        <v>40</v>
      </c>
      <c r="H3915" t="s">
        <v>13</v>
      </c>
    </row>
    <row r="3916" spans="1:8" x14ac:dyDescent="0.25">
      <c r="A3916" s="1">
        <v>44214</v>
      </c>
      <c r="B3916" t="s">
        <v>2779</v>
      </c>
      <c r="C3916" t="s">
        <v>9</v>
      </c>
      <c r="D3916" t="s">
        <v>10</v>
      </c>
      <c r="E3916" t="s">
        <v>11</v>
      </c>
      <c r="F3916" s="2">
        <v>1</v>
      </c>
      <c r="G3916" t="s">
        <v>793</v>
      </c>
      <c r="H3916" t="s">
        <v>13</v>
      </c>
    </row>
    <row r="3917" spans="1:8" x14ac:dyDescent="0.25">
      <c r="A3917" s="1">
        <v>44213</v>
      </c>
      <c r="B3917" t="s">
        <v>2780</v>
      </c>
      <c r="C3917" t="s">
        <v>9</v>
      </c>
      <c r="D3917" t="s">
        <v>10</v>
      </c>
      <c r="E3917" t="s">
        <v>11</v>
      </c>
      <c r="F3917" s="2">
        <v>1</v>
      </c>
      <c r="G3917" t="s">
        <v>172</v>
      </c>
      <c r="H3917" t="s">
        <v>13</v>
      </c>
    </row>
    <row r="3918" spans="1:8" x14ac:dyDescent="0.25">
      <c r="A3918" s="1">
        <v>44213</v>
      </c>
      <c r="B3918" t="s">
        <v>2781</v>
      </c>
      <c r="C3918" t="s">
        <v>1353</v>
      </c>
      <c r="D3918" t="s">
        <v>10</v>
      </c>
      <c r="E3918" t="s">
        <v>11</v>
      </c>
      <c r="F3918" s="2">
        <v>1</v>
      </c>
      <c r="G3918" t="s">
        <v>2131</v>
      </c>
      <c r="H3918" t="s">
        <v>13</v>
      </c>
    </row>
    <row r="3919" spans="1:8" x14ac:dyDescent="0.25">
      <c r="A3919" s="1">
        <v>44213</v>
      </c>
      <c r="B3919" t="s">
        <v>2782</v>
      </c>
      <c r="C3919" t="s">
        <v>47</v>
      </c>
      <c r="D3919" t="s">
        <v>10</v>
      </c>
      <c r="E3919" t="s">
        <v>11</v>
      </c>
      <c r="F3919" s="2">
        <v>1</v>
      </c>
      <c r="G3919" t="s">
        <v>154</v>
      </c>
      <c r="H3919" t="s">
        <v>13</v>
      </c>
    </row>
    <row r="3920" spans="1:8" x14ac:dyDescent="0.25">
      <c r="A3920" s="1">
        <v>44213</v>
      </c>
      <c r="B3920" t="s">
        <v>2783</v>
      </c>
      <c r="C3920" t="s">
        <v>9</v>
      </c>
      <c r="D3920" t="s">
        <v>10</v>
      </c>
      <c r="E3920" t="s">
        <v>11</v>
      </c>
      <c r="F3920" s="2">
        <v>1</v>
      </c>
      <c r="G3920" t="s">
        <v>125</v>
      </c>
      <c r="H3920" t="s">
        <v>13</v>
      </c>
    </row>
    <row r="3921" spans="1:8" x14ac:dyDescent="0.25">
      <c r="A3921" s="1">
        <v>44213</v>
      </c>
      <c r="B3921" t="s">
        <v>2783</v>
      </c>
      <c r="C3921" t="s">
        <v>29</v>
      </c>
      <c r="D3921" t="s">
        <v>10</v>
      </c>
      <c r="E3921" t="s">
        <v>11</v>
      </c>
      <c r="F3921" s="2">
        <v>1</v>
      </c>
      <c r="G3921" t="s">
        <v>125</v>
      </c>
      <c r="H3921" t="s">
        <v>13</v>
      </c>
    </row>
    <row r="3922" spans="1:8" x14ac:dyDescent="0.25">
      <c r="A3922" s="1">
        <v>44213</v>
      </c>
      <c r="B3922" t="s">
        <v>2784</v>
      </c>
      <c r="C3922" t="s">
        <v>9</v>
      </c>
      <c r="D3922" t="s">
        <v>10</v>
      </c>
      <c r="E3922" t="s">
        <v>11</v>
      </c>
      <c r="F3922" s="2">
        <v>1</v>
      </c>
      <c r="G3922" t="s">
        <v>100</v>
      </c>
      <c r="H3922" t="s">
        <v>13</v>
      </c>
    </row>
    <row r="3923" spans="1:8" x14ac:dyDescent="0.25">
      <c r="A3923" s="1">
        <v>44213</v>
      </c>
      <c r="B3923" t="s">
        <v>2784</v>
      </c>
      <c r="C3923" t="s">
        <v>28</v>
      </c>
      <c r="D3923" t="s">
        <v>10</v>
      </c>
      <c r="E3923" t="s">
        <v>11</v>
      </c>
      <c r="F3923" s="2">
        <v>1</v>
      </c>
      <c r="G3923" t="s">
        <v>100</v>
      </c>
      <c r="H3923" t="s">
        <v>13</v>
      </c>
    </row>
    <row r="3924" spans="1:8" x14ac:dyDescent="0.25">
      <c r="A3924" s="1">
        <v>44213</v>
      </c>
      <c r="B3924" t="s">
        <v>2784</v>
      </c>
      <c r="C3924" t="s">
        <v>29</v>
      </c>
      <c r="D3924" t="s">
        <v>10</v>
      </c>
      <c r="E3924" t="s">
        <v>11</v>
      </c>
      <c r="F3924" s="2">
        <v>1</v>
      </c>
      <c r="G3924" t="s">
        <v>100</v>
      </c>
      <c r="H3924" t="s">
        <v>13</v>
      </c>
    </row>
    <row r="3925" spans="1:8" x14ac:dyDescent="0.25">
      <c r="A3925" s="1">
        <v>44213</v>
      </c>
      <c r="B3925" t="s">
        <v>2784</v>
      </c>
      <c r="C3925" t="s">
        <v>35</v>
      </c>
      <c r="D3925" t="s">
        <v>10</v>
      </c>
      <c r="E3925" t="s">
        <v>11</v>
      </c>
      <c r="F3925" s="2">
        <v>1</v>
      </c>
      <c r="G3925" t="s">
        <v>100</v>
      </c>
      <c r="H3925" t="s">
        <v>13</v>
      </c>
    </row>
    <row r="3926" spans="1:8" x14ac:dyDescent="0.25">
      <c r="A3926" s="1">
        <v>44212</v>
      </c>
      <c r="B3926" t="s">
        <v>2785</v>
      </c>
      <c r="C3926" t="s">
        <v>9</v>
      </c>
      <c r="D3926" t="s">
        <v>10</v>
      </c>
      <c r="E3926" t="s">
        <v>11</v>
      </c>
      <c r="F3926" s="2">
        <v>1</v>
      </c>
      <c r="G3926" t="s">
        <v>181</v>
      </c>
      <c r="H3926" t="s">
        <v>13</v>
      </c>
    </row>
    <row r="3927" spans="1:8" x14ac:dyDescent="0.25">
      <c r="A3927" s="1">
        <v>44212</v>
      </c>
      <c r="B3927" t="s">
        <v>2785</v>
      </c>
      <c r="C3927" t="s">
        <v>28</v>
      </c>
      <c r="D3927" t="s">
        <v>10</v>
      </c>
      <c r="E3927" t="s">
        <v>11</v>
      </c>
      <c r="F3927" s="2">
        <v>1</v>
      </c>
      <c r="G3927" t="s">
        <v>181</v>
      </c>
      <c r="H3927" t="s">
        <v>13</v>
      </c>
    </row>
    <row r="3928" spans="1:8" x14ac:dyDescent="0.25">
      <c r="A3928" s="1">
        <v>44212</v>
      </c>
      <c r="B3928" t="s">
        <v>2785</v>
      </c>
      <c r="C3928" t="s">
        <v>29</v>
      </c>
      <c r="D3928" t="s">
        <v>10</v>
      </c>
      <c r="E3928" t="s">
        <v>11</v>
      </c>
      <c r="F3928" s="2">
        <v>1</v>
      </c>
      <c r="G3928" t="s">
        <v>181</v>
      </c>
      <c r="H3928" t="s">
        <v>13</v>
      </c>
    </row>
    <row r="3929" spans="1:8" x14ac:dyDescent="0.25">
      <c r="A3929" s="1">
        <v>44212</v>
      </c>
      <c r="B3929" t="s">
        <v>2785</v>
      </c>
      <c r="C3929" t="s">
        <v>35</v>
      </c>
      <c r="D3929" t="s">
        <v>10</v>
      </c>
      <c r="E3929" t="s">
        <v>11</v>
      </c>
      <c r="F3929" s="2">
        <v>1</v>
      </c>
      <c r="G3929" t="s">
        <v>181</v>
      </c>
      <c r="H3929" t="s">
        <v>13</v>
      </c>
    </row>
    <row r="3930" spans="1:8" x14ac:dyDescent="0.25">
      <c r="A3930" s="1">
        <v>44211</v>
      </c>
      <c r="B3930" t="s">
        <v>2786</v>
      </c>
      <c r="C3930" t="s">
        <v>79</v>
      </c>
      <c r="D3930" t="s">
        <v>10</v>
      </c>
      <c r="E3930" t="s">
        <v>11</v>
      </c>
      <c r="F3930" s="2">
        <v>1</v>
      </c>
      <c r="G3930" t="s">
        <v>61</v>
      </c>
      <c r="H3930" t="s">
        <v>13</v>
      </c>
    </row>
    <row r="3931" spans="1:8" x14ac:dyDescent="0.25">
      <c r="A3931" s="1">
        <v>44211</v>
      </c>
      <c r="B3931" t="s">
        <v>2787</v>
      </c>
      <c r="C3931" t="s">
        <v>9</v>
      </c>
      <c r="D3931" t="s">
        <v>10</v>
      </c>
      <c r="E3931" t="s">
        <v>11</v>
      </c>
      <c r="F3931" s="2">
        <v>1</v>
      </c>
      <c r="G3931" t="s">
        <v>244</v>
      </c>
      <c r="H3931" t="s">
        <v>13</v>
      </c>
    </row>
    <row r="3932" spans="1:8" x14ac:dyDescent="0.25">
      <c r="A3932" s="1">
        <v>44211</v>
      </c>
      <c r="B3932" t="s">
        <v>2787</v>
      </c>
      <c r="C3932" t="s">
        <v>35</v>
      </c>
      <c r="D3932" t="s">
        <v>10</v>
      </c>
      <c r="E3932" t="s">
        <v>11</v>
      </c>
      <c r="F3932" s="2">
        <v>1</v>
      </c>
      <c r="G3932" t="s">
        <v>244</v>
      </c>
      <c r="H3932" t="s">
        <v>13</v>
      </c>
    </row>
    <row r="3933" spans="1:8" x14ac:dyDescent="0.25">
      <c r="A3933" s="1">
        <v>44211</v>
      </c>
      <c r="B3933" t="s">
        <v>2788</v>
      </c>
      <c r="C3933" t="s">
        <v>9</v>
      </c>
      <c r="D3933" t="s">
        <v>10</v>
      </c>
      <c r="E3933" t="s">
        <v>11</v>
      </c>
      <c r="F3933" s="2">
        <v>1</v>
      </c>
      <c r="G3933" t="s">
        <v>1011</v>
      </c>
      <c r="H3933" t="s">
        <v>13</v>
      </c>
    </row>
    <row r="3934" spans="1:8" x14ac:dyDescent="0.25">
      <c r="A3934" s="1">
        <v>44211</v>
      </c>
      <c r="B3934" t="s">
        <v>2789</v>
      </c>
      <c r="C3934" t="s">
        <v>52</v>
      </c>
      <c r="D3934" t="s">
        <v>10</v>
      </c>
      <c r="E3934" t="s">
        <v>11</v>
      </c>
      <c r="F3934" s="2">
        <v>1</v>
      </c>
      <c r="G3934" t="s">
        <v>1263</v>
      </c>
      <c r="H3934" t="s">
        <v>13</v>
      </c>
    </row>
    <row r="3935" spans="1:8" x14ac:dyDescent="0.25">
      <c r="A3935" s="1">
        <v>44211</v>
      </c>
      <c r="B3935" t="s">
        <v>2790</v>
      </c>
      <c r="C3935" t="s">
        <v>9</v>
      </c>
      <c r="D3935" t="s">
        <v>10</v>
      </c>
      <c r="E3935" t="s">
        <v>11</v>
      </c>
      <c r="F3935" s="2">
        <v>1</v>
      </c>
      <c r="G3935" t="s">
        <v>574</v>
      </c>
      <c r="H3935" t="s">
        <v>13</v>
      </c>
    </row>
    <row r="3936" spans="1:8" x14ac:dyDescent="0.25">
      <c r="A3936" s="1">
        <v>44211</v>
      </c>
      <c r="B3936" t="s">
        <v>2790</v>
      </c>
      <c r="C3936" t="s">
        <v>50</v>
      </c>
      <c r="D3936" t="s">
        <v>10</v>
      </c>
      <c r="E3936" t="s">
        <v>11</v>
      </c>
      <c r="F3936" s="2">
        <v>1</v>
      </c>
      <c r="G3936" t="s">
        <v>574</v>
      </c>
      <c r="H3936" t="s">
        <v>13</v>
      </c>
    </row>
    <row r="3937" spans="1:8" x14ac:dyDescent="0.25">
      <c r="A3937" s="1">
        <v>44211</v>
      </c>
      <c r="B3937" t="s">
        <v>2790</v>
      </c>
      <c r="C3937" t="s">
        <v>14</v>
      </c>
      <c r="D3937" t="s">
        <v>10</v>
      </c>
      <c r="E3937" t="s">
        <v>11</v>
      </c>
      <c r="F3937" s="2">
        <v>1</v>
      </c>
      <c r="G3937" t="s">
        <v>574</v>
      </c>
      <c r="H3937" t="s">
        <v>13</v>
      </c>
    </row>
    <row r="3938" spans="1:8" x14ac:dyDescent="0.25">
      <c r="A3938" s="1">
        <v>44211</v>
      </c>
      <c r="B3938" t="s">
        <v>2791</v>
      </c>
      <c r="C3938" t="s">
        <v>9</v>
      </c>
      <c r="D3938" t="s">
        <v>10</v>
      </c>
      <c r="E3938" t="s">
        <v>11</v>
      </c>
      <c r="F3938" s="2">
        <v>1</v>
      </c>
      <c r="G3938" t="s">
        <v>135</v>
      </c>
      <c r="H3938" t="s">
        <v>13</v>
      </c>
    </row>
    <row r="3939" spans="1:8" x14ac:dyDescent="0.25">
      <c r="A3939" s="1">
        <v>44210</v>
      </c>
      <c r="B3939" t="s">
        <v>2792</v>
      </c>
      <c r="C3939" t="s">
        <v>9</v>
      </c>
      <c r="D3939" t="s">
        <v>10</v>
      </c>
      <c r="E3939" t="s">
        <v>11</v>
      </c>
      <c r="F3939" s="2">
        <v>1</v>
      </c>
      <c r="G3939" t="s">
        <v>20</v>
      </c>
      <c r="H3939" t="s">
        <v>13</v>
      </c>
    </row>
    <row r="3940" spans="1:8" x14ac:dyDescent="0.25">
      <c r="A3940" s="1">
        <v>44210</v>
      </c>
      <c r="B3940" t="s">
        <v>2792</v>
      </c>
      <c r="C3940" t="s">
        <v>35</v>
      </c>
      <c r="D3940" t="s">
        <v>10</v>
      </c>
      <c r="E3940" t="s">
        <v>11</v>
      </c>
      <c r="F3940" s="2">
        <v>1</v>
      </c>
      <c r="G3940" t="s">
        <v>20</v>
      </c>
      <c r="H3940" t="s">
        <v>13</v>
      </c>
    </row>
    <row r="3941" spans="1:8" x14ac:dyDescent="0.25">
      <c r="A3941" s="1">
        <v>44210</v>
      </c>
      <c r="B3941" t="s">
        <v>2792</v>
      </c>
      <c r="C3941" t="s">
        <v>220</v>
      </c>
      <c r="D3941" t="s">
        <v>10</v>
      </c>
      <c r="E3941" t="s">
        <v>11</v>
      </c>
      <c r="F3941" s="2">
        <v>1</v>
      </c>
      <c r="G3941" t="s">
        <v>20</v>
      </c>
      <c r="H3941" t="s">
        <v>13</v>
      </c>
    </row>
    <row r="3942" spans="1:8" x14ac:dyDescent="0.25">
      <c r="A3942" s="1">
        <v>44209</v>
      </c>
      <c r="B3942" t="s">
        <v>2793</v>
      </c>
      <c r="C3942" t="s">
        <v>16</v>
      </c>
      <c r="D3942" t="s">
        <v>10</v>
      </c>
      <c r="E3942" t="s">
        <v>11</v>
      </c>
      <c r="F3942" s="2">
        <v>1</v>
      </c>
      <c r="G3942" t="s">
        <v>20</v>
      </c>
      <c r="H3942" t="s">
        <v>13</v>
      </c>
    </row>
    <row r="3943" spans="1:8" x14ac:dyDescent="0.25">
      <c r="A3943" s="1">
        <v>44209</v>
      </c>
      <c r="B3943" t="s">
        <v>2793</v>
      </c>
      <c r="C3943" t="s">
        <v>249</v>
      </c>
      <c r="D3943" t="s">
        <v>10</v>
      </c>
      <c r="E3943" t="s">
        <v>11</v>
      </c>
      <c r="F3943" s="2">
        <v>1</v>
      </c>
      <c r="G3943" t="s">
        <v>20</v>
      </c>
      <c r="H3943" t="s">
        <v>13</v>
      </c>
    </row>
    <row r="3944" spans="1:8" x14ac:dyDescent="0.25">
      <c r="A3944" s="1">
        <v>44207</v>
      </c>
      <c r="B3944" t="s">
        <v>2794</v>
      </c>
      <c r="C3944" t="s">
        <v>9</v>
      </c>
      <c r="D3944" t="s">
        <v>10</v>
      </c>
      <c r="E3944" t="s">
        <v>11</v>
      </c>
      <c r="F3944" s="2">
        <v>1</v>
      </c>
      <c r="G3944" t="s">
        <v>100</v>
      </c>
      <c r="H3944" t="s">
        <v>13</v>
      </c>
    </row>
    <row r="3945" spans="1:8" x14ac:dyDescent="0.25">
      <c r="A3945" s="1">
        <v>44207</v>
      </c>
      <c r="B3945" t="s">
        <v>2794</v>
      </c>
      <c r="C3945" t="s">
        <v>52</v>
      </c>
      <c r="D3945" t="s">
        <v>10</v>
      </c>
      <c r="E3945" t="s">
        <v>11</v>
      </c>
      <c r="F3945" s="2">
        <v>1</v>
      </c>
      <c r="G3945" t="s">
        <v>100</v>
      </c>
      <c r="H3945" t="s">
        <v>13</v>
      </c>
    </row>
    <row r="3946" spans="1:8" x14ac:dyDescent="0.25">
      <c r="A3946" s="1">
        <v>44207</v>
      </c>
      <c r="B3946" t="s">
        <v>2794</v>
      </c>
      <c r="C3946" t="s">
        <v>47</v>
      </c>
      <c r="D3946" t="s">
        <v>10</v>
      </c>
      <c r="E3946" t="s">
        <v>11</v>
      </c>
      <c r="F3946" s="2">
        <v>1</v>
      </c>
      <c r="G3946" t="s">
        <v>100</v>
      </c>
      <c r="H3946" t="s">
        <v>13</v>
      </c>
    </row>
    <row r="3947" spans="1:8" x14ac:dyDescent="0.25">
      <c r="A3947" s="1">
        <v>44207</v>
      </c>
      <c r="B3947" t="s">
        <v>2794</v>
      </c>
      <c r="C3947" t="s">
        <v>14</v>
      </c>
      <c r="D3947" t="s">
        <v>10</v>
      </c>
      <c r="E3947" t="s">
        <v>11</v>
      </c>
      <c r="F3947" s="2">
        <v>1</v>
      </c>
      <c r="G3947" t="s">
        <v>100</v>
      </c>
      <c r="H3947" t="s">
        <v>13</v>
      </c>
    </row>
    <row r="3948" spans="1:8" x14ac:dyDescent="0.25">
      <c r="A3948" s="1">
        <v>44204</v>
      </c>
      <c r="B3948" t="s">
        <v>2795</v>
      </c>
      <c r="C3948" t="s">
        <v>79</v>
      </c>
      <c r="D3948" t="s">
        <v>10</v>
      </c>
      <c r="E3948" t="s">
        <v>11</v>
      </c>
      <c r="F3948" s="2">
        <v>1</v>
      </c>
      <c r="G3948" t="s">
        <v>135</v>
      </c>
      <c r="H3948" t="s">
        <v>13</v>
      </c>
    </row>
    <row r="3949" spans="1:8" x14ac:dyDescent="0.25">
      <c r="A3949" s="1">
        <v>44204</v>
      </c>
      <c r="B3949" t="s">
        <v>2795</v>
      </c>
      <c r="C3949" t="s">
        <v>80</v>
      </c>
      <c r="D3949" t="s">
        <v>10</v>
      </c>
      <c r="E3949" t="s">
        <v>11</v>
      </c>
      <c r="F3949" s="2">
        <v>1</v>
      </c>
      <c r="G3949" t="s">
        <v>135</v>
      </c>
      <c r="H3949" t="s">
        <v>13</v>
      </c>
    </row>
    <row r="3950" spans="1:8" x14ac:dyDescent="0.25">
      <c r="A3950" s="1">
        <v>44204</v>
      </c>
      <c r="B3950" t="s">
        <v>2796</v>
      </c>
      <c r="C3950" t="s">
        <v>9</v>
      </c>
      <c r="D3950" t="s">
        <v>10</v>
      </c>
      <c r="E3950" t="s">
        <v>11</v>
      </c>
      <c r="F3950" s="2">
        <v>1</v>
      </c>
      <c r="G3950" t="s">
        <v>20</v>
      </c>
      <c r="H3950" t="s">
        <v>13</v>
      </c>
    </row>
    <row r="3951" spans="1:8" x14ac:dyDescent="0.25">
      <c r="A3951" s="1">
        <v>44204</v>
      </c>
      <c r="B3951" t="s">
        <v>2796</v>
      </c>
      <c r="C3951" t="s">
        <v>28</v>
      </c>
      <c r="D3951" t="s">
        <v>10</v>
      </c>
      <c r="E3951" t="s">
        <v>11</v>
      </c>
      <c r="F3951" s="2">
        <v>1</v>
      </c>
      <c r="G3951" t="s">
        <v>20</v>
      </c>
      <c r="H3951" t="s">
        <v>13</v>
      </c>
    </row>
    <row r="3952" spans="1:8" x14ac:dyDescent="0.25">
      <c r="A3952" s="1">
        <v>44203</v>
      </c>
      <c r="B3952" t="s">
        <v>2797</v>
      </c>
      <c r="C3952" t="s">
        <v>9</v>
      </c>
      <c r="D3952" t="s">
        <v>10</v>
      </c>
      <c r="E3952" t="s">
        <v>11</v>
      </c>
      <c r="F3952" s="2">
        <v>1</v>
      </c>
      <c r="G3952" t="s">
        <v>244</v>
      </c>
      <c r="H3952" t="s">
        <v>13</v>
      </c>
    </row>
    <row r="3953" spans="1:8" x14ac:dyDescent="0.25">
      <c r="A3953" s="1">
        <v>44203</v>
      </c>
      <c r="B3953" t="s">
        <v>2798</v>
      </c>
      <c r="C3953" t="s">
        <v>19</v>
      </c>
      <c r="D3953" t="s">
        <v>10</v>
      </c>
      <c r="E3953" t="s">
        <v>11</v>
      </c>
      <c r="F3953" s="2">
        <v>1</v>
      </c>
      <c r="G3953" t="s">
        <v>98</v>
      </c>
      <c r="H3953" t="s">
        <v>13</v>
      </c>
    </row>
    <row r="3954" spans="1:8" x14ac:dyDescent="0.25">
      <c r="A3954" s="1">
        <v>44203</v>
      </c>
      <c r="B3954" t="s">
        <v>2799</v>
      </c>
      <c r="C3954" t="s">
        <v>9</v>
      </c>
      <c r="D3954" t="s">
        <v>10</v>
      </c>
      <c r="E3954" t="s">
        <v>11</v>
      </c>
      <c r="F3954" s="2">
        <v>1</v>
      </c>
      <c r="G3954" t="s">
        <v>100</v>
      </c>
      <c r="H3954" t="s">
        <v>13</v>
      </c>
    </row>
    <row r="3955" spans="1:8" x14ac:dyDescent="0.25">
      <c r="A3955" s="1">
        <v>44203</v>
      </c>
      <c r="B3955" t="s">
        <v>2800</v>
      </c>
      <c r="C3955" t="s">
        <v>9</v>
      </c>
      <c r="D3955" t="s">
        <v>10</v>
      </c>
      <c r="E3955" t="s">
        <v>11</v>
      </c>
      <c r="F3955" s="2">
        <v>1</v>
      </c>
      <c r="G3955" t="s">
        <v>191</v>
      </c>
      <c r="H3955" t="s">
        <v>13</v>
      </c>
    </row>
    <row r="3956" spans="1:8" x14ac:dyDescent="0.25">
      <c r="A3956" s="1">
        <v>44203</v>
      </c>
      <c r="B3956" t="s">
        <v>2801</v>
      </c>
      <c r="C3956" t="s">
        <v>174</v>
      </c>
      <c r="D3956" t="s">
        <v>10</v>
      </c>
      <c r="E3956" t="s">
        <v>11</v>
      </c>
      <c r="F3956" s="2">
        <v>1</v>
      </c>
      <c r="G3956" t="s">
        <v>131</v>
      </c>
      <c r="H3956" t="s">
        <v>13</v>
      </c>
    </row>
    <row r="3957" spans="1:8" x14ac:dyDescent="0.25">
      <c r="A3957" s="1">
        <v>44202</v>
      </c>
      <c r="B3957" t="s">
        <v>2802</v>
      </c>
      <c r="C3957" t="s">
        <v>79</v>
      </c>
      <c r="D3957" t="s">
        <v>10</v>
      </c>
      <c r="E3957" t="s">
        <v>11</v>
      </c>
      <c r="F3957" s="2">
        <v>1</v>
      </c>
      <c r="G3957" t="s">
        <v>20</v>
      </c>
      <c r="H3957" t="s">
        <v>13</v>
      </c>
    </row>
    <row r="3958" spans="1:8" x14ac:dyDescent="0.25">
      <c r="A3958" s="1">
        <v>44202</v>
      </c>
      <c r="B3958" t="s">
        <v>2802</v>
      </c>
      <c r="C3958" t="s">
        <v>80</v>
      </c>
      <c r="D3958" t="s">
        <v>10</v>
      </c>
      <c r="E3958" t="s">
        <v>11</v>
      </c>
      <c r="F3958" s="2">
        <v>1</v>
      </c>
      <c r="G3958" t="s">
        <v>20</v>
      </c>
      <c r="H3958" t="s">
        <v>13</v>
      </c>
    </row>
    <row r="3959" spans="1:8" x14ac:dyDescent="0.25">
      <c r="A3959" s="1">
        <v>44200</v>
      </c>
      <c r="B3959" t="s">
        <v>2803</v>
      </c>
      <c r="C3959" t="s">
        <v>9</v>
      </c>
      <c r="D3959" t="s">
        <v>10</v>
      </c>
      <c r="E3959" t="s">
        <v>11</v>
      </c>
      <c r="F3959" s="2">
        <v>1</v>
      </c>
      <c r="G3959" t="s">
        <v>2177</v>
      </c>
      <c r="H3959" t="s">
        <v>13</v>
      </c>
    </row>
    <row r="3960" spans="1:8" x14ac:dyDescent="0.25">
      <c r="A3960" s="1">
        <v>44200</v>
      </c>
      <c r="B3960" t="s">
        <v>2804</v>
      </c>
      <c r="C3960" t="s">
        <v>9</v>
      </c>
      <c r="D3960" t="s">
        <v>10</v>
      </c>
      <c r="E3960" t="s">
        <v>11</v>
      </c>
      <c r="F3960" s="2">
        <v>1</v>
      </c>
      <c r="G3960" t="s">
        <v>154</v>
      </c>
      <c r="H3960" t="s">
        <v>13</v>
      </c>
    </row>
    <row r="3961" spans="1:8" x14ac:dyDescent="0.25">
      <c r="A3961" s="1">
        <v>44199</v>
      </c>
      <c r="B3961" t="s">
        <v>2805</v>
      </c>
      <c r="C3961" t="s">
        <v>86</v>
      </c>
      <c r="D3961" t="s">
        <v>10</v>
      </c>
      <c r="E3961" t="s">
        <v>11</v>
      </c>
      <c r="F3961" s="2">
        <v>1</v>
      </c>
      <c r="G3961" t="s">
        <v>277</v>
      </c>
      <c r="H3961" t="s">
        <v>13</v>
      </c>
    </row>
    <row r="3962" spans="1:8" x14ac:dyDescent="0.25">
      <c r="A3962" s="1">
        <v>44198</v>
      </c>
      <c r="B3962" t="s">
        <v>2806</v>
      </c>
      <c r="C3962" t="s">
        <v>9</v>
      </c>
      <c r="D3962" t="s">
        <v>10</v>
      </c>
      <c r="E3962" t="s">
        <v>11</v>
      </c>
      <c r="F3962" s="2">
        <v>1</v>
      </c>
      <c r="G3962" t="s">
        <v>135</v>
      </c>
      <c r="H3962" t="s">
        <v>13</v>
      </c>
    </row>
    <row r="3963" spans="1:8" x14ac:dyDescent="0.25">
      <c r="A3963" s="1">
        <v>44198</v>
      </c>
      <c r="B3963" t="s">
        <v>2807</v>
      </c>
      <c r="C3963" t="s">
        <v>9</v>
      </c>
      <c r="D3963" t="s">
        <v>10</v>
      </c>
      <c r="E3963" t="s">
        <v>11</v>
      </c>
      <c r="F3963" s="2">
        <v>1</v>
      </c>
      <c r="G3963" t="s">
        <v>46</v>
      </c>
      <c r="H3963" t="s">
        <v>13</v>
      </c>
    </row>
    <row r="3964" spans="1:8" x14ac:dyDescent="0.25">
      <c r="A3964" s="1">
        <v>44198</v>
      </c>
      <c r="B3964" t="s">
        <v>2807</v>
      </c>
      <c r="C3964" t="s">
        <v>47</v>
      </c>
      <c r="D3964" t="s">
        <v>10</v>
      </c>
      <c r="E3964" t="s">
        <v>11</v>
      </c>
      <c r="F3964" s="2">
        <v>1</v>
      </c>
      <c r="G3964" t="s">
        <v>46</v>
      </c>
      <c r="H3964" t="s">
        <v>13</v>
      </c>
    </row>
    <row r="3965" spans="1:8" x14ac:dyDescent="0.25">
      <c r="A3965" s="1">
        <v>44197</v>
      </c>
      <c r="B3965" t="s">
        <v>2808</v>
      </c>
      <c r="C3965" t="s">
        <v>9</v>
      </c>
      <c r="D3965" t="s">
        <v>10</v>
      </c>
      <c r="E3965" t="s">
        <v>11</v>
      </c>
      <c r="F3965" s="2">
        <v>1</v>
      </c>
      <c r="G3965" t="s">
        <v>40</v>
      </c>
      <c r="H3965" t="s">
        <v>13</v>
      </c>
    </row>
    <row r="3966" spans="1:8" x14ac:dyDescent="0.25">
      <c r="A3966" s="1">
        <v>44197</v>
      </c>
      <c r="B3966" t="s">
        <v>2808</v>
      </c>
      <c r="C3966" t="s">
        <v>1883</v>
      </c>
      <c r="D3966" t="s">
        <v>10</v>
      </c>
      <c r="E3966" t="s">
        <v>11</v>
      </c>
      <c r="F3966" s="2">
        <v>1</v>
      </c>
      <c r="G3966" t="s">
        <v>40</v>
      </c>
      <c r="H3966" t="s">
        <v>13</v>
      </c>
    </row>
    <row r="3967" spans="1:8" x14ac:dyDescent="0.25">
      <c r="A3967" s="1">
        <v>44197</v>
      </c>
      <c r="B3967" t="s">
        <v>2808</v>
      </c>
      <c r="C3967" t="s">
        <v>271</v>
      </c>
      <c r="D3967" t="s">
        <v>10</v>
      </c>
      <c r="E3967" t="s">
        <v>11</v>
      </c>
      <c r="F3967" s="2">
        <v>1</v>
      </c>
      <c r="G3967" t="s">
        <v>40</v>
      </c>
      <c r="H3967" t="s">
        <v>13</v>
      </c>
    </row>
    <row r="3968" spans="1:8" x14ac:dyDescent="0.25">
      <c r="A3968" s="1">
        <v>44196</v>
      </c>
      <c r="B3968" t="s">
        <v>2809</v>
      </c>
      <c r="C3968" t="s">
        <v>76</v>
      </c>
      <c r="D3968" t="s">
        <v>10</v>
      </c>
      <c r="E3968" t="s">
        <v>11</v>
      </c>
      <c r="F3968" s="2">
        <v>1</v>
      </c>
      <c r="G3968" t="s">
        <v>2810</v>
      </c>
      <c r="H3968" t="s">
        <v>13</v>
      </c>
    </row>
    <row r="3969" spans="1:8" x14ac:dyDescent="0.25">
      <c r="A3969" s="1">
        <v>44196</v>
      </c>
      <c r="B3969" t="s">
        <v>2811</v>
      </c>
      <c r="C3969" t="s">
        <v>821</v>
      </c>
      <c r="D3969" t="s">
        <v>10</v>
      </c>
      <c r="E3969" t="s">
        <v>11</v>
      </c>
      <c r="F3969" s="2">
        <v>1</v>
      </c>
      <c r="G3969" t="s">
        <v>72</v>
      </c>
      <c r="H3969" t="s">
        <v>13</v>
      </c>
    </row>
    <row r="3970" spans="1:8" x14ac:dyDescent="0.25">
      <c r="A3970" s="1">
        <v>44196</v>
      </c>
      <c r="B3970" t="s">
        <v>2812</v>
      </c>
      <c r="C3970" t="s">
        <v>9</v>
      </c>
      <c r="D3970" t="s">
        <v>10</v>
      </c>
      <c r="E3970" t="s">
        <v>11</v>
      </c>
      <c r="F3970" s="2">
        <v>1</v>
      </c>
      <c r="G3970" t="s">
        <v>37</v>
      </c>
      <c r="H3970" t="s">
        <v>13</v>
      </c>
    </row>
    <row r="3971" spans="1:8" x14ac:dyDescent="0.25">
      <c r="A3971" s="1">
        <v>44195</v>
      </c>
      <c r="B3971" t="s">
        <v>2813</v>
      </c>
      <c r="C3971" t="s">
        <v>9</v>
      </c>
      <c r="D3971" t="s">
        <v>10</v>
      </c>
      <c r="E3971" t="s">
        <v>11</v>
      </c>
      <c r="F3971" s="2">
        <v>1</v>
      </c>
      <c r="G3971" t="s">
        <v>279</v>
      </c>
      <c r="H3971" t="s">
        <v>13</v>
      </c>
    </row>
    <row r="3972" spans="1:8" x14ac:dyDescent="0.25">
      <c r="A3972" s="1">
        <v>44195</v>
      </c>
      <c r="B3972" t="s">
        <v>2813</v>
      </c>
      <c r="C3972" t="s">
        <v>35</v>
      </c>
      <c r="D3972" t="s">
        <v>10</v>
      </c>
      <c r="E3972" t="s">
        <v>11</v>
      </c>
      <c r="F3972" s="2">
        <v>1</v>
      </c>
      <c r="G3972" t="s">
        <v>279</v>
      </c>
      <c r="H3972" t="s">
        <v>13</v>
      </c>
    </row>
    <row r="3973" spans="1:8" x14ac:dyDescent="0.25">
      <c r="A3973" s="1">
        <v>44195</v>
      </c>
      <c r="B3973" t="s">
        <v>2814</v>
      </c>
      <c r="C3973" t="s">
        <v>9</v>
      </c>
      <c r="D3973" t="s">
        <v>10</v>
      </c>
      <c r="E3973" t="s">
        <v>11</v>
      </c>
      <c r="F3973" s="2">
        <v>1</v>
      </c>
      <c r="G3973" t="s">
        <v>596</v>
      </c>
      <c r="H3973" t="s">
        <v>13</v>
      </c>
    </row>
    <row r="3974" spans="1:8" x14ac:dyDescent="0.25">
      <c r="A3974" s="1">
        <v>44195</v>
      </c>
      <c r="B3974" t="s">
        <v>2814</v>
      </c>
      <c r="C3974" t="s">
        <v>50</v>
      </c>
      <c r="D3974" t="s">
        <v>10</v>
      </c>
      <c r="E3974" t="s">
        <v>11</v>
      </c>
      <c r="F3974" s="2">
        <v>1</v>
      </c>
      <c r="G3974" t="s">
        <v>596</v>
      </c>
      <c r="H3974" t="s">
        <v>13</v>
      </c>
    </row>
    <row r="3975" spans="1:8" x14ac:dyDescent="0.25">
      <c r="A3975" s="1">
        <v>44194</v>
      </c>
      <c r="B3975" t="s">
        <v>2815</v>
      </c>
      <c r="C3975" t="s">
        <v>79</v>
      </c>
      <c r="D3975" t="s">
        <v>10</v>
      </c>
      <c r="E3975" t="s">
        <v>11</v>
      </c>
      <c r="F3975" s="2">
        <v>1</v>
      </c>
      <c r="G3975" t="s">
        <v>197</v>
      </c>
      <c r="H3975" t="s">
        <v>13</v>
      </c>
    </row>
    <row r="3976" spans="1:8" x14ac:dyDescent="0.25">
      <c r="A3976" s="1">
        <v>44194</v>
      </c>
      <c r="B3976" t="s">
        <v>2815</v>
      </c>
      <c r="C3976" t="s">
        <v>80</v>
      </c>
      <c r="D3976" t="s">
        <v>10</v>
      </c>
      <c r="E3976" t="s">
        <v>11</v>
      </c>
      <c r="F3976" s="2">
        <v>1</v>
      </c>
      <c r="G3976" t="s">
        <v>197</v>
      </c>
      <c r="H3976" t="s">
        <v>13</v>
      </c>
    </row>
    <row r="3977" spans="1:8" x14ac:dyDescent="0.25">
      <c r="A3977" s="1">
        <v>44193</v>
      </c>
      <c r="B3977" t="s">
        <v>2816</v>
      </c>
      <c r="C3977" t="s">
        <v>379</v>
      </c>
      <c r="D3977" t="s">
        <v>10</v>
      </c>
      <c r="E3977" t="s">
        <v>11</v>
      </c>
      <c r="F3977" s="2">
        <v>1</v>
      </c>
      <c r="G3977" t="s">
        <v>197</v>
      </c>
      <c r="H3977" t="s">
        <v>13</v>
      </c>
    </row>
    <row r="3978" spans="1:8" x14ac:dyDescent="0.25">
      <c r="A3978" s="1">
        <v>44193</v>
      </c>
      <c r="B3978" t="s">
        <v>2817</v>
      </c>
      <c r="C3978" t="s">
        <v>35</v>
      </c>
      <c r="D3978" t="s">
        <v>10</v>
      </c>
      <c r="E3978" t="s">
        <v>11</v>
      </c>
      <c r="F3978" s="2">
        <v>1</v>
      </c>
      <c r="G3978" t="s">
        <v>20</v>
      </c>
      <c r="H3978" t="s">
        <v>13</v>
      </c>
    </row>
    <row r="3979" spans="1:8" x14ac:dyDescent="0.25">
      <c r="A3979" s="1">
        <v>44193</v>
      </c>
      <c r="B3979" t="s">
        <v>2817</v>
      </c>
      <c r="C3979" t="s">
        <v>1883</v>
      </c>
      <c r="D3979" t="s">
        <v>10</v>
      </c>
      <c r="E3979" t="s">
        <v>11</v>
      </c>
      <c r="F3979" s="2">
        <v>1</v>
      </c>
      <c r="G3979" t="s">
        <v>20</v>
      </c>
      <c r="H3979" t="s">
        <v>13</v>
      </c>
    </row>
    <row r="3980" spans="1:8" x14ac:dyDescent="0.25">
      <c r="A3980" s="1">
        <v>44192</v>
      </c>
      <c r="B3980" t="s">
        <v>2818</v>
      </c>
      <c r="C3980" t="s">
        <v>35</v>
      </c>
      <c r="D3980" t="s">
        <v>10</v>
      </c>
      <c r="E3980" t="s">
        <v>11</v>
      </c>
      <c r="F3980" s="2">
        <v>1</v>
      </c>
      <c r="G3980" t="s">
        <v>306</v>
      </c>
      <c r="H3980" t="s">
        <v>13</v>
      </c>
    </row>
    <row r="3981" spans="1:8" x14ac:dyDescent="0.25">
      <c r="A3981" s="1">
        <v>44192</v>
      </c>
      <c r="B3981" t="s">
        <v>2818</v>
      </c>
      <c r="C3981" t="s">
        <v>14</v>
      </c>
      <c r="D3981" t="s">
        <v>10</v>
      </c>
      <c r="E3981" t="s">
        <v>11</v>
      </c>
      <c r="F3981" s="2">
        <v>1</v>
      </c>
      <c r="G3981" t="s">
        <v>306</v>
      </c>
      <c r="H3981" t="s">
        <v>13</v>
      </c>
    </row>
    <row r="3982" spans="1:8" x14ac:dyDescent="0.25">
      <c r="A3982" s="1">
        <v>44191</v>
      </c>
      <c r="B3982" t="s">
        <v>2819</v>
      </c>
      <c r="C3982" t="s">
        <v>14</v>
      </c>
      <c r="D3982" t="s">
        <v>10</v>
      </c>
      <c r="E3982" t="s">
        <v>11</v>
      </c>
      <c r="F3982" s="2">
        <v>1</v>
      </c>
      <c r="G3982" t="s">
        <v>37</v>
      </c>
      <c r="H3982" t="s">
        <v>13</v>
      </c>
    </row>
    <row r="3983" spans="1:8" x14ac:dyDescent="0.25">
      <c r="A3983" s="1">
        <v>44191</v>
      </c>
      <c r="B3983" t="s">
        <v>2820</v>
      </c>
      <c r="C3983" t="s">
        <v>16</v>
      </c>
      <c r="D3983" t="s">
        <v>10</v>
      </c>
      <c r="E3983" t="s">
        <v>11</v>
      </c>
      <c r="F3983" s="2">
        <v>1</v>
      </c>
      <c r="G3983" t="s">
        <v>49</v>
      </c>
      <c r="H3983" t="s">
        <v>13</v>
      </c>
    </row>
    <row r="3984" spans="1:8" x14ac:dyDescent="0.25">
      <c r="A3984" s="1">
        <v>44191</v>
      </c>
      <c r="B3984" t="s">
        <v>2820</v>
      </c>
      <c r="C3984" t="s">
        <v>271</v>
      </c>
      <c r="D3984" t="s">
        <v>10</v>
      </c>
      <c r="E3984" t="s">
        <v>11</v>
      </c>
      <c r="F3984" s="2">
        <v>1</v>
      </c>
      <c r="G3984" t="s">
        <v>49</v>
      </c>
      <c r="H3984" t="s">
        <v>13</v>
      </c>
    </row>
    <row r="3985" spans="1:8" x14ac:dyDescent="0.25">
      <c r="A3985" s="1">
        <v>44189</v>
      </c>
      <c r="B3985" t="s">
        <v>2821</v>
      </c>
      <c r="C3985" t="s">
        <v>35</v>
      </c>
      <c r="D3985" t="s">
        <v>10</v>
      </c>
      <c r="E3985" t="s">
        <v>11</v>
      </c>
      <c r="F3985" s="2">
        <v>1</v>
      </c>
      <c r="G3985" t="s">
        <v>44</v>
      </c>
      <c r="H3985" t="s">
        <v>13</v>
      </c>
    </row>
    <row r="3986" spans="1:8" x14ac:dyDescent="0.25">
      <c r="A3986" s="1">
        <v>44189</v>
      </c>
      <c r="B3986" t="s">
        <v>2822</v>
      </c>
      <c r="C3986" t="s">
        <v>47</v>
      </c>
      <c r="D3986" t="s">
        <v>10</v>
      </c>
      <c r="E3986" t="s">
        <v>11</v>
      </c>
      <c r="F3986" s="2">
        <v>1</v>
      </c>
      <c r="G3986" t="s">
        <v>296</v>
      </c>
      <c r="H3986" t="s">
        <v>13</v>
      </c>
    </row>
    <row r="3987" spans="1:8" x14ac:dyDescent="0.25">
      <c r="A3987" s="1">
        <v>44188</v>
      </c>
      <c r="B3987" t="s">
        <v>2823</v>
      </c>
      <c r="C3987" t="s">
        <v>9</v>
      </c>
      <c r="D3987" t="s">
        <v>10</v>
      </c>
      <c r="E3987" t="s">
        <v>11</v>
      </c>
      <c r="F3987" s="2">
        <v>1</v>
      </c>
      <c r="G3987" t="s">
        <v>93</v>
      </c>
      <c r="H3987" t="s">
        <v>13</v>
      </c>
    </row>
    <row r="3988" spans="1:8" x14ac:dyDescent="0.25">
      <c r="A3988" s="1">
        <v>44187</v>
      </c>
      <c r="B3988" t="s">
        <v>2824</v>
      </c>
      <c r="C3988" t="s">
        <v>481</v>
      </c>
      <c r="D3988" t="s">
        <v>10</v>
      </c>
      <c r="E3988" t="s">
        <v>11</v>
      </c>
      <c r="F3988" s="2">
        <v>1</v>
      </c>
      <c r="G3988" t="s">
        <v>17</v>
      </c>
      <c r="H3988" t="s">
        <v>13</v>
      </c>
    </row>
    <row r="3989" spans="1:8" x14ac:dyDescent="0.25">
      <c r="A3989" s="1">
        <v>44187</v>
      </c>
      <c r="B3989" t="s">
        <v>2825</v>
      </c>
      <c r="C3989" t="s">
        <v>16</v>
      </c>
      <c r="D3989" t="s">
        <v>10</v>
      </c>
      <c r="E3989" t="s">
        <v>11</v>
      </c>
      <c r="F3989" s="2">
        <v>1</v>
      </c>
      <c r="G3989" t="s">
        <v>411</v>
      </c>
      <c r="H3989" t="s">
        <v>13</v>
      </c>
    </row>
    <row r="3990" spans="1:8" x14ac:dyDescent="0.25">
      <c r="A3990" s="1">
        <v>44187</v>
      </c>
      <c r="B3990" t="s">
        <v>2825</v>
      </c>
      <c r="C3990" t="s">
        <v>1054</v>
      </c>
      <c r="D3990" t="s">
        <v>10</v>
      </c>
      <c r="E3990" t="s">
        <v>11</v>
      </c>
      <c r="F3990" s="2">
        <v>1</v>
      </c>
      <c r="G3990" t="s">
        <v>411</v>
      </c>
      <c r="H3990" t="s">
        <v>13</v>
      </c>
    </row>
    <row r="3991" spans="1:8" x14ac:dyDescent="0.25">
      <c r="A3991" s="1">
        <v>44187</v>
      </c>
      <c r="B3991" t="s">
        <v>2825</v>
      </c>
      <c r="C3991" t="s">
        <v>416</v>
      </c>
      <c r="D3991" t="s">
        <v>10</v>
      </c>
      <c r="E3991" t="s">
        <v>11</v>
      </c>
      <c r="F3991" s="2">
        <v>1</v>
      </c>
      <c r="G3991" t="s">
        <v>411</v>
      </c>
      <c r="H3991" t="s">
        <v>13</v>
      </c>
    </row>
    <row r="3992" spans="1:8" x14ac:dyDescent="0.25">
      <c r="A3992" s="1">
        <v>44187</v>
      </c>
      <c r="B3992" t="s">
        <v>2826</v>
      </c>
      <c r="C3992" t="s">
        <v>19</v>
      </c>
      <c r="D3992" t="s">
        <v>10</v>
      </c>
      <c r="E3992" t="s">
        <v>11</v>
      </c>
      <c r="F3992" s="2">
        <v>1</v>
      </c>
      <c r="G3992" t="s">
        <v>31</v>
      </c>
      <c r="H3992" t="s">
        <v>13</v>
      </c>
    </row>
    <row r="3993" spans="1:8" x14ac:dyDescent="0.25">
      <c r="A3993" s="1">
        <v>44187</v>
      </c>
      <c r="B3993" t="s">
        <v>2827</v>
      </c>
      <c r="C3993" t="s">
        <v>76</v>
      </c>
      <c r="D3993" t="s">
        <v>10</v>
      </c>
      <c r="E3993" t="s">
        <v>11</v>
      </c>
      <c r="F3993" s="2">
        <v>1</v>
      </c>
      <c r="G3993" t="s">
        <v>483</v>
      </c>
      <c r="H3993" t="s">
        <v>13</v>
      </c>
    </row>
    <row r="3994" spans="1:8" x14ac:dyDescent="0.25">
      <c r="A3994" s="1">
        <v>44187</v>
      </c>
      <c r="B3994" t="s">
        <v>2828</v>
      </c>
      <c r="C3994" t="s">
        <v>271</v>
      </c>
      <c r="D3994" t="s">
        <v>10</v>
      </c>
      <c r="E3994" t="s">
        <v>11</v>
      </c>
      <c r="F3994" s="2">
        <v>1</v>
      </c>
      <c r="G3994" t="s">
        <v>20</v>
      </c>
      <c r="H3994" t="s">
        <v>13</v>
      </c>
    </row>
    <row r="3995" spans="1:8" x14ac:dyDescent="0.25">
      <c r="A3995" s="1">
        <v>44187</v>
      </c>
      <c r="B3995" t="s">
        <v>2829</v>
      </c>
      <c r="C3995" t="s">
        <v>9</v>
      </c>
      <c r="D3995" t="s">
        <v>10</v>
      </c>
      <c r="E3995" t="s">
        <v>11</v>
      </c>
      <c r="F3995" s="2">
        <v>1</v>
      </c>
      <c r="G3995" t="s">
        <v>1085</v>
      </c>
      <c r="H3995" t="s">
        <v>13</v>
      </c>
    </row>
    <row r="3996" spans="1:8" x14ac:dyDescent="0.25">
      <c r="A3996" s="1">
        <v>44187</v>
      </c>
      <c r="B3996" t="s">
        <v>2829</v>
      </c>
      <c r="C3996" t="s">
        <v>35</v>
      </c>
      <c r="D3996" t="s">
        <v>10</v>
      </c>
      <c r="E3996" t="s">
        <v>11</v>
      </c>
      <c r="F3996" s="2">
        <v>1</v>
      </c>
      <c r="G3996" t="s">
        <v>1085</v>
      </c>
      <c r="H3996" t="s">
        <v>13</v>
      </c>
    </row>
    <row r="3997" spans="1:8" x14ac:dyDescent="0.25">
      <c r="A3997" s="1">
        <v>44186</v>
      </c>
      <c r="B3997" t="s">
        <v>2830</v>
      </c>
      <c r="C3997" t="s">
        <v>9</v>
      </c>
      <c r="D3997" t="s">
        <v>10</v>
      </c>
      <c r="E3997" t="s">
        <v>11</v>
      </c>
      <c r="F3997" s="2">
        <v>1</v>
      </c>
      <c r="G3997" t="s">
        <v>157</v>
      </c>
      <c r="H3997" t="s">
        <v>13</v>
      </c>
    </row>
    <row r="3998" spans="1:8" x14ac:dyDescent="0.25">
      <c r="A3998" s="1">
        <v>44186</v>
      </c>
      <c r="B3998" t="s">
        <v>2830</v>
      </c>
      <c r="C3998" t="s">
        <v>35</v>
      </c>
      <c r="D3998" t="s">
        <v>10</v>
      </c>
      <c r="E3998" t="s">
        <v>11</v>
      </c>
      <c r="F3998" s="2">
        <v>1</v>
      </c>
      <c r="G3998" t="s">
        <v>157</v>
      </c>
      <c r="H3998" t="s">
        <v>13</v>
      </c>
    </row>
    <row r="3999" spans="1:8" x14ac:dyDescent="0.25">
      <c r="A3999" s="1">
        <v>44186</v>
      </c>
      <c r="B3999" t="s">
        <v>2830</v>
      </c>
      <c r="C3999" t="s">
        <v>271</v>
      </c>
      <c r="D3999" t="s">
        <v>10</v>
      </c>
      <c r="E3999" t="s">
        <v>11</v>
      </c>
      <c r="F3999" s="2">
        <v>1</v>
      </c>
      <c r="G3999" t="s">
        <v>157</v>
      </c>
      <c r="H3999" t="s">
        <v>13</v>
      </c>
    </row>
    <row r="4000" spans="1:8" x14ac:dyDescent="0.25">
      <c r="A4000" s="1">
        <v>44186</v>
      </c>
      <c r="B4000" t="s">
        <v>2831</v>
      </c>
      <c r="C4000" t="s">
        <v>35</v>
      </c>
      <c r="D4000" t="s">
        <v>10</v>
      </c>
      <c r="E4000" t="s">
        <v>11</v>
      </c>
      <c r="F4000" s="2">
        <v>1</v>
      </c>
      <c r="G4000" t="s">
        <v>2131</v>
      </c>
      <c r="H4000" t="s">
        <v>13</v>
      </c>
    </row>
    <row r="4001" spans="1:8" x14ac:dyDescent="0.25">
      <c r="A4001" s="1">
        <v>44186</v>
      </c>
      <c r="B4001" t="s">
        <v>2832</v>
      </c>
      <c r="C4001" t="s">
        <v>174</v>
      </c>
      <c r="D4001" t="s">
        <v>10</v>
      </c>
      <c r="E4001" t="s">
        <v>11</v>
      </c>
      <c r="F4001" s="2">
        <v>1</v>
      </c>
      <c r="G4001" t="s">
        <v>342</v>
      </c>
      <c r="H4001" t="s">
        <v>13</v>
      </c>
    </row>
    <row r="4002" spans="1:8" x14ac:dyDescent="0.25">
      <c r="A4002" s="1">
        <v>44185</v>
      </c>
      <c r="B4002" t="s">
        <v>2833</v>
      </c>
      <c r="C4002" t="s">
        <v>510</v>
      </c>
      <c r="D4002" t="s">
        <v>10</v>
      </c>
      <c r="E4002" t="s">
        <v>11</v>
      </c>
      <c r="F4002" s="2">
        <v>1</v>
      </c>
      <c r="G4002" t="s">
        <v>172</v>
      </c>
      <c r="H4002" t="s">
        <v>13</v>
      </c>
    </row>
    <row r="4003" spans="1:8" x14ac:dyDescent="0.25">
      <c r="A4003" s="1">
        <v>44184</v>
      </c>
      <c r="B4003" t="s">
        <v>2834</v>
      </c>
      <c r="C4003" t="s">
        <v>9</v>
      </c>
      <c r="D4003" t="s">
        <v>10</v>
      </c>
      <c r="E4003" t="s">
        <v>11</v>
      </c>
      <c r="F4003" s="2">
        <v>1</v>
      </c>
      <c r="G4003" t="s">
        <v>2835</v>
      </c>
      <c r="H4003" t="s">
        <v>13</v>
      </c>
    </row>
    <row r="4004" spans="1:8" x14ac:dyDescent="0.25">
      <c r="A4004" s="1">
        <v>44184</v>
      </c>
      <c r="B4004" t="s">
        <v>2836</v>
      </c>
      <c r="C4004" t="s">
        <v>9</v>
      </c>
      <c r="D4004" t="s">
        <v>10</v>
      </c>
      <c r="E4004" t="s">
        <v>11</v>
      </c>
      <c r="F4004" s="2">
        <v>1</v>
      </c>
      <c r="G4004" t="s">
        <v>100</v>
      </c>
      <c r="H4004" t="s">
        <v>13</v>
      </c>
    </row>
    <row r="4005" spans="1:8" x14ac:dyDescent="0.25">
      <c r="A4005" s="1">
        <v>44184</v>
      </c>
      <c r="B4005" t="s">
        <v>2836</v>
      </c>
      <c r="C4005" t="s">
        <v>16</v>
      </c>
      <c r="D4005" t="s">
        <v>10</v>
      </c>
      <c r="E4005" t="s">
        <v>11</v>
      </c>
      <c r="F4005" s="2">
        <v>1</v>
      </c>
      <c r="G4005" t="s">
        <v>100</v>
      </c>
      <c r="H4005" t="s">
        <v>13</v>
      </c>
    </row>
    <row r="4006" spans="1:8" x14ac:dyDescent="0.25">
      <c r="A4006" s="1">
        <v>44182</v>
      </c>
      <c r="B4006" t="s">
        <v>2837</v>
      </c>
      <c r="C4006" t="s">
        <v>79</v>
      </c>
      <c r="D4006" t="s">
        <v>26</v>
      </c>
      <c r="E4006" t="s">
        <v>11</v>
      </c>
      <c r="F4006" s="2">
        <v>1</v>
      </c>
      <c r="G4006" t="s">
        <v>191</v>
      </c>
      <c r="H4006" t="s">
        <v>13</v>
      </c>
    </row>
    <row r="4007" spans="1:8" x14ac:dyDescent="0.25">
      <c r="A4007" s="1">
        <v>44182</v>
      </c>
      <c r="B4007" t="s">
        <v>2837</v>
      </c>
      <c r="C4007" t="s">
        <v>80</v>
      </c>
      <c r="D4007" t="s">
        <v>26</v>
      </c>
      <c r="E4007" t="s">
        <v>11</v>
      </c>
      <c r="F4007" s="2">
        <v>1</v>
      </c>
      <c r="G4007" t="s">
        <v>191</v>
      </c>
      <c r="H4007" t="s">
        <v>13</v>
      </c>
    </row>
    <row r="4008" spans="1:8" x14ac:dyDescent="0.25">
      <c r="A4008" s="1">
        <v>44182</v>
      </c>
      <c r="B4008" t="s">
        <v>2838</v>
      </c>
      <c r="C4008" t="s">
        <v>86</v>
      </c>
      <c r="D4008" t="s">
        <v>10</v>
      </c>
      <c r="E4008" t="s">
        <v>11</v>
      </c>
      <c r="F4008" s="2">
        <v>1</v>
      </c>
      <c r="G4008" t="s">
        <v>27</v>
      </c>
      <c r="H4008" t="s">
        <v>13</v>
      </c>
    </row>
    <row r="4009" spans="1:8" x14ac:dyDescent="0.25">
      <c r="A4009" s="1">
        <v>44182</v>
      </c>
      <c r="B4009" t="s">
        <v>2839</v>
      </c>
      <c r="C4009" t="s">
        <v>56</v>
      </c>
      <c r="D4009" t="s">
        <v>10</v>
      </c>
      <c r="E4009" t="s">
        <v>11</v>
      </c>
      <c r="F4009" s="2">
        <v>1</v>
      </c>
      <c r="G4009" t="s">
        <v>183</v>
      </c>
      <c r="H4009" t="s">
        <v>13</v>
      </c>
    </row>
    <row r="4010" spans="1:8" x14ac:dyDescent="0.25">
      <c r="A4010" s="1">
        <v>44182</v>
      </c>
      <c r="B4010" t="s">
        <v>2839</v>
      </c>
      <c r="C4010" t="s">
        <v>974</v>
      </c>
      <c r="D4010" t="s">
        <v>10</v>
      </c>
      <c r="E4010" t="s">
        <v>11</v>
      </c>
      <c r="F4010" s="2">
        <v>1</v>
      </c>
      <c r="G4010" t="s">
        <v>183</v>
      </c>
      <c r="H4010" t="s">
        <v>13</v>
      </c>
    </row>
    <row r="4011" spans="1:8" x14ac:dyDescent="0.25">
      <c r="A4011" s="1">
        <v>44182</v>
      </c>
      <c r="B4011" t="s">
        <v>2840</v>
      </c>
      <c r="C4011" t="s">
        <v>9</v>
      </c>
      <c r="D4011" t="s">
        <v>10</v>
      </c>
      <c r="E4011" t="s">
        <v>11</v>
      </c>
      <c r="F4011" s="2">
        <v>1</v>
      </c>
      <c r="G4011" t="s">
        <v>183</v>
      </c>
      <c r="H4011" t="s">
        <v>13</v>
      </c>
    </row>
    <row r="4012" spans="1:8" x14ac:dyDescent="0.25">
      <c r="A4012" s="1">
        <v>44181</v>
      </c>
      <c r="B4012" t="s">
        <v>2841</v>
      </c>
      <c r="C4012" t="s">
        <v>35</v>
      </c>
      <c r="D4012" t="s">
        <v>10</v>
      </c>
      <c r="E4012" t="s">
        <v>11</v>
      </c>
      <c r="F4012" s="2">
        <v>1</v>
      </c>
      <c r="G4012" t="s">
        <v>2131</v>
      </c>
      <c r="H4012" t="s">
        <v>13</v>
      </c>
    </row>
    <row r="4013" spans="1:8" x14ac:dyDescent="0.25">
      <c r="A4013" s="1">
        <v>44180</v>
      </c>
      <c r="B4013" t="s">
        <v>2842</v>
      </c>
      <c r="C4013" t="s">
        <v>486</v>
      </c>
      <c r="D4013" t="s">
        <v>10</v>
      </c>
      <c r="E4013" t="s">
        <v>11</v>
      </c>
      <c r="F4013" s="2">
        <v>1</v>
      </c>
      <c r="G4013" t="s">
        <v>2843</v>
      </c>
      <c r="H4013" t="s">
        <v>13</v>
      </c>
    </row>
    <row r="4014" spans="1:8" x14ac:dyDescent="0.25">
      <c r="A4014" s="1">
        <v>44180</v>
      </c>
      <c r="B4014" t="s">
        <v>2844</v>
      </c>
      <c r="C4014" t="s">
        <v>79</v>
      </c>
      <c r="D4014" t="s">
        <v>10</v>
      </c>
      <c r="E4014" t="s">
        <v>11</v>
      </c>
      <c r="F4014" s="2">
        <v>1</v>
      </c>
      <c r="G4014" t="s">
        <v>636</v>
      </c>
      <c r="H4014" t="s">
        <v>13</v>
      </c>
    </row>
    <row r="4015" spans="1:8" x14ac:dyDescent="0.25">
      <c r="A4015" s="1">
        <v>44180</v>
      </c>
      <c r="B4015" t="s">
        <v>2844</v>
      </c>
      <c r="C4015" t="s">
        <v>80</v>
      </c>
      <c r="D4015" t="s">
        <v>10</v>
      </c>
      <c r="E4015" t="s">
        <v>11</v>
      </c>
      <c r="F4015" s="2">
        <v>1</v>
      </c>
      <c r="G4015" t="s">
        <v>636</v>
      </c>
      <c r="H4015" t="s">
        <v>13</v>
      </c>
    </row>
    <row r="4016" spans="1:8" x14ac:dyDescent="0.25">
      <c r="A4016" s="1">
        <v>44178</v>
      </c>
      <c r="B4016" t="s">
        <v>2845</v>
      </c>
      <c r="C4016" t="s">
        <v>9</v>
      </c>
      <c r="D4016" t="s">
        <v>10</v>
      </c>
      <c r="E4016" t="s">
        <v>11</v>
      </c>
      <c r="F4016" s="2">
        <v>1</v>
      </c>
      <c r="G4016" t="s">
        <v>374</v>
      </c>
      <c r="H4016" t="s">
        <v>13</v>
      </c>
    </row>
    <row r="4017" spans="1:8" x14ac:dyDescent="0.25">
      <c r="A4017" s="1">
        <v>44178</v>
      </c>
      <c r="B4017" t="s">
        <v>2846</v>
      </c>
      <c r="C4017" t="s">
        <v>282</v>
      </c>
      <c r="D4017" t="s">
        <v>10</v>
      </c>
      <c r="E4017" t="s">
        <v>11</v>
      </c>
      <c r="F4017" s="2">
        <v>1</v>
      </c>
      <c r="G4017" t="s">
        <v>191</v>
      </c>
      <c r="H4017" t="s">
        <v>13</v>
      </c>
    </row>
    <row r="4018" spans="1:8" x14ac:dyDescent="0.25">
      <c r="A4018" s="1">
        <v>44177</v>
      </c>
      <c r="B4018" t="s">
        <v>2847</v>
      </c>
      <c r="C4018" t="s">
        <v>9</v>
      </c>
      <c r="D4018" t="s">
        <v>10</v>
      </c>
      <c r="E4018" t="s">
        <v>11</v>
      </c>
      <c r="F4018" s="2">
        <v>1</v>
      </c>
      <c r="G4018" t="s">
        <v>374</v>
      </c>
      <c r="H4018" t="s">
        <v>13</v>
      </c>
    </row>
    <row r="4019" spans="1:8" x14ac:dyDescent="0.25">
      <c r="A4019" s="1">
        <v>44177</v>
      </c>
      <c r="B4019" t="s">
        <v>2847</v>
      </c>
      <c r="C4019" t="s">
        <v>29</v>
      </c>
      <c r="D4019" t="s">
        <v>10</v>
      </c>
      <c r="E4019" t="s">
        <v>11</v>
      </c>
      <c r="F4019" s="2">
        <v>1</v>
      </c>
      <c r="G4019" t="s">
        <v>374</v>
      </c>
      <c r="H4019" t="s">
        <v>13</v>
      </c>
    </row>
    <row r="4020" spans="1:8" x14ac:dyDescent="0.25">
      <c r="A4020" s="1">
        <v>44177</v>
      </c>
      <c r="B4020" t="s">
        <v>2847</v>
      </c>
      <c r="C4020" t="s">
        <v>35</v>
      </c>
      <c r="D4020" t="s">
        <v>10</v>
      </c>
      <c r="E4020" t="s">
        <v>11</v>
      </c>
      <c r="F4020" s="2">
        <v>1</v>
      </c>
      <c r="G4020" t="s">
        <v>374</v>
      </c>
      <c r="H4020" t="s">
        <v>13</v>
      </c>
    </row>
    <row r="4021" spans="1:8" x14ac:dyDescent="0.25">
      <c r="A4021" s="1">
        <v>44176</v>
      </c>
      <c r="B4021" t="s">
        <v>2848</v>
      </c>
      <c r="C4021" t="s">
        <v>174</v>
      </c>
      <c r="D4021" t="s">
        <v>10</v>
      </c>
      <c r="E4021" t="s">
        <v>11</v>
      </c>
      <c r="F4021" s="2">
        <v>1</v>
      </c>
      <c r="G4021" t="s">
        <v>1706</v>
      </c>
      <c r="H4021" t="s">
        <v>13</v>
      </c>
    </row>
    <row r="4022" spans="1:8" x14ac:dyDescent="0.25">
      <c r="A4022" s="1">
        <v>44175</v>
      </c>
      <c r="B4022" t="s">
        <v>2849</v>
      </c>
      <c r="C4022" t="s">
        <v>9</v>
      </c>
      <c r="D4022" t="s">
        <v>10</v>
      </c>
      <c r="E4022" t="s">
        <v>11</v>
      </c>
      <c r="F4022" s="2">
        <v>1</v>
      </c>
      <c r="G4022" t="s">
        <v>944</v>
      </c>
      <c r="H4022" t="s">
        <v>13</v>
      </c>
    </row>
    <row r="4023" spans="1:8" x14ac:dyDescent="0.25">
      <c r="A4023" s="1">
        <v>44175</v>
      </c>
      <c r="B4023" t="s">
        <v>2849</v>
      </c>
      <c r="C4023" t="s">
        <v>47</v>
      </c>
      <c r="D4023" t="s">
        <v>10</v>
      </c>
      <c r="E4023" t="s">
        <v>11</v>
      </c>
      <c r="F4023" s="2">
        <v>1</v>
      </c>
      <c r="G4023" t="s">
        <v>944</v>
      </c>
      <c r="H4023" t="s">
        <v>13</v>
      </c>
    </row>
    <row r="4024" spans="1:8" x14ac:dyDescent="0.25">
      <c r="A4024" s="1">
        <v>44174</v>
      </c>
      <c r="B4024" t="s">
        <v>2850</v>
      </c>
      <c r="C4024" t="s">
        <v>9</v>
      </c>
      <c r="D4024" t="s">
        <v>10</v>
      </c>
      <c r="E4024" t="s">
        <v>11</v>
      </c>
      <c r="F4024" s="2">
        <v>1</v>
      </c>
      <c r="G4024" t="s">
        <v>46</v>
      </c>
      <c r="H4024" t="s">
        <v>13</v>
      </c>
    </row>
    <row r="4025" spans="1:8" x14ac:dyDescent="0.25">
      <c r="A4025" s="1">
        <v>44174</v>
      </c>
      <c r="B4025" t="s">
        <v>2850</v>
      </c>
      <c r="C4025" t="s">
        <v>35</v>
      </c>
      <c r="D4025" t="s">
        <v>10</v>
      </c>
      <c r="E4025" t="s">
        <v>11</v>
      </c>
      <c r="F4025" s="2">
        <v>1</v>
      </c>
      <c r="G4025" t="s">
        <v>46</v>
      </c>
      <c r="H4025" t="s">
        <v>13</v>
      </c>
    </row>
    <row r="4026" spans="1:8" x14ac:dyDescent="0.25">
      <c r="A4026" s="1">
        <v>44173</v>
      </c>
      <c r="B4026" t="s">
        <v>2851</v>
      </c>
      <c r="C4026" t="s">
        <v>149</v>
      </c>
      <c r="D4026" t="s">
        <v>10</v>
      </c>
      <c r="E4026" t="s">
        <v>11</v>
      </c>
      <c r="F4026" s="2">
        <v>1</v>
      </c>
      <c r="G4026" t="s">
        <v>135</v>
      </c>
      <c r="H4026" t="s">
        <v>13</v>
      </c>
    </row>
    <row r="4027" spans="1:8" x14ac:dyDescent="0.25">
      <c r="A4027" s="1">
        <v>44173</v>
      </c>
      <c r="B4027" t="s">
        <v>2851</v>
      </c>
      <c r="C4027" t="s">
        <v>149</v>
      </c>
      <c r="D4027" t="s">
        <v>10</v>
      </c>
      <c r="E4027" t="s">
        <v>11</v>
      </c>
      <c r="F4027" s="2">
        <v>1</v>
      </c>
      <c r="G4027" t="s">
        <v>135</v>
      </c>
      <c r="H4027" t="s">
        <v>13</v>
      </c>
    </row>
    <row r="4028" spans="1:8" x14ac:dyDescent="0.25">
      <c r="A4028" s="1">
        <v>44173</v>
      </c>
      <c r="B4028" t="s">
        <v>2851</v>
      </c>
      <c r="C4028" t="s">
        <v>379</v>
      </c>
      <c r="D4028" t="s">
        <v>10</v>
      </c>
      <c r="E4028" t="s">
        <v>11</v>
      </c>
      <c r="F4028" s="2">
        <v>1</v>
      </c>
      <c r="G4028" t="s">
        <v>135</v>
      </c>
      <c r="H4028" t="s">
        <v>13</v>
      </c>
    </row>
    <row r="4029" spans="1:8" x14ac:dyDescent="0.25">
      <c r="A4029" s="1">
        <v>44173</v>
      </c>
      <c r="B4029" t="s">
        <v>2851</v>
      </c>
      <c r="C4029" t="s">
        <v>379</v>
      </c>
      <c r="D4029" t="s">
        <v>10</v>
      </c>
      <c r="E4029" t="s">
        <v>11</v>
      </c>
      <c r="F4029" s="2">
        <v>1</v>
      </c>
      <c r="G4029" t="s">
        <v>135</v>
      </c>
      <c r="H4029" t="s">
        <v>13</v>
      </c>
    </row>
    <row r="4030" spans="1:8" x14ac:dyDescent="0.25">
      <c r="A4030" s="1">
        <v>44169</v>
      </c>
      <c r="B4030" t="s">
        <v>2852</v>
      </c>
      <c r="C4030" t="s">
        <v>9</v>
      </c>
      <c r="D4030" t="s">
        <v>10</v>
      </c>
      <c r="E4030" t="s">
        <v>11</v>
      </c>
      <c r="F4030" s="2">
        <v>1</v>
      </c>
      <c r="G4030" t="s">
        <v>20</v>
      </c>
      <c r="H4030" t="s">
        <v>13</v>
      </c>
    </row>
    <row r="4031" spans="1:8" x14ac:dyDescent="0.25">
      <c r="A4031" s="1">
        <v>44167</v>
      </c>
      <c r="B4031" t="s">
        <v>2853</v>
      </c>
      <c r="C4031" t="s">
        <v>9</v>
      </c>
      <c r="D4031" t="s">
        <v>10</v>
      </c>
      <c r="E4031" t="s">
        <v>11</v>
      </c>
      <c r="F4031" s="2">
        <v>1</v>
      </c>
      <c r="G4031" t="s">
        <v>37</v>
      </c>
      <c r="H4031" t="s">
        <v>13</v>
      </c>
    </row>
    <row r="4032" spans="1:8" x14ac:dyDescent="0.25">
      <c r="A4032" s="1">
        <v>44167</v>
      </c>
      <c r="B4032" t="s">
        <v>2853</v>
      </c>
      <c r="C4032" t="s">
        <v>35</v>
      </c>
      <c r="D4032" t="s">
        <v>10</v>
      </c>
      <c r="E4032" t="s">
        <v>11</v>
      </c>
      <c r="F4032" s="2">
        <v>1</v>
      </c>
      <c r="G4032" t="s">
        <v>37</v>
      </c>
      <c r="H4032" t="s">
        <v>13</v>
      </c>
    </row>
    <row r="4033" spans="1:8" x14ac:dyDescent="0.25">
      <c r="A4033" s="1">
        <v>44167</v>
      </c>
      <c r="B4033" t="s">
        <v>2853</v>
      </c>
      <c r="C4033" t="s">
        <v>14</v>
      </c>
      <c r="D4033" t="s">
        <v>10</v>
      </c>
      <c r="E4033" t="s">
        <v>11</v>
      </c>
      <c r="F4033" s="2">
        <v>1</v>
      </c>
      <c r="G4033" t="s">
        <v>37</v>
      </c>
      <c r="H4033" t="s">
        <v>13</v>
      </c>
    </row>
    <row r="4034" spans="1:8" x14ac:dyDescent="0.25">
      <c r="A4034" s="1">
        <v>44166</v>
      </c>
      <c r="B4034" t="s">
        <v>2854</v>
      </c>
      <c r="C4034" t="s">
        <v>74</v>
      </c>
      <c r="D4034" t="s">
        <v>10</v>
      </c>
      <c r="E4034" t="s">
        <v>11</v>
      </c>
      <c r="F4034" s="2">
        <v>1</v>
      </c>
      <c r="G4034" t="s">
        <v>98</v>
      </c>
      <c r="H4034" t="s">
        <v>13</v>
      </c>
    </row>
    <row r="4035" spans="1:8" x14ac:dyDescent="0.25">
      <c r="A4035" s="1">
        <v>44166</v>
      </c>
      <c r="B4035" t="s">
        <v>2855</v>
      </c>
      <c r="C4035" t="s">
        <v>9</v>
      </c>
      <c r="D4035" t="s">
        <v>10</v>
      </c>
      <c r="E4035" t="s">
        <v>11</v>
      </c>
      <c r="F4035" s="2">
        <v>1</v>
      </c>
      <c r="G4035" t="s">
        <v>636</v>
      </c>
      <c r="H4035" t="s">
        <v>13</v>
      </c>
    </row>
    <row r="4036" spans="1:8" x14ac:dyDescent="0.25">
      <c r="A4036" s="1">
        <v>44166</v>
      </c>
      <c r="B4036" t="s">
        <v>2856</v>
      </c>
      <c r="C4036" t="s">
        <v>47</v>
      </c>
      <c r="D4036" t="s">
        <v>10</v>
      </c>
      <c r="E4036" t="s">
        <v>11</v>
      </c>
      <c r="F4036" s="2">
        <v>1</v>
      </c>
      <c r="G4036" t="s">
        <v>46</v>
      </c>
      <c r="H4036" t="s">
        <v>13</v>
      </c>
    </row>
    <row r="4037" spans="1:8" x14ac:dyDescent="0.25">
      <c r="A4037" s="1">
        <v>44165</v>
      </c>
      <c r="B4037" t="s">
        <v>2857</v>
      </c>
      <c r="C4037" t="s">
        <v>222</v>
      </c>
      <c r="D4037" t="s">
        <v>10</v>
      </c>
      <c r="E4037" t="s">
        <v>11</v>
      </c>
      <c r="F4037" s="2">
        <v>1</v>
      </c>
      <c r="G4037" t="s">
        <v>1544</v>
      </c>
      <c r="H4037" t="s">
        <v>13</v>
      </c>
    </row>
    <row r="4038" spans="1:8" x14ac:dyDescent="0.25">
      <c r="A4038" s="1">
        <v>44165</v>
      </c>
      <c r="B4038" t="s">
        <v>2858</v>
      </c>
      <c r="C4038" t="s">
        <v>2859</v>
      </c>
      <c r="D4038" t="s">
        <v>10</v>
      </c>
      <c r="E4038" t="s">
        <v>11</v>
      </c>
      <c r="F4038" s="2">
        <v>1</v>
      </c>
      <c r="G4038" t="s">
        <v>624</v>
      </c>
      <c r="H4038" t="s">
        <v>13</v>
      </c>
    </row>
    <row r="4039" spans="1:8" x14ac:dyDescent="0.25">
      <c r="A4039" s="1">
        <v>44164</v>
      </c>
      <c r="B4039" t="s">
        <v>2860</v>
      </c>
      <c r="C4039" t="s">
        <v>47</v>
      </c>
      <c r="D4039" t="s">
        <v>10</v>
      </c>
      <c r="E4039" t="s">
        <v>11</v>
      </c>
      <c r="F4039" s="2">
        <v>1</v>
      </c>
      <c r="G4039" t="s">
        <v>113</v>
      </c>
      <c r="H4039" t="s">
        <v>13</v>
      </c>
    </row>
    <row r="4040" spans="1:8" x14ac:dyDescent="0.25">
      <c r="A4040" s="1">
        <v>44164</v>
      </c>
      <c r="B4040" t="s">
        <v>2860</v>
      </c>
      <c r="C4040" t="s">
        <v>14</v>
      </c>
      <c r="D4040" t="s">
        <v>10</v>
      </c>
      <c r="E4040" t="s">
        <v>11</v>
      </c>
      <c r="F4040" s="2">
        <v>1</v>
      </c>
      <c r="G4040" t="s">
        <v>113</v>
      </c>
      <c r="H4040" t="s">
        <v>13</v>
      </c>
    </row>
    <row r="4041" spans="1:8" x14ac:dyDescent="0.25">
      <c r="A4041" s="1">
        <v>44164</v>
      </c>
      <c r="B4041" t="s">
        <v>2861</v>
      </c>
      <c r="C4041" t="s">
        <v>9</v>
      </c>
      <c r="D4041" t="s">
        <v>10</v>
      </c>
      <c r="E4041" t="s">
        <v>11</v>
      </c>
      <c r="F4041" s="2">
        <v>1</v>
      </c>
      <c r="G4041" t="s">
        <v>46</v>
      </c>
      <c r="H4041" t="s">
        <v>13</v>
      </c>
    </row>
    <row r="4042" spans="1:8" x14ac:dyDescent="0.25">
      <c r="A4042" s="1">
        <v>44163</v>
      </c>
      <c r="B4042" t="s">
        <v>2862</v>
      </c>
      <c r="C4042" t="s">
        <v>19</v>
      </c>
      <c r="D4042" t="s">
        <v>10</v>
      </c>
      <c r="E4042" t="s">
        <v>11</v>
      </c>
      <c r="F4042" s="2">
        <v>1</v>
      </c>
      <c r="G4042" t="s">
        <v>20</v>
      </c>
      <c r="H4042" t="s">
        <v>13</v>
      </c>
    </row>
    <row r="4043" spans="1:8" x14ac:dyDescent="0.25">
      <c r="A4043" s="1">
        <v>44163</v>
      </c>
      <c r="B4043" t="s">
        <v>2863</v>
      </c>
      <c r="C4043" t="s">
        <v>9</v>
      </c>
      <c r="D4043" t="s">
        <v>10</v>
      </c>
      <c r="E4043" t="s">
        <v>11</v>
      </c>
      <c r="F4043" s="2">
        <v>1</v>
      </c>
      <c r="G4043" t="s">
        <v>353</v>
      </c>
      <c r="H4043" t="s">
        <v>13</v>
      </c>
    </row>
    <row r="4044" spans="1:8" x14ac:dyDescent="0.25">
      <c r="A4044" s="1">
        <v>44163</v>
      </c>
      <c r="B4044" t="s">
        <v>2863</v>
      </c>
      <c r="C4044" t="s">
        <v>14</v>
      </c>
      <c r="D4044" t="s">
        <v>10</v>
      </c>
      <c r="E4044" t="s">
        <v>11</v>
      </c>
      <c r="F4044" s="2">
        <v>1</v>
      </c>
      <c r="G4044" t="s">
        <v>353</v>
      </c>
      <c r="H4044" t="s">
        <v>13</v>
      </c>
    </row>
    <row r="4045" spans="1:8" x14ac:dyDescent="0.25">
      <c r="A4045" s="1">
        <v>44161</v>
      </c>
      <c r="B4045" t="s">
        <v>2864</v>
      </c>
      <c r="C4045" t="s">
        <v>9</v>
      </c>
      <c r="D4045" t="s">
        <v>10</v>
      </c>
      <c r="E4045" t="s">
        <v>11</v>
      </c>
      <c r="F4045" s="2">
        <v>1</v>
      </c>
      <c r="G4045" t="s">
        <v>20</v>
      </c>
      <c r="H4045" t="s">
        <v>13</v>
      </c>
    </row>
    <row r="4046" spans="1:8" x14ac:dyDescent="0.25">
      <c r="A4046" s="1">
        <v>44161</v>
      </c>
      <c r="B4046" t="s">
        <v>2864</v>
      </c>
      <c r="C4046" t="s">
        <v>1883</v>
      </c>
      <c r="D4046" t="s">
        <v>10</v>
      </c>
      <c r="E4046" t="s">
        <v>11</v>
      </c>
      <c r="F4046" s="2">
        <v>1</v>
      </c>
      <c r="G4046" t="s">
        <v>20</v>
      </c>
      <c r="H4046" t="s">
        <v>13</v>
      </c>
    </row>
    <row r="4047" spans="1:8" x14ac:dyDescent="0.25">
      <c r="A4047" s="1">
        <v>44158</v>
      </c>
      <c r="B4047" t="s">
        <v>2865</v>
      </c>
      <c r="C4047" t="s">
        <v>9</v>
      </c>
      <c r="D4047" t="s">
        <v>10</v>
      </c>
      <c r="E4047" t="s">
        <v>11</v>
      </c>
      <c r="F4047" s="2">
        <v>1</v>
      </c>
      <c r="G4047" t="s">
        <v>100</v>
      </c>
      <c r="H4047" t="s">
        <v>13</v>
      </c>
    </row>
    <row r="4048" spans="1:8" x14ac:dyDescent="0.25">
      <c r="A4048" s="1">
        <v>44158</v>
      </c>
      <c r="B4048" t="s">
        <v>2865</v>
      </c>
      <c r="C4048" t="s">
        <v>1883</v>
      </c>
      <c r="D4048" t="s">
        <v>10</v>
      </c>
      <c r="E4048" t="s">
        <v>11</v>
      </c>
      <c r="F4048" s="2">
        <v>1</v>
      </c>
      <c r="G4048" t="s">
        <v>100</v>
      </c>
      <c r="H4048" t="s">
        <v>13</v>
      </c>
    </row>
    <row r="4049" spans="1:8" x14ac:dyDescent="0.25">
      <c r="A4049" s="1">
        <v>44158</v>
      </c>
      <c r="B4049" t="s">
        <v>2866</v>
      </c>
      <c r="C4049" t="s">
        <v>34</v>
      </c>
      <c r="D4049" t="s">
        <v>10</v>
      </c>
      <c r="E4049" t="s">
        <v>11</v>
      </c>
      <c r="F4049" s="2">
        <v>1</v>
      </c>
      <c r="G4049" t="s">
        <v>492</v>
      </c>
      <c r="H4049" t="s">
        <v>13</v>
      </c>
    </row>
    <row r="4050" spans="1:8" x14ac:dyDescent="0.25">
      <c r="A4050" s="1">
        <v>44158</v>
      </c>
      <c r="B4050" t="s">
        <v>2867</v>
      </c>
      <c r="C4050" t="s">
        <v>9</v>
      </c>
      <c r="D4050" t="s">
        <v>10</v>
      </c>
      <c r="E4050" t="s">
        <v>11</v>
      </c>
      <c r="F4050" s="2">
        <v>1</v>
      </c>
      <c r="G4050" t="s">
        <v>191</v>
      </c>
      <c r="H4050" t="s">
        <v>13</v>
      </c>
    </row>
    <row r="4051" spans="1:8" x14ac:dyDescent="0.25">
      <c r="A4051" s="1">
        <v>44157</v>
      </c>
      <c r="B4051" t="s">
        <v>2868</v>
      </c>
      <c r="C4051" t="s">
        <v>484</v>
      </c>
      <c r="D4051" t="s">
        <v>10</v>
      </c>
      <c r="E4051" t="s">
        <v>11</v>
      </c>
      <c r="F4051" s="2">
        <v>1</v>
      </c>
      <c r="G4051" t="s">
        <v>113</v>
      </c>
      <c r="H4051" t="s">
        <v>13</v>
      </c>
    </row>
    <row r="4052" spans="1:8" x14ac:dyDescent="0.25">
      <c r="A4052" s="1">
        <v>44157</v>
      </c>
      <c r="B4052" t="s">
        <v>2869</v>
      </c>
      <c r="C4052" t="s">
        <v>271</v>
      </c>
      <c r="D4052" t="s">
        <v>10</v>
      </c>
      <c r="E4052" t="s">
        <v>11</v>
      </c>
      <c r="F4052" s="2">
        <v>1</v>
      </c>
      <c r="G4052" t="s">
        <v>216</v>
      </c>
      <c r="H4052" t="s">
        <v>13</v>
      </c>
    </row>
    <row r="4053" spans="1:8" x14ac:dyDescent="0.25">
      <c r="A4053" s="1">
        <v>44156</v>
      </c>
      <c r="B4053" t="s">
        <v>2870</v>
      </c>
      <c r="C4053" t="s">
        <v>9</v>
      </c>
      <c r="D4053" t="s">
        <v>10</v>
      </c>
      <c r="E4053" t="s">
        <v>11</v>
      </c>
      <c r="F4053" s="2">
        <v>1</v>
      </c>
      <c r="G4053" t="s">
        <v>46</v>
      </c>
      <c r="H4053" t="s">
        <v>13</v>
      </c>
    </row>
    <row r="4054" spans="1:8" x14ac:dyDescent="0.25">
      <c r="A4054" s="1">
        <v>44156</v>
      </c>
      <c r="B4054" t="s">
        <v>2870</v>
      </c>
      <c r="C4054" t="s">
        <v>35</v>
      </c>
      <c r="D4054" t="s">
        <v>10</v>
      </c>
      <c r="E4054" t="s">
        <v>11</v>
      </c>
      <c r="F4054" s="2">
        <v>1</v>
      </c>
      <c r="G4054" t="s">
        <v>46</v>
      </c>
      <c r="H4054" t="s">
        <v>13</v>
      </c>
    </row>
    <row r="4055" spans="1:8" x14ac:dyDescent="0.25">
      <c r="A4055" s="1">
        <v>44155</v>
      </c>
      <c r="B4055" t="s">
        <v>2871</v>
      </c>
      <c r="C4055" t="s">
        <v>16</v>
      </c>
      <c r="D4055" t="s">
        <v>10</v>
      </c>
      <c r="E4055" t="s">
        <v>11</v>
      </c>
      <c r="F4055" s="2">
        <v>1</v>
      </c>
      <c r="G4055" t="s">
        <v>205</v>
      </c>
      <c r="H4055" t="s">
        <v>13</v>
      </c>
    </row>
    <row r="4056" spans="1:8" x14ac:dyDescent="0.25">
      <c r="A4056" s="1">
        <v>44155</v>
      </c>
      <c r="B4056" t="s">
        <v>2872</v>
      </c>
      <c r="C4056" t="s">
        <v>74</v>
      </c>
      <c r="D4056" t="s">
        <v>10</v>
      </c>
      <c r="E4056" t="s">
        <v>11</v>
      </c>
      <c r="F4056" s="2">
        <v>1</v>
      </c>
      <c r="G4056" t="s">
        <v>135</v>
      </c>
      <c r="H4056" t="s">
        <v>13</v>
      </c>
    </row>
    <row r="4057" spans="1:8" x14ac:dyDescent="0.25">
      <c r="A4057" s="1">
        <v>44155</v>
      </c>
      <c r="B4057" t="s">
        <v>2873</v>
      </c>
      <c r="C4057" t="s">
        <v>74</v>
      </c>
      <c r="D4057" t="s">
        <v>10</v>
      </c>
      <c r="E4057" t="s">
        <v>11</v>
      </c>
      <c r="F4057" s="2">
        <v>1</v>
      </c>
      <c r="G4057" t="s">
        <v>1263</v>
      </c>
      <c r="H4057" t="s">
        <v>13</v>
      </c>
    </row>
    <row r="4058" spans="1:8" x14ac:dyDescent="0.25">
      <c r="A4058" s="1">
        <v>44154</v>
      </c>
      <c r="B4058" t="s">
        <v>2874</v>
      </c>
      <c r="C4058" t="s">
        <v>76</v>
      </c>
      <c r="D4058" t="s">
        <v>10</v>
      </c>
      <c r="E4058" t="s">
        <v>11</v>
      </c>
      <c r="F4058" s="2">
        <v>1</v>
      </c>
      <c r="G4058" t="s">
        <v>303</v>
      </c>
      <c r="H4058" t="s">
        <v>13</v>
      </c>
    </row>
    <row r="4059" spans="1:8" x14ac:dyDescent="0.25">
      <c r="A4059" s="1">
        <v>44153</v>
      </c>
      <c r="B4059" t="s">
        <v>2875</v>
      </c>
      <c r="C4059" t="s">
        <v>76</v>
      </c>
      <c r="D4059" t="s">
        <v>10</v>
      </c>
      <c r="E4059" t="s">
        <v>11</v>
      </c>
      <c r="F4059" s="2">
        <v>1</v>
      </c>
      <c r="G4059" t="s">
        <v>17</v>
      </c>
      <c r="H4059" t="s">
        <v>13</v>
      </c>
    </row>
    <row r="4060" spans="1:8" x14ac:dyDescent="0.25">
      <c r="A4060" s="1">
        <v>44152</v>
      </c>
      <c r="B4060" t="s">
        <v>2876</v>
      </c>
      <c r="C4060" t="s">
        <v>9</v>
      </c>
      <c r="D4060" t="s">
        <v>10</v>
      </c>
      <c r="E4060" t="s">
        <v>11</v>
      </c>
      <c r="F4060" s="2">
        <v>1</v>
      </c>
      <c r="G4060" t="s">
        <v>72</v>
      </c>
      <c r="H4060" t="s">
        <v>13</v>
      </c>
    </row>
    <row r="4061" spans="1:8" x14ac:dyDescent="0.25">
      <c r="A4061" s="1">
        <v>44151</v>
      </c>
      <c r="B4061" t="s">
        <v>2877</v>
      </c>
      <c r="C4061" t="s">
        <v>9</v>
      </c>
      <c r="D4061" t="s">
        <v>10</v>
      </c>
      <c r="E4061" t="s">
        <v>11</v>
      </c>
      <c r="F4061" s="2">
        <v>1</v>
      </c>
      <c r="G4061" t="s">
        <v>53</v>
      </c>
      <c r="H4061" t="s">
        <v>13</v>
      </c>
    </row>
    <row r="4062" spans="1:8" x14ac:dyDescent="0.25">
      <c r="A4062" s="1">
        <v>44151</v>
      </c>
      <c r="B4062" t="s">
        <v>2878</v>
      </c>
      <c r="C4062" t="s">
        <v>19</v>
      </c>
      <c r="D4062" t="s">
        <v>10</v>
      </c>
      <c r="E4062" t="s">
        <v>11</v>
      </c>
      <c r="F4062" s="2">
        <v>1</v>
      </c>
      <c r="G4062" t="s">
        <v>100</v>
      </c>
      <c r="H4062" t="s">
        <v>13</v>
      </c>
    </row>
    <row r="4063" spans="1:8" x14ac:dyDescent="0.25">
      <c r="A4063" s="1">
        <v>44151</v>
      </c>
      <c r="B4063" t="s">
        <v>2879</v>
      </c>
      <c r="C4063" t="s">
        <v>118</v>
      </c>
      <c r="D4063" t="s">
        <v>10</v>
      </c>
      <c r="E4063" t="s">
        <v>11</v>
      </c>
      <c r="F4063" s="2">
        <v>1</v>
      </c>
      <c r="G4063" t="s">
        <v>2726</v>
      </c>
      <c r="H4063" t="s">
        <v>13</v>
      </c>
    </row>
    <row r="4064" spans="1:8" x14ac:dyDescent="0.25">
      <c r="A4064" s="1">
        <v>44151</v>
      </c>
      <c r="B4064" t="s">
        <v>2879</v>
      </c>
      <c r="C4064" t="s">
        <v>35</v>
      </c>
      <c r="D4064" t="s">
        <v>10</v>
      </c>
      <c r="E4064" t="s">
        <v>11</v>
      </c>
      <c r="F4064" s="2">
        <v>1</v>
      </c>
      <c r="G4064" t="s">
        <v>2726</v>
      </c>
      <c r="H4064" t="s">
        <v>13</v>
      </c>
    </row>
    <row r="4065" spans="1:8" x14ac:dyDescent="0.25">
      <c r="A4065" s="1">
        <v>44151</v>
      </c>
      <c r="B4065" t="s">
        <v>2879</v>
      </c>
      <c r="C4065" t="s">
        <v>47</v>
      </c>
      <c r="D4065" t="s">
        <v>10</v>
      </c>
      <c r="E4065" t="s">
        <v>11</v>
      </c>
      <c r="F4065" s="2">
        <v>1</v>
      </c>
      <c r="G4065" t="s">
        <v>2726</v>
      </c>
      <c r="H4065" t="s">
        <v>13</v>
      </c>
    </row>
    <row r="4066" spans="1:8" x14ac:dyDescent="0.25">
      <c r="A4066" s="1">
        <v>44151</v>
      </c>
      <c r="B4066" t="s">
        <v>2879</v>
      </c>
      <c r="C4066" t="s">
        <v>731</v>
      </c>
      <c r="D4066" t="s">
        <v>10</v>
      </c>
      <c r="E4066" t="s">
        <v>11</v>
      </c>
      <c r="F4066" s="2">
        <v>1</v>
      </c>
      <c r="G4066" t="s">
        <v>2726</v>
      </c>
      <c r="H4066" t="s">
        <v>13</v>
      </c>
    </row>
    <row r="4067" spans="1:8" x14ac:dyDescent="0.25">
      <c r="A4067" s="1">
        <v>44151</v>
      </c>
      <c r="B4067" t="s">
        <v>2880</v>
      </c>
      <c r="C4067" t="s">
        <v>174</v>
      </c>
      <c r="D4067" t="s">
        <v>10</v>
      </c>
      <c r="E4067" t="s">
        <v>11</v>
      </c>
      <c r="F4067" s="2">
        <v>1</v>
      </c>
      <c r="G4067" t="s">
        <v>2173</v>
      </c>
      <c r="H4067" t="s">
        <v>13</v>
      </c>
    </row>
    <row r="4068" spans="1:8" x14ac:dyDescent="0.25">
      <c r="A4068" s="1">
        <v>44150</v>
      </c>
      <c r="B4068" t="s">
        <v>2881</v>
      </c>
      <c r="C4068" t="s">
        <v>413</v>
      </c>
      <c r="D4068" t="s">
        <v>10</v>
      </c>
      <c r="E4068" t="s">
        <v>11</v>
      </c>
      <c r="F4068" s="2">
        <v>1</v>
      </c>
      <c r="G4068" t="s">
        <v>20</v>
      </c>
      <c r="H4068" t="s">
        <v>13</v>
      </c>
    </row>
    <row r="4069" spans="1:8" x14ac:dyDescent="0.25">
      <c r="A4069" s="1">
        <v>44150</v>
      </c>
      <c r="B4069" t="s">
        <v>2882</v>
      </c>
      <c r="C4069" t="s">
        <v>9</v>
      </c>
      <c r="D4069" t="s">
        <v>10</v>
      </c>
      <c r="E4069" t="s">
        <v>11</v>
      </c>
      <c r="F4069" s="2">
        <v>1</v>
      </c>
      <c r="G4069" t="s">
        <v>701</v>
      </c>
      <c r="H4069" t="s">
        <v>13</v>
      </c>
    </row>
    <row r="4070" spans="1:8" x14ac:dyDescent="0.25">
      <c r="A4070" s="1">
        <v>44150</v>
      </c>
      <c r="B4070" t="s">
        <v>2882</v>
      </c>
      <c r="C4070" t="s">
        <v>47</v>
      </c>
      <c r="D4070" t="s">
        <v>10</v>
      </c>
      <c r="E4070" t="s">
        <v>11</v>
      </c>
      <c r="F4070" s="2">
        <v>1</v>
      </c>
      <c r="G4070" t="s">
        <v>701</v>
      </c>
      <c r="H4070" t="s">
        <v>13</v>
      </c>
    </row>
    <row r="4071" spans="1:8" x14ac:dyDescent="0.25">
      <c r="A4071" s="1">
        <v>44150</v>
      </c>
      <c r="B4071" t="s">
        <v>2883</v>
      </c>
      <c r="C4071" t="s">
        <v>9</v>
      </c>
      <c r="D4071" t="s">
        <v>10</v>
      </c>
      <c r="E4071" t="s">
        <v>11</v>
      </c>
      <c r="F4071" s="2">
        <v>1</v>
      </c>
      <c r="G4071" t="s">
        <v>1392</v>
      </c>
      <c r="H4071" t="s">
        <v>13</v>
      </c>
    </row>
    <row r="4072" spans="1:8" x14ac:dyDescent="0.25">
      <c r="A4072" s="1">
        <v>44150</v>
      </c>
      <c r="B4072" t="s">
        <v>2884</v>
      </c>
      <c r="C4072" t="s">
        <v>9</v>
      </c>
      <c r="D4072" t="s">
        <v>10</v>
      </c>
      <c r="E4072" t="s">
        <v>11</v>
      </c>
      <c r="F4072" s="2">
        <v>1</v>
      </c>
      <c r="G4072" t="s">
        <v>2885</v>
      </c>
      <c r="H4072" t="s">
        <v>13</v>
      </c>
    </row>
    <row r="4073" spans="1:8" x14ac:dyDescent="0.25">
      <c r="A4073" s="1">
        <v>44150</v>
      </c>
      <c r="B4073" t="s">
        <v>2884</v>
      </c>
      <c r="C4073" t="s">
        <v>1153</v>
      </c>
      <c r="D4073" t="s">
        <v>10</v>
      </c>
      <c r="E4073" t="s">
        <v>11</v>
      </c>
      <c r="F4073" s="2">
        <v>1</v>
      </c>
      <c r="G4073" t="s">
        <v>2885</v>
      </c>
      <c r="H4073" t="s">
        <v>13</v>
      </c>
    </row>
    <row r="4074" spans="1:8" x14ac:dyDescent="0.25">
      <c r="A4074" s="1">
        <v>44150</v>
      </c>
      <c r="B4074" t="s">
        <v>2884</v>
      </c>
      <c r="C4074" t="s">
        <v>47</v>
      </c>
      <c r="D4074" t="s">
        <v>10</v>
      </c>
      <c r="E4074" t="s">
        <v>11</v>
      </c>
      <c r="F4074" s="2">
        <v>1</v>
      </c>
      <c r="G4074" t="s">
        <v>2885</v>
      </c>
      <c r="H4074" t="s">
        <v>13</v>
      </c>
    </row>
    <row r="4075" spans="1:8" x14ac:dyDescent="0.25">
      <c r="A4075" s="1">
        <v>44150</v>
      </c>
      <c r="B4075" t="s">
        <v>2886</v>
      </c>
      <c r="C4075" t="s">
        <v>9</v>
      </c>
      <c r="D4075" t="s">
        <v>10</v>
      </c>
      <c r="E4075" t="s">
        <v>11</v>
      </c>
      <c r="F4075" s="2">
        <v>1</v>
      </c>
      <c r="G4075" t="s">
        <v>37</v>
      </c>
      <c r="H4075" t="s">
        <v>13</v>
      </c>
    </row>
    <row r="4076" spans="1:8" x14ac:dyDescent="0.25">
      <c r="A4076" s="1">
        <v>44150</v>
      </c>
      <c r="B4076" t="s">
        <v>2886</v>
      </c>
      <c r="C4076" t="s">
        <v>29</v>
      </c>
      <c r="D4076" t="s">
        <v>10</v>
      </c>
      <c r="E4076" t="s">
        <v>11</v>
      </c>
      <c r="F4076" s="2">
        <v>1</v>
      </c>
      <c r="G4076" t="s">
        <v>37</v>
      </c>
      <c r="H4076" t="s">
        <v>13</v>
      </c>
    </row>
    <row r="4077" spans="1:8" x14ac:dyDescent="0.25">
      <c r="A4077" s="1">
        <v>44150</v>
      </c>
      <c r="B4077" t="s">
        <v>2886</v>
      </c>
      <c r="C4077" t="s">
        <v>35</v>
      </c>
      <c r="D4077" t="s">
        <v>10</v>
      </c>
      <c r="E4077" t="s">
        <v>11</v>
      </c>
      <c r="F4077" s="2">
        <v>1</v>
      </c>
      <c r="G4077" t="s">
        <v>37</v>
      </c>
      <c r="H4077" t="s">
        <v>13</v>
      </c>
    </row>
    <row r="4078" spans="1:8" x14ac:dyDescent="0.25">
      <c r="A4078" s="1">
        <v>44149</v>
      </c>
      <c r="B4078" t="s">
        <v>2887</v>
      </c>
      <c r="C4078" t="s">
        <v>222</v>
      </c>
      <c r="D4078" t="s">
        <v>10</v>
      </c>
      <c r="E4078" t="s">
        <v>11</v>
      </c>
      <c r="F4078" s="2">
        <v>1</v>
      </c>
      <c r="G4078" t="s">
        <v>303</v>
      </c>
      <c r="H4078" t="s">
        <v>13</v>
      </c>
    </row>
    <row r="4079" spans="1:8" x14ac:dyDescent="0.25">
      <c r="A4079" s="1">
        <v>44149</v>
      </c>
      <c r="B4079" t="s">
        <v>2888</v>
      </c>
      <c r="C4079" t="s">
        <v>79</v>
      </c>
      <c r="D4079" t="s">
        <v>10</v>
      </c>
      <c r="E4079" t="s">
        <v>11</v>
      </c>
      <c r="F4079" s="2">
        <v>1</v>
      </c>
      <c r="G4079" t="s">
        <v>181</v>
      </c>
      <c r="H4079" t="s">
        <v>13</v>
      </c>
    </row>
    <row r="4080" spans="1:8" x14ac:dyDescent="0.25">
      <c r="A4080" s="1">
        <v>44149</v>
      </c>
      <c r="B4080" t="s">
        <v>2888</v>
      </c>
      <c r="C4080" t="s">
        <v>80</v>
      </c>
      <c r="D4080" t="s">
        <v>10</v>
      </c>
      <c r="E4080" t="s">
        <v>11</v>
      </c>
      <c r="F4080" s="2">
        <v>1</v>
      </c>
      <c r="G4080" t="s">
        <v>181</v>
      </c>
      <c r="H4080" t="s">
        <v>13</v>
      </c>
    </row>
    <row r="4081" spans="1:8" x14ac:dyDescent="0.25">
      <c r="A4081" s="1">
        <v>44148</v>
      </c>
      <c r="B4081" t="s">
        <v>2889</v>
      </c>
      <c r="C4081" t="s">
        <v>79</v>
      </c>
      <c r="D4081" t="s">
        <v>10</v>
      </c>
      <c r="E4081" t="s">
        <v>11</v>
      </c>
      <c r="F4081" s="2">
        <v>1</v>
      </c>
      <c r="G4081" t="s">
        <v>100</v>
      </c>
      <c r="H4081" t="s">
        <v>13</v>
      </c>
    </row>
    <row r="4082" spans="1:8" x14ac:dyDescent="0.25">
      <c r="A4082" s="1">
        <v>44148</v>
      </c>
      <c r="B4082" t="s">
        <v>2890</v>
      </c>
      <c r="C4082" t="s">
        <v>9</v>
      </c>
      <c r="D4082" t="s">
        <v>10</v>
      </c>
      <c r="E4082" t="s">
        <v>11</v>
      </c>
      <c r="F4082" s="2">
        <v>1</v>
      </c>
      <c r="G4082" t="s">
        <v>20</v>
      </c>
      <c r="H4082" t="s">
        <v>13</v>
      </c>
    </row>
    <row r="4083" spans="1:8" x14ac:dyDescent="0.25">
      <c r="A4083" s="1">
        <v>44148</v>
      </c>
      <c r="B4083" t="s">
        <v>2890</v>
      </c>
      <c r="C4083" t="s">
        <v>47</v>
      </c>
      <c r="D4083" t="s">
        <v>10</v>
      </c>
      <c r="E4083" t="s">
        <v>11</v>
      </c>
      <c r="F4083" s="2">
        <v>1</v>
      </c>
      <c r="G4083" t="s">
        <v>20</v>
      </c>
      <c r="H4083" t="s">
        <v>13</v>
      </c>
    </row>
    <row r="4084" spans="1:8" x14ac:dyDescent="0.25">
      <c r="A4084" s="1">
        <v>44148</v>
      </c>
      <c r="B4084" t="s">
        <v>2891</v>
      </c>
      <c r="C4084" t="s">
        <v>9</v>
      </c>
      <c r="D4084" t="s">
        <v>10</v>
      </c>
      <c r="E4084" t="s">
        <v>11</v>
      </c>
      <c r="F4084" s="2">
        <v>1</v>
      </c>
      <c r="G4084" t="s">
        <v>37</v>
      </c>
      <c r="H4084" t="s">
        <v>13</v>
      </c>
    </row>
    <row r="4085" spans="1:8" x14ac:dyDescent="0.25">
      <c r="A4085" s="1">
        <v>44148</v>
      </c>
      <c r="B4085" t="s">
        <v>2891</v>
      </c>
      <c r="C4085" t="s">
        <v>29</v>
      </c>
      <c r="D4085" t="s">
        <v>10</v>
      </c>
      <c r="E4085" t="s">
        <v>11</v>
      </c>
      <c r="F4085" s="2">
        <v>1</v>
      </c>
      <c r="G4085" t="s">
        <v>37</v>
      </c>
      <c r="H4085" t="s">
        <v>13</v>
      </c>
    </row>
    <row r="4086" spans="1:8" x14ac:dyDescent="0.25">
      <c r="A4086" s="1">
        <v>44147</v>
      </c>
      <c r="B4086" t="s">
        <v>2892</v>
      </c>
      <c r="C4086" t="s">
        <v>79</v>
      </c>
      <c r="D4086" t="s">
        <v>10</v>
      </c>
      <c r="E4086" t="s">
        <v>11</v>
      </c>
      <c r="F4086" s="2">
        <v>1</v>
      </c>
      <c r="G4086" t="s">
        <v>137</v>
      </c>
      <c r="H4086" t="s">
        <v>13</v>
      </c>
    </row>
    <row r="4087" spans="1:8" x14ac:dyDescent="0.25">
      <c r="A4087" s="1">
        <v>44147</v>
      </c>
      <c r="B4087" t="s">
        <v>2892</v>
      </c>
      <c r="C4087" t="s">
        <v>80</v>
      </c>
      <c r="D4087" t="s">
        <v>10</v>
      </c>
      <c r="E4087" t="s">
        <v>11</v>
      </c>
      <c r="F4087" s="2">
        <v>1</v>
      </c>
      <c r="G4087" t="s">
        <v>137</v>
      </c>
      <c r="H4087" t="s">
        <v>13</v>
      </c>
    </row>
    <row r="4088" spans="1:8" x14ac:dyDescent="0.25">
      <c r="A4088" s="1">
        <v>44147</v>
      </c>
      <c r="B4088" t="s">
        <v>2893</v>
      </c>
      <c r="C4088" t="s">
        <v>47</v>
      </c>
      <c r="D4088" t="s">
        <v>10</v>
      </c>
      <c r="E4088" t="s">
        <v>11</v>
      </c>
      <c r="F4088" s="2">
        <v>1</v>
      </c>
      <c r="G4088" t="s">
        <v>1392</v>
      </c>
      <c r="H4088" t="s">
        <v>13</v>
      </c>
    </row>
    <row r="4089" spans="1:8" x14ac:dyDescent="0.25">
      <c r="A4089" s="1">
        <v>44147</v>
      </c>
      <c r="B4089" t="s">
        <v>2894</v>
      </c>
      <c r="C4089" t="s">
        <v>42</v>
      </c>
      <c r="D4089" t="s">
        <v>10</v>
      </c>
      <c r="E4089" t="s">
        <v>11</v>
      </c>
      <c r="F4089" s="2">
        <v>1</v>
      </c>
      <c r="G4089" t="s">
        <v>910</v>
      </c>
      <c r="H4089" t="s">
        <v>13</v>
      </c>
    </row>
    <row r="4090" spans="1:8" x14ac:dyDescent="0.25">
      <c r="A4090" s="1">
        <v>44146</v>
      </c>
      <c r="B4090" t="s">
        <v>2895</v>
      </c>
      <c r="C4090" t="s">
        <v>9</v>
      </c>
      <c r="D4090" t="s">
        <v>10</v>
      </c>
      <c r="E4090" t="s">
        <v>11</v>
      </c>
      <c r="F4090" s="2">
        <v>1</v>
      </c>
      <c r="G4090" t="s">
        <v>20</v>
      </c>
      <c r="H4090" t="s">
        <v>13</v>
      </c>
    </row>
    <row r="4091" spans="1:8" x14ac:dyDescent="0.25">
      <c r="A4091" s="1">
        <v>44146</v>
      </c>
      <c r="B4091" t="s">
        <v>2895</v>
      </c>
      <c r="C4091" t="s">
        <v>35</v>
      </c>
      <c r="D4091" t="s">
        <v>10</v>
      </c>
      <c r="E4091" t="s">
        <v>11</v>
      </c>
      <c r="F4091" s="2">
        <v>1</v>
      </c>
      <c r="G4091" t="s">
        <v>20</v>
      </c>
      <c r="H4091" t="s">
        <v>13</v>
      </c>
    </row>
    <row r="4092" spans="1:8" x14ac:dyDescent="0.25">
      <c r="A4092" s="1">
        <v>44146</v>
      </c>
      <c r="B4092" t="s">
        <v>2896</v>
      </c>
      <c r="C4092" t="s">
        <v>74</v>
      </c>
      <c r="D4092" t="s">
        <v>10</v>
      </c>
      <c r="E4092" t="s">
        <v>11</v>
      </c>
      <c r="F4092" s="2">
        <v>1</v>
      </c>
      <c r="G4092" t="s">
        <v>93</v>
      </c>
      <c r="H4092" t="s">
        <v>13</v>
      </c>
    </row>
    <row r="4093" spans="1:8" x14ac:dyDescent="0.25">
      <c r="A4093" s="1">
        <v>44146</v>
      </c>
      <c r="B4093" t="s">
        <v>2897</v>
      </c>
      <c r="C4093" t="s">
        <v>9</v>
      </c>
      <c r="D4093" t="s">
        <v>10</v>
      </c>
      <c r="E4093" t="s">
        <v>11</v>
      </c>
      <c r="F4093" s="2">
        <v>1</v>
      </c>
      <c r="G4093" t="s">
        <v>135</v>
      </c>
      <c r="H4093" t="s">
        <v>13</v>
      </c>
    </row>
    <row r="4094" spans="1:8" x14ac:dyDescent="0.25">
      <c r="A4094" s="1">
        <v>44146</v>
      </c>
      <c r="B4094" t="s">
        <v>2897</v>
      </c>
      <c r="C4094" t="s">
        <v>821</v>
      </c>
      <c r="D4094" t="s">
        <v>10</v>
      </c>
      <c r="E4094" t="s">
        <v>11</v>
      </c>
      <c r="F4094" s="2">
        <v>1</v>
      </c>
      <c r="G4094" t="s">
        <v>135</v>
      </c>
      <c r="H4094" t="s">
        <v>13</v>
      </c>
    </row>
    <row r="4095" spans="1:8" x14ac:dyDescent="0.25">
      <c r="A4095" s="1">
        <v>44146</v>
      </c>
      <c r="B4095" t="s">
        <v>2898</v>
      </c>
      <c r="C4095" t="s">
        <v>76</v>
      </c>
      <c r="D4095" t="s">
        <v>10</v>
      </c>
      <c r="E4095" t="s">
        <v>11</v>
      </c>
      <c r="F4095" s="2">
        <v>1</v>
      </c>
      <c r="G4095" t="s">
        <v>1544</v>
      </c>
      <c r="H4095" t="s">
        <v>13</v>
      </c>
    </row>
    <row r="4096" spans="1:8" x14ac:dyDescent="0.25">
      <c r="A4096" s="1">
        <v>44144</v>
      </c>
      <c r="B4096" t="s">
        <v>2899</v>
      </c>
      <c r="C4096" t="s">
        <v>9</v>
      </c>
      <c r="D4096" t="s">
        <v>10</v>
      </c>
      <c r="E4096" t="s">
        <v>11</v>
      </c>
      <c r="F4096" s="2">
        <v>1</v>
      </c>
      <c r="G4096" t="s">
        <v>37</v>
      </c>
      <c r="H4096" t="s">
        <v>13</v>
      </c>
    </row>
    <row r="4097" spans="1:8" x14ac:dyDescent="0.25">
      <c r="A4097" s="1">
        <v>44144</v>
      </c>
      <c r="B4097" t="s">
        <v>2899</v>
      </c>
      <c r="C4097" t="s">
        <v>29</v>
      </c>
      <c r="D4097" t="s">
        <v>10</v>
      </c>
      <c r="E4097" t="s">
        <v>11</v>
      </c>
      <c r="F4097" s="2">
        <v>1</v>
      </c>
      <c r="G4097" t="s">
        <v>37</v>
      </c>
      <c r="H4097" t="s">
        <v>13</v>
      </c>
    </row>
    <row r="4098" spans="1:8" x14ac:dyDescent="0.25">
      <c r="A4098" s="1">
        <v>44144</v>
      </c>
      <c r="B4098" t="s">
        <v>2899</v>
      </c>
      <c r="C4098" t="s">
        <v>35</v>
      </c>
      <c r="D4098" t="s">
        <v>10</v>
      </c>
      <c r="E4098" t="s">
        <v>11</v>
      </c>
      <c r="F4098" s="2">
        <v>1</v>
      </c>
      <c r="G4098" t="s">
        <v>37</v>
      </c>
      <c r="H4098" t="s">
        <v>13</v>
      </c>
    </row>
    <row r="4099" spans="1:8" x14ac:dyDescent="0.25">
      <c r="A4099" s="1">
        <v>44143</v>
      </c>
      <c r="B4099" t="s">
        <v>2900</v>
      </c>
      <c r="C4099" t="s">
        <v>19</v>
      </c>
      <c r="D4099" t="s">
        <v>10</v>
      </c>
      <c r="E4099" t="s">
        <v>11</v>
      </c>
      <c r="F4099" s="2">
        <v>1</v>
      </c>
      <c r="G4099" t="s">
        <v>944</v>
      </c>
      <c r="H4099" t="s">
        <v>13</v>
      </c>
    </row>
    <row r="4100" spans="1:8" x14ac:dyDescent="0.25">
      <c r="A4100" s="1">
        <v>44143</v>
      </c>
      <c r="B4100" t="s">
        <v>2901</v>
      </c>
      <c r="C4100" t="s">
        <v>16</v>
      </c>
      <c r="D4100" t="s">
        <v>10</v>
      </c>
      <c r="E4100" t="s">
        <v>11</v>
      </c>
      <c r="F4100" s="2">
        <v>1</v>
      </c>
      <c r="G4100" t="s">
        <v>498</v>
      </c>
      <c r="H4100" t="s">
        <v>13</v>
      </c>
    </row>
    <row r="4101" spans="1:8" x14ac:dyDescent="0.25">
      <c r="A4101" s="1">
        <v>44143</v>
      </c>
      <c r="B4101" t="s">
        <v>2901</v>
      </c>
      <c r="C4101" t="s">
        <v>47</v>
      </c>
      <c r="D4101" t="s">
        <v>10</v>
      </c>
      <c r="E4101" t="s">
        <v>11</v>
      </c>
      <c r="F4101" s="2">
        <v>1</v>
      </c>
      <c r="G4101" t="s">
        <v>498</v>
      </c>
      <c r="H4101" t="s">
        <v>13</v>
      </c>
    </row>
    <row r="4102" spans="1:8" x14ac:dyDescent="0.25">
      <c r="A4102" s="1">
        <v>44142</v>
      </c>
      <c r="B4102" t="s">
        <v>2902</v>
      </c>
      <c r="C4102" t="s">
        <v>47</v>
      </c>
      <c r="D4102" t="s">
        <v>10</v>
      </c>
      <c r="E4102" t="s">
        <v>11</v>
      </c>
      <c r="F4102" s="2">
        <v>1</v>
      </c>
      <c r="G4102" t="s">
        <v>31</v>
      </c>
      <c r="H4102" t="s">
        <v>13</v>
      </c>
    </row>
    <row r="4103" spans="1:8" x14ac:dyDescent="0.25">
      <c r="A4103" s="1">
        <v>44142</v>
      </c>
      <c r="B4103" t="s">
        <v>2902</v>
      </c>
      <c r="C4103" t="s">
        <v>14</v>
      </c>
      <c r="D4103" t="s">
        <v>10</v>
      </c>
      <c r="E4103" t="s">
        <v>11</v>
      </c>
      <c r="F4103" s="2">
        <v>1</v>
      </c>
      <c r="G4103" t="s">
        <v>31</v>
      </c>
      <c r="H4103" t="s">
        <v>13</v>
      </c>
    </row>
    <row r="4104" spans="1:8" x14ac:dyDescent="0.25">
      <c r="A4104" s="1">
        <v>44142</v>
      </c>
      <c r="B4104" t="s">
        <v>2903</v>
      </c>
      <c r="C4104" t="s">
        <v>29</v>
      </c>
      <c r="D4104" t="s">
        <v>10</v>
      </c>
      <c r="E4104" t="s">
        <v>11</v>
      </c>
      <c r="F4104" s="2">
        <v>1</v>
      </c>
      <c r="G4104" t="s">
        <v>1598</v>
      </c>
      <c r="H4104" t="s">
        <v>13</v>
      </c>
    </row>
    <row r="4105" spans="1:8" x14ac:dyDescent="0.25">
      <c r="A4105" s="1">
        <v>44141</v>
      </c>
      <c r="B4105" t="s">
        <v>2904</v>
      </c>
      <c r="C4105" t="s">
        <v>74</v>
      </c>
      <c r="D4105" t="s">
        <v>10</v>
      </c>
      <c r="E4105" t="s">
        <v>11</v>
      </c>
      <c r="F4105" s="2">
        <v>1</v>
      </c>
      <c r="G4105" t="s">
        <v>557</v>
      </c>
      <c r="H4105" t="s">
        <v>13</v>
      </c>
    </row>
    <row r="4106" spans="1:8" x14ac:dyDescent="0.25">
      <c r="A4106" s="1">
        <v>44141</v>
      </c>
      <c r="B4106" t="s">
        <v>2905</v>
      </c>
      <c r="C4106" t="s">
        <v>9</v>
      </c>
      <c r="D4106" t="s">
        <v>10</v>
      </c>
      <c r="E4106" t="s">
        <v>11</v>
      </c>
      <c r="F4106" s="2">
        <v>1</v>
      </c>
      <c r="G4106" t="s">
        <v>181</v>
      </c>
      <c r="H4106" t="s">
        <v>13</v>
      </c>
    </row>
    <row r="4107" spans="1:8" x14ac:dyDescent="0.25">
      <c r="A4107" s="1">
        <v>44141</v>
      </c>
      <c r="B4107" t="s">
        <v>2905</v>
      </c>
      <c r="C4107" t="s">
        <v>47</v>
      </c>
      <c r="D4107" t="s">
        <v>10</v>
      </c>
      <c r="E4107" t="s">
        <v>11</v>
      </c>
      <c r="F4107" s="2">
        <v>1</v>
      </c>
      <c r="G4107" t="s">
        <v>181</v>
      </c>
      <c r="H4107" t="s">
        <v>13</v>
      </c>
    </row>
    <row r="4108" spans="1:8" x14ac:dyDescent="0.25">
      <c r="A4108" s="1">
        <v>44141</v>
      </c>
      <c r="B4108" t="s">
        <v>2906</v>
      </c>
      <c r="C4108" t="s">
        <v>413</v>
      </c>
      <c r="D4108" t="s">
        <v>10</v>
      </c>
      <c r="E4108" t="s">
        <v>11</v>
      </c>
      <c r="F4108" s="2">
        <v>1</v>
      </c>
      <c r="G4108" t="s">
        <v>20</v>
      </c>
      <c r="H4108" t="s">
        <v>13</v>
      </c>
    </row>
    <row r="4109" spans="1:8" x14ac:dyDescent="0.25">
      <c r="A4109" s="1">
        <v>44141</v>
      </c>
      <c r="B4109" t="s">
        <v>2907</v>
      </c>
      <c r="C4109" t="s">
        <v>481</v>
      </c>
      <c r="D4109" t="s">
        <v>10</v>
      </c>
      <c r="E4109" t="s">
        <v>11</v>
      </c>
      <c r="F4109" s="2">
        <v>1</v>
      </c>
      <c r="G4109" t="s">
        <v>111</v>
      </c>
      <c r="H4109" t="s">
        <v>13</v>
      </c>
    </row>
    <row r="4110" spans="1:8" x14ac:dyDescent="0.25">
      <c r="A4110" s="1">
        <v>44141</v>
      </c>
      <c r="B4110" t="s">
        <v>2908</v>
      </c>
      <c r="C4110" t="s">
        <v>29</v>
      </c>
      <c r="D4110" t="s">
        <v>10</v>
      </c>
      <c r="E4110" t="s">
        <v>11</v>
      </c>
      <c r="F4110" s="2">
        <v>1</v>
      </c>
      <c r="G4110" t="s">
        <v>496</v>
      </c>
      <c r="H4110" t="s">
        <v>13</v>
      </c>
    </row>
    <row r="4111" spans="1:8" x14ac:dyDescent="0.25">
      <c r="A4111" s="1">
        <v>44141</v>
      </c>
      <c r="B4111" t="s">
        <v>2908</v>
      </c>
      <c r="C4111" t="s">
        <v>35</v>
      </c>
      <c r="D4111" t="s">
        <v>10</v>
      </c>
      <c r="E4111" t="s">
        <v>11</v>
      </c>
      <c r="F4111" s="2">
        <v>1</v>
      </c>
      <c r="G4111" t="s">
        <v>496</v>
      </c>
      <c r="H4111" t="s">
        <v>13</v>
      </c>
    </row>
    <row r="4112" spans="1:8" x14ac:dyDescent="0.25">
      <c r="A4112" s="1">
        <v>44140</v>
      </c>
      <c r="B4112" t="s">
        <v>2909</v>
      </c>
      <c r="C4112" t="s">
        <v>9</v>
      </c>
      <c r="D4112" t="s">
        <v>10</v>
      </c>
      <c r="E4112" t="s">
        <v>11</v>
      </c>
      <c r="F4112" s="2">
        <v>1</v>
      </c>
      <c r="G4112" t="s">
        <v>20</v>
      </c>
      <c r="H4112" t="s">
        <v>13</v>
      </c>
    </row>
    <row r="4113" spans="1:8" x14ac:dyDescent="0.25">
      <c r="A4113" s="1">
        <v>44140</v>
      </c>
      <c r="B4113" t="s">
        <v>2909</v>
      </c>
      <c r="C4113" t="s">
        <v>35</v>
      </c>
      <c r="D4113" t="s">
        <v>10</v>
      </c>
      <c r="E4113" t="s">
        <v>11</v>
      </c>
      <c r="F4113" s="2">
        <v>1</v>
      </c>
      <c r="G4113" t="s">
        <v>20</v>
      </c>
      <c r="H4113" t="s">
        <v>13</v>
      </c>
    </row>
    <row r="4114" spans="1:8" x14ac:dyDescent="0.25">
      <c r="A4114" s="1">
        <v>44140</v>
      </c>
      <c r="B4114" t="s">
        <v>2909</v>
      </c>
      <c r="C4114" t="s">
        <v>47</v>
      </c>
      <c r="D4114" t="s">
        <v>10</v>
      </c>
      <c r="E4114" t="s">
        <v>11</v>
      </c>
      <c r="F4114" s="2">
        <v>1</v>
      </c>
      <c r="G4114" t="s">
        <v>20</v>
      </c>
      <c r="H4114" t="s">
        <v>13</v>
      </c>
    </row>
    <row r="4115" spans="1:8" x14ac:dyDescent="0.25">
      <c r="A4115" s="1">
        <v>44140</v>
      </c>
      <c r="B4115" t="s">
        <v>2909</v>
      </c>
      <c r="C4115" t="s">
        <v>1883</v>
      </c>
      <c r="D4115" t="s">
        <v>10</v>
      </c>
      <c r="E4115" t="s">
        <v>11</v>
      </c>
      <c r="F4115" s="2">
        <v>1</v>
      </c>
      <c r="G4115" t="s">
        <v>20</v>
      </c>
      <c r="H4115" t="s">
        <v>13</v>
      </c>
    </row>
    <row r="4116" spans="1:8" x14ac:dyDescent="0.25">
      <c r="A4116" s="1">
        <v>44140</v>
      </c>
      <c r="B4116" t="s">
        <v>2910</v>
      </c>
      <c r="C4116" t="s">
        <v>9</v>
      </c>
      <c r="D4116" t="s">
        <v>10</v>
      </c>
      <c r="E4116" t="s">
        <v>11</v>
      </c>
      <c r="F4116" s="2">
        <v>1</v>
      </c>
      <c r="G4116" t="s">
        <v>100</v>
      </c>
      <c r="H4116" t="s">
        <v>13</v>
      </c>
    </row>
    <row r="4117" spans="1:8" x14ac:dyDescent="0.25">
      <c r="A4117" s="1">
        <v>44139</v>
      </c>
      <c r="B4117" t="s">
        <v>2911</v>
      </c>
      <c r="C4117" t="s">
        <v>76</v>
      </c>
      <c r="D4117" t="s">
        <v>10</v>
      </c>
      <c r="E4117" t="s">
        <v>11</v>
      </c>
      <c r="F4117" s="2">
        <v>1</v>
      </c>
      <c r="G4117" t="s">
        <v>2912</v>
      </c>
      <c r="H4117" t="s">
        <v>13</v>
      </c>
    </row>
    <row r="4118" spans="1:8" x14ac:dyDescent="0.25">
      <c r="A4118" s="1">
        <v>44137</v>
      </c>
      <c r="B4118" t="s">
        <v>2913</v>
      </c>
      <c r="C4118" t="s">
        <v>16</v>
      </c>
      <c r="D4118" t="s">
        <v>10</v>
      </c>
      <c r="E4118" t="s">
        <v>11</v>
      </c>
      <c r="F4118" s="2">
        <v>1</v>
      </c>
      <c r="G4118" t="s">
        <v>20</v>
      </c>
      <c r="H4118" t="s">
        <v>13</v>
      </c>
    </row>
    <row r="4119" spans="1:8" x14ac:dyDescent="0.25">
      <c r="A4119" s="1">
        <v>44137</v>
      </c>
      <c r="B4119" t="s">
        <v>2914</v>
      </c>
      <c r="C4119" t="s">
        <v>9</v>
      </c>
      <c r="D4119" t="s">
        <v>10</v>
      </c>
      <c r="E4119" t="s">
        <v>11</v>
      </c>
      <c r="F4119" s="2">
        <v>1</v>
      </c>
      <c r="G4119" t="s">
        <v>123</v>
      </c>
      <c r="H4119" t="s">
        <v>13</v>
      </c>
    </row>
    <row r="4120" spans="1:8" x14ac:dyDescent="0.25">
      <c r="A4120" s="1">
        <v>44137</v>
      </c>
      <c r="B4120" t="s">
        <v>2915</v>
      </c>
      <c r="C4120" t="s">
        <v>14</v>
      </c>
      <c r="D4120" t="s">
        <v>10</v>
      </c>
      <c r="E4120" t="s">
        <v>11</v>
      </c>
      <c r="F4120" s="2">
        <v>1</v>
      </c>
      <c r="G4120" t="s">
        <v>20</v>
      </c>
      <c r="H4120" t="s">
        <v>13</v>
      </c>
    </row>
    <row r="4121" spans="1:8" x14ac:dyDescent="0.25">
      <c r="A4121" s="1">
        <v>44137</v>
      </c>
      <c r="B4121" t="s">
        <v>2916</v>
      </c>
      <c r="C4121" t="s">
        <v>35</v>
      </c>
      <c r="D4121" t="s">
        <v>10</v>
      </c>
      <c r="E4121" t="s">
        <v>11</v>
      </c>
      <c r="F4121" s="2">
        <v>1</v>
      </c>
      <c r="G4121" t="s">
        <v>20</v>
      </c>
      <c r="H4121" t="s">
        <v>13</v>
      </c>
    </row>
    <row r="4122" spans="1:8" x14ac:dyDescent="0.25">
      <c r="A4122" s="1">
        <v>44136</v>
      </c>
      <c r="B4122" t="s">
        <v>2917</v>
      </c>
      <c r="C4122" t="s">
        <v>16</v>
      </c>
      <c r="D4122" t="s">
        <v>10</v>
      </c>
      <c r="E4122" t="s">
        <v>11</v>
      </c>
      <c r="F4122" s="2">
        <v>1</v>
      </c>
      <c r="G4122" t="s">
        <v>37</v>
      </c>
      <c r="H4122" t="s">
        <v>13</v>
      </c>
    </row>
    <row r="4123" spans="1:8" x14ac:dyDescent="0.25">
      <c r="A4123" s="1">
        <v>44136</v>
      </c>
      <c r="B4123" t="s">
        <v>2918</v>
      </c>
      <c r="C4123" t="s">
        <v>9</v>
      </c>
      <c r="D4123" t="s">
        <v>10</v>
      </c>
      <c r="E4123" t="s">
        <v>11</v>
      </c>
      <c r="F4123" s="2">
        <v>1</v>
      </c>
      <c r="G4123" t="s">
        <v>181</v>
      </c>
      <c r="H4123" t="s">
        <v>13</v>
      </c>
    </row>
    <row r="4124" spans="1:8" x14ac:dyDescent="0.25">
      <c r="A4124" s="1">
        <v>44136</v>
      </c>
      <c r="B4124" t="s">
        <v>2918</v>
      </c>
      <c r="C4124" t="s">
        <v>47</v>
      </c>
      <c r="D4124" t="s">
        <v>10</v>
      </c>
      <c r="E4124" t="s">
        <v>11</v>
      </c>
      <c r="F4124" s="2">
        <v>1</v>
      </c>
      <c r="G4124" t="s">
        <v>181</v>
      </c>
      <c r="H4124" t="s">
        <v>13</v>
      </c>
    </row>
    <row r="4125" spans="1:8" x14ac:dyDescent="0.25">
      <c r="A4125" s="1">
        <v>44136</v>
      </c>
      <c r="B4125" t="s">
        <v>2919</v>
      </c>
      <c r="C4125" t="s">
        <v>88</v>
      </c>
      <c r="D4125" t="s">
        <v>10</v>
      </c>
      <c r="E4125" t="s">
        <v>11</v>
      </c>
      <c r="F4125" s="2">
        <v>1</v>
      </c>
      <c r="G4125" t="s">
        <v>197</v>
      </c>
      <c r="H4125" t="s">
        <v>13</v>
      </c>
    </row>
    <row r="4126" spans="1:8" x14ac:dyDescent="0.25">
      <c r="A4126" s="1">
        <v>44136</v>
      </c>
      <c r="B4126" t="s">
        <v>2920</v>
      </c>
      <c r="C4126" t="s">
        <v>510</v>
      </c>
      <c r="D4126" t="s">
        <v>10</v>
      </c>
      <c r="E4126" t="s">
        <v>11</v>
      </c>
      <c r="F4126" s="2">
        <v>1</v>
      </c>
      <c r="G4126" t="s">
        <v>20</v>
      </c>
      <c r="H4126" t="s">
        <v>13</v>
      </c>
    </row>
    <row r="4127" spans="1:8" x14ac:dyDescent="0.25">
      <c r="A4127" s="1">
        <v>44135</v>
      </c>
      <c r="B4127" t="s">
        <v>2921</v>
      </c>
      <c r="C4127" t="s">
        <v>47</v>
      </c>
      <c r="D4127" t="s">
        <v>10</v>
      </c>
      <c r="E4127" t="s">
        <v>11</v>
      </c>
      <c r="F4127" s="2">
        <v>1</v>
      </c>
      <c r="G4127" t="s">
        <v>111</v>
      </c>
      <c r="H4127" t="s">
        <v>13</v>
      </c>
    </row>
    <row r="4128" spans="1:8" x14ac:dyDescent="0.25">
      <c r="A4128" s="1">
        <v>44135</v>
      </c>
      <c r="B4128" t="s">
        <v>2921</v>
      </c>
      <c r="C4128" t="s">
        <v>14</v>
      </c>
      <c r="D4128" t="s">
        <v>10</v>
      </c>
      <c r="E4128" t="s">
        <v>11</v>
      </c>
      <c r="F4128" s="2">
        <v>1</v>
      </c>
      <c r="G4128" t="s">
        <v>111</v>
      </c>
      <c r="H4128" t="s">
        <v>13</v>
      </c>
    </row>
    <row r="4129" spans="1:8" x14ac:dyDescent="0.25">
      <c r="A4129" s="1">
        <v>44135</v>
      </c>
      <c r="B4129" t="s">
        <v>2922</v>
      </c>
      <c r="C4129" t="s">
        <v>35</v>
      </c>
      <c r="D4129" t="s">
        <v>10</v>
      </c>
      <c r="E4129" t="s">
        <v>11</v>
      </c>
      <c r="F4129" s="2">
        <v>1</v>
      </c>
      <c r="G4129" t="s">
        <v>100</v>
      </c>
      <c r="H4129" t="s">
        <v>13</v>
      </c>
    </row>
    <row r="4130" spans="1:8" x14ac:dyDescent="0.25">
      <c r="A4130" s="1">
        <v>44135</v>
      </c>
      <c r="B4130" t="s">
        <v>2923</v>
      </c>
      <c r="C4130" t="s">
        <v>9</v>
      </c>
      <c r="D4130" t="s">
        <v>10</v>
      </c>
      <c r="E4130" t="s">
        <v>11</v>
      </c>
      <c r="F4130" s="2">
        <v>1</v>
      </c>
      <c r="G4130" t="s">
        <v>100</v>
      </c>
      <c r="H4130" t="s">
        <v>13</v>
      </c>
    </row>
    <row r="4131" spans="1:8" x14ac:dyDescent="0.25">
      <c r="A4131" s="1">
        <v>44134</v>
      </c>
      <c r="B4131" t="s">
        <v>2924</v>
      </c>
      <c r="C4131" t="s">
        <v>2001</v>
      </c>
      <c r="D4131" t="s">
        <v>10</v>
      </c>
      <c r="E4131" t="s">
        <v>11</v>
      </c>
      <c r="F4131" s="2">
        <v>1</v>
      </c>
      <c r="G4131" t="s">
        <v>1625</v>
      </c>
      <c r="H4131" t="s">
        <v>13</v>
      </c>
    </row>
    <row r="4132" spans="1:8" x14ac:dyDescent="0.25">
      <c r="A4132" s="1">
        <v>44134</v>
      </c>
      <c r="B4132" t="s">
        <v>2925</v>
      </c>
      <c r="C4132" t="s">
        <v>79</v>
      </c>
      <c r="D4132" t="s">
        <v>10</v>
      </c>
      <c r="E4132" t="s">
        <v>11</v>
      </c>
      <c r="F4132" s="2">
        <v>1</v>
      </c>
      <c r="G4132" t="s">
        <v>37</v>
      </c>
      <c r="H4132" t="s">
        <v>13</v>
      </c>
    </row>
    <row r="4133" spans="1:8" x14ac:dyDescent="0.25">
      <c r="A4133" s="1">
        <v>44134</v>
      </c>
      <c r="B4133" t="s">
        <v>2925</v>
      </c>
      <c r="C4133" t="s">
        <v>103</v>
      </c>
      <c r="D4133" t="s">
        <v>10</v>
      </c>
      <c r="E4133" t="s">
        <v>11</v>
      </c>
      <c r="F4133" s="2">
        <v>1</v>
      </c>
      <c r="G4133" t="s">
        <v>37</v>
      </c>
      <c r="H4133" t="s">
        <v>13</v>
      </c>
    </row>
    <row r="4134" spans="1:8" x14ac:dyDescent="0.25">
      <c r="A4134" s="1">
        <v>44134</v>
      </c>
      <c r="B4134" t="s">
        <v>2925</v>
      </c>
      <c r="C4134" t="s">
        <v>80</v>
      </c>
      <c r="D4134" t="s">
        <v>10</v>
      </c>
      <c r="E4134" t="s">
        <v>11</v>
      </c>
      <c r="F4134" s="2">
        <v>1</v>
      </c>
      <c r="G4134" t="s">
        <v>37</v>
      </c>
      <c r="H4134" t="s">
        <v>13</v>
      </c>
    </row>
    <row r="4135" spans="1:8" x14ac:dyDescent="0.25">
      <c r="A4135" s="1">
        <v>44133</v>
      </c>
      <c r="B4135" t="s">
        <v>2926</v>
      </c>
      <c r="C4135" t="s">
        <v>47</v>
      </c>
      <c r="D4135" t="s">
        <v>10</v>
      </c>
      <c r="E4135" t="s">
        <v>11</v>
      </c>
      <c r="F4135" s="2">
        <v>1</v>
      </c>
      <c r="G4135" t="s">
        <v>37</v>
      </c>
      <c r="H4135" t="s">
        <v>13</v>
      </c>
    </row>
    <row r="4136" spans="1:8" x14ac:dyDescent="0.25">
      <c r="A4136" s="1">
        <v>44131</v>
      </c>
      <c r="B4136" t="s">
        <v>2927</v>
      </c>
      <c r="C4136" t="s">
        <v>28</v>
      </c>
      <c r="D4136" t="s">
        <v>10</v>
      </c>
      <c r="E4136" t="s">
        <v>11</v>
      </c>
      <c r="F4136" s="2">
        <v>1</v>
      </c>
      <c r="G4136" t="s">
        <v>137</v>
      </c>
      <c r="H4136" t="s">
        <v>13</v>
      </c>
    </row>
    <row r="4137" spans="1:8" x14ac:dyDescent="0.25">
      <c r="A4137" s="1">
        <v>44131</v>
      </c>
      <c r="B4137" t="s">
        <v>2927</v>
      </c>
      <c r="C4137" t="s">
        <v>29</v>
      </c>
      <c r="D4137" t="s">
        <v>10</v>
      </c>
      <c r="E4137" t="s">
        <v>11</v>
      </c>
      <c r="F4137" s="2">
        <v>1</v>
      </c>
      <c r="G4137" t="s">
        <v>137</v>
      </c>
      <c r="H4137" t="s">
        <v>13</v>
      </c>
    </row>
    <row r="4138" spans="1:8" x14ac:dyDescent="0.25">
      <c r="A4138" s="1">
        <v>44131</v>
      </c>
      <c r="B4138" t="s">
        <v>2928</v>
      </c>
      <c r="C4138" t="s">
        <v>2929</v>
      </c>
      <c r="D4138" t="s">
        <v>10</v>
      </c>
      <c r="E4138" t="s">
        <v>11</v>
      </c>
      <c r="F4138" s="2">
        <v>1</v>
      </c>
      <c r="G4138" t="s">
        <v>100</v>
      </c>
      <c r="H4138" t="s">
        <v>13</v>
      </c>
    </row>
    <row r="4139" spans="1:8" x14ac:dyDescent="0.25">
      <c r="A4139" s="1">
        <v>44130</v>
      </c>
      <c r="B4139" t="s">
        <v>2930</v>
      </c>
      <c r="C4139" t="s">
        <v>50</v>
      </c>
      <c r="D4139" t="s">
        <v>10</v>
      </c>
      <c r="E4139" t="s">
        <v>11</v>
      </c>
      <c r="F4139" s="2">
        <v>1</v>
      </c>
      <c r="G4139" t="s">
        <v>20</v>
      </c>
      <c r="H4139" t="s">
        <v>13</v>
      </c>
    </row>
    <row r="4140" spans="1:8" x14ac:dyDescent="0.25">
      <c r="A4140" s="1">
        <v>44129</v>
      </c>
      <c r="B4140" t="s">
        <v>2931</v>
      </c>
      <c r="C4140" t="s">
        <v>79</v>
      </c>
      <c r="D4140" t="s">
        <v>10</v>
      </c>
      <c r="E4140" t="s">
        <v>11</v>
      </c>
      <c r="F4140" s="2">
        <v>1</v>
      </c>
      <c r="G4140" t="s">
        <v>251</v>
      </c>
      <c r="H4140" t="s">
        <v>13</v>
      </c>
    </row>
    <row r="4141" spans="1:8" x14ac:dyDescent="0.25">
      <c r="A4141" s="1">
        <v>44129</v>
      </c>
      <c r="B4141" t="s">
        <v>2931</v>
      </c>
      <c r="C4141" t="s">
        <v>80</v>
      </c>
      <c r="D4141" t="s">
        <v>10</v>
      </c>
      <c r="E4141" t="s">
        <v>11</v>
      </c>
      <c r="F4141" s="2">
        <v>1</v>
      </c>
      <c r="G4141" t="s">
        <v>251</v>
      </c>
      <c r="H4141" t="s">
        <v>13</v>
      </c>
    </row>
    <row r="4142" spans="1:8" x14ac:dyDescent="0.25">
      <c r="A4142" s="1">
        <v>44129</v>
      </c>
      <c r="B4142" t="s">
        <v>2932</v>
      </c>
      <c r="C4142" t="s">
        <v>2933</v>
      </c>
      <c r="D4142" t="s">
        <v>10</v>
      </c>
      <c r="E4142" t="s">
        <v>11</v>
      </c>
      <c r="F4142" s="2">
        <v>1</v>
      </c>
      <c r="G4142" t="s">
        <v>20</v>
      </c>
      <c r="H4142" t="s">
        <v>13</v>
      </c>
    </row>
    <row r="4143" spans="1:8" x14ac:dyDescent="0.25">
      <c r="A4143" s="1">
        <v>44129</v>
      </c>
      <c r="B4143" t="s">
        <v>2932</v>
      </c>
      <c r="C4143" t="s">
        <v>689</v>
      </c>
      <c r="D4143" t="s">
        <v>10</v>
      </c>
      <c r="E4143" t="s">
        <v>11</v>
      </c>
      <c r="F4143" s="2">
        <v>1</v>
      </c>
      <c r="G4143" t="s">
        <v>20</v>
      </c>
      <c r="H4143" t="s">
        <v>13</v>
      </c>
    </row>
    <row r="4144" spans="1:8" x14ac:dyDescent="0.25">
      <c r="A4144" s="1">
        <v>44129</v>
      </c>
      <c r="B4144" t="s">
        <v>2932</v>
      </c>
      <c r="C4144" t="s">
        <v>453</v>
      </c>
      <c r="D4144" t="s">
        <v>10</v>
      </c>
      <c r="E4144" t="s">
        <v>11</v>
      </c>
      <c r="F4144" s="2">
        <v>1</v>
      </c>
      <c r="G4144" t="s">
        <v>20</v>
      </c>
      <c r="H4144" t="s">
        <v>13</v>
      </c>
    </row>
    <row r="4145" spans="1:8" x14ac:dyDescent="0.25">
      <c r="A4145" s="1">
        <v>44127</v>
      </c>
      <c r="B4145" t="s">
        <v>2934</v>
      </c>
      <c r="C4145" t="s">
        <v>762</v>
      </c>
      <c r="D4145" t="s">
        <v>10</v>
      </c>
      <c r="E4145" t="s">
        <v>11</v>
      </c>
      <c r="F4145" s="2">
        <v>1</v>
      </c>
      <c r="G4145" t="s">
        <v>40</v>
      </c>
      <c r="H4145" t="s">
        <v>13</v>
      </c>
    </row>
    <row r="4146" spans="1:8" x14ac:dyDescent="0.25">
      <c r="A4146" s="1">
        <v>44127</v>
      </c>
      <c r="B4146" t="s">
        <v>2934</v>
      </c>
      <c r="C4146" t="s">
        <v>14</v>
      </c>
      <c r="D4146" t="s">
        <v>10</v>
      </c>
      <c r="E4146" t="s">
        <v>11</v>
      </c>
      <c r="F4146" s="2">
        <v>1</v>
      </c>
      <c r="G4146" t="s">
        <v>40</v>
      </c>
      <c r="H4146" t="s">
        <v>13</v>
      </c>
    </row>
    <row r="4147" spans="1:8" x14ac:dyDescent="0.25">
      <c r="A4147" s="1">
        <v>44126</v>
      </c>
      <c r="B4147" t="s">
        <v>2935</v>
      </c>
      <c r="C4147" t="s">
        <v>16</v>
      </c>
      <c r="D4147" t="s">
        <v>10</v>
      </c>
      <c r="E4147" t="s">
        <v>11</v>
      </c>
      <c r="F4147" s="2">
        <v>1</v>
      </c>
      <c r="G4147" t="s">
        <v>93</v>
      </c>
      <c r="H4147" t="s">
        <v>13</v>
      </c>
    </row>
    <row r="4148" spans="1:8" x14ac:dyDescent="0.25">
      <c r="A4148" s="1">
        <v>44126</v>
      </c>
      <c r="B4148" t="s">
        <v>2936</v>
      </c>
      <c r="C4148" t="s">
        <v>2001</v>
      </c>
      <c r="D4148" t="s">
        <v>10</v>
      </c>
      <c r="E4148" t="s">
        <v>11</v>
      </c>
      <c r="F4148" s="2">
        <v>1</v>
      </c>
      <c r="G4148" t="s">
        <v>1625</v>
      </c>
      <c r="H4148" t="s">
        <v>13</v>
      </c>
    </row>
    <row r="4149" spans="1:8" x14ac:dyDescent="0.25">
      <c r="A4149" s="1">
        <v>44126</v>
      </c>
      <c r="B4149" t="s">
        <v>2937</v>
      </c>
      <c r="C4149" t="s">
        <v>47</v>
      </c>
      <c r="D4149" t="s">
        <v>10</v>
      </c>
      <c r="E4149" t="s">
        <v>11</v>
      </c>
      <c r="F4149" s="2">
        <v>1</v>
      </c>
      <c r="G4149" t="s">
        <v>100</v>
      </c>
      <c r="H4149" t="s">
        <v>13</v>
      </c>
    </row>
    <row r="4150" spans="1:8" x14ac:dyDescent="0.25">
      <c r="A4150" s="1">
        <v>44126</v>
      </c>
      <c r="B4150" t="s">
        <v>2938</v>
      </c>
      <c r="C4150" t="s">
        <v>58</v>
      </c>
      <c r="D4150" t="s">
        <v>10</v>
      </c>
      <c r="E4150" t="s">
        <v>11</v>
      </c>
      <c r="F4150" s="2">
        <v>1</v>
      </c>
      <c r="G4150" t="s">
        <v>2181</v>
      </c>
      <c r="H4150" t="s">
        <v>13</v>
      </c>
    </row>
    <row r="4151" spans="1:8" x14ac:dyDescent="0.25">
      <c r="A4151" s="1">
        <v>44126</v>
      </c>
      <c r="B4151" t="s">
        <v>2939</v>
      </c>
      <c r="C4151" t="s">
        <v>9</v>
      </c>
      <c r="D4151" t="s">
        <v>10</v>
      </c>
      <c r="E4151" t="s">
        <v>11</v>
      </c>
      <c r="F4151" s="2">
        <v>1</v>
      </c>
      <c r="G4151" t="s">
        <v>181</v>
      </c>
      <c r="H4151" t="s">
        <v>13</v>
      </c>
    </row>
    <row r="4152" spans="1:8" x14ac:dyDescent="0.25">
      <c r="A4152" s="1">
        <v>44126</v>
      </c>
      <c r="B4152" t="s">
        <v>2940</v>
      </c>
      <c r="C4152" t="s">
        <v>58</v>
      </c>
      <c r="D4152" t="s">
        <v>10</v>
      </c>
      <c r="E4152" t="s">
        <v>11</v>
      </c>
      <c r="F4152" s="2">
        <v>1</v>
      </c>
      <c r="G4152" t="s">
        <v>181</v>
      </c>
      <c r="H4152" t="s">
        <v>13</v>
      </c>
    </row>
    <row r="4153" spans="1:8" x14ac:dyDescent="0.25">
      <c r="A4153" s="1">
        <v>44126</v>
      </c>
      <c r="B4153" t="s">
        <v>2941</v>
      </c>
      <c r="C4153" t="s">
        <v>9</v>
      </c>
      <c r="D4153" t="s">
        <v>10</v>
      </c>
      <c r="E4153" t="s">
        <v>11</v>
      </c>
      <c r="F4153" s="2">
        <v>1</v>
      </c>
      <c r="G4153" t="s">
        <v>100</v>
      </c>
      <c r="H4153" t="s">
        <v>13</v>
      </c>
    </row>
    <row r="4154" spans="1:8" x14ac:dyDescent="0.25">
      <c r="A4154" s="1">
        <v>44126</v>
      </c>
      <c r="B4154" t="s">
        <v>2941</v>
      </c>
      <c r="C4154" t="s">
        <v>47</v>
      </c>
      <c r="D4154" t="s">
        <v>10</v>
      </c>
      <c r="E4154" t="s">
        <v>11</v>
      </c>
      <c r="F4154" s="2">
        <v>1</v>
      </c>
      <c r="G4154" t="s">
        <v>100</v>
      </c>
      <c r="H4154" t="s">
        <v>13</v>
      </c>
    </row>
    <row r="4155" spans="1:8" x14ac:dyDescent="0.25">
      <c r="A4155" s="1">
        <v>44125</v>
      </c>
      <c r="B4155" t="s">
        <v>2942</v>
      </c>
      <c r="C4155" t="s">
        <v>52</v>
      </c>
      <c r="D4155" t="s">
        <v>10</v>
      </c>
      <c r="E4155" t="s">
        <v>11</v>
      </c>
      <c r="F4155" s="2">
        <v>1</v>
      </c>
      <c r="G4155" t="s">
        <v>279</v>
      </c>
      <c r="H4155" t="s">
        <v>13</v>
      </c>
    </row>
    <row r="4156" spans="1:8" x14ac:dyDescent="0.25">
      <c r="A4156" s="1">
        <v>44125</v>
      </c>
      <c r="B4156" t="s">
        <v>2942</v>
      </c>
      <c r="C4156" t="s">
        <v>47</v>
      </c>
      <c r="D4156" t="s">
        <v>10</v>
      </c>
      <c r="E4156" t="s">
        <v>11</v>
      </c>
      <c r="F4156" s="2">
        <v>1</v>
      </c>
      <c r="G4156" t="s">
        <v>279</v>
      </c>
      <c r="H4156" t="s">
        <v>13</v>
      </c>
    </row>
    <row r="4157" spans="1:8" x14ac:dyDescent="0.25">
      <c r="A4157" s="1">
        <v>44125</v>
      </c>
      <c r="B4157" t="s">
        <v>2942</v>
      </c>
      <c r="C4157" t="s">
        <v>379</v>
      </c>
      <c r="D4157" t="s">
        <v>10</v>
      </c>
      <c r="E4157" t="s">
        <v>11</v>
      </c>
      <c r="F4157" s="2">
        <v>1</v>
      </c>
      <c r="G4157" t="s">
        <v>279</v>
      </c>
      <c r="H4157" t="s">
        <v>13</v>
      </c>
    </row>
    <row r="4158" spans="1:8" x14ac:dyDescent="0.25">
      <c r="A4158" s="1">
        <v>44124</v>
      </c>
      <c r="B4158" t="s">
        <v>2943</v>
      </c>
      <c r="C4158" t="s">
        <v>47</v>
      </c>
      <c r="D4158" t="s">
        <v>10</v>
      </c>
      <c r="E4158" t="s">
        <v>11</v>
      </c>
      <c r="F4158" s="2">
        <v>1</v>
      </c>
      <c r="G4158" t="s">
        <v>100</v>
      </c>
      <c r="H4158" t="s">
        <v>13</v>
      </c>
    </row>
    <row r="4159" spans="1:8" x14ac:dyDescent="0.25">
      <c r="A4159" s="1">
        <v>44124</v>
      </c>
      <c r="B4159" t="s">
        <v>2943</v>
      </c>
      <c r="C4159" t="s">
        <v>14</v>
      </c>
      <c r="D4159" t="s">
        <v>10</v>
      </c>
      <c r="E4159" t="s">
        <v>11</v>
      </c>
      <c r="F4159" s="2">
        <v>1</v>
      </c>
      <c r="G4159" t="s">
        <v>100</v>
      </c>
      <c r="H4159" t="s">
        <v>13</v>
      </c>
    </row>
    <row r="4160" spans="1:8" x14ac:dyDescent="0.25">
      <c r="A4160" s="1">
        <v>44122</v>
      </c>
      <c r="B4160" t="s">
        <v>2944</v>
      </c>
      <c r="C4160" t="s">
        <v>9</v>
      </c>
      <c r="D4160" t="s">
        <v>10</v>
      </c>
      <c r="E4160" t="s">
        <v>11</v>
      </c>
      <c r="F4160" s="2">
        <v>1</v>
      </c>
      <c r="G4160" t="s">
        <v>44</v>
      </c>
      <c r="H4160" t="s">
        <v>13</v>
      </c>
    </row>
    <row r="4161" spans="1:8" x14ac:dyDescent="0.25">
      <c r="A4161" s="1">
        <v>44122</v>
      </c>
      <c r="B4161" t="s">
        <v>2944</v>
      </c>
      <c r="C4161" t="s">
        <v>35</v>
      </c>
      <c r="D4161" t="s">
        <v>10</v>
      </c>
      <c r="E4161" t="s">
        <v>11</v>
      </c>
      <c r="F4161" s="2">
        <v>1</v>
      </c>
      <c r="G4161" t="s">
        <v>44</v>
      </c>
      <c r="H4161" t="s">
        <v>13</v>
      </c>
    </row>
    <row r="4162" spans="1:8" x14ac:dyDescent="0.25">
      <c r="A4162" s="1">
        <v>44122</v>
      </c>
      <c r="B4162" t="s">
        <v>2944</v>
      </c>
      <c r="C4162" t="s">
        <v>271</v>
      </c>
      <c r="D4162" t="s">
        <v>10</v>
      </c>
      <c r="E4162" t="s">
        <v>11</v>
      </c>
      <c r="F4162" s="2">
        <v>1</v>
      </c>
      <c r="G4162" t="s">
        <v>44</v>
      </c>
      <c r="H4162" t="s">
        <v>13</v>
      </c>
    </row>
    <row r="4163" spans="1:8" x14ac:dyDescent="0.25">
      <c r="A4163" s="1">
        <v>44122</v>
      </c>
      <c r="B4163" t="s">
        <v>2945</v>
      </c>
      <c r="C4163" t="s">
        <v>9</v>
      </c>
      <c r="D4163" t="s">
        <v>10</v>
      </c>
      <c r="E4163" t="s">
        <v>11</v>
      </c>
      <c r="F4163" s="2">
        <v>1</v>
      </c>
      <c r="G4163" t="s">
        <v>12</v>
      </c>
      <c r="H4163" t="s">
        <v>13</v>
      </c>
    </row>
    <row r="4164" spans="1:8" x14ac:dyDescent="0.25">
      <c r="A4164" s="1">
        <v>44122</v>
      </c>
      <c r="B4164" t="s">
        <v>2945</v>
      </c>
      <c r="C4164" t="s">
        <v>52</v>
      </c>
      <c r="D4164" t="s">
        <v>10</v>
      </c>
      <c r="E4164" t="s">
        <v>11</v>
      </c>
      <c r="F4164" s="2">
        <v>1</v>
      </c>
      <c r="G4164" t="s">
        <v>12</v>
      </c>
      <c r="H4164" t="s">
        <v>13</v>
      </c>
    </row>
    <row r="4165" spans="1:8" x14ac:dyDescent="0.25">
      <c r="A4165" s="1">
        <v>44122</v>
      </c>
      <c r="B4165" t="s">
        <v>2945</v>
      </c>
      <c r="C4165" t="s">
        <v>86</v>
      </c>
      <c r="D4165" t="s">
        <v>10</v>
      </c>
      <c r="E4165" t="s">
        <v>11</v>
      </c>
      <c r="F4165" s="2">
        <v>1</v>
      </c>
      <c r="G4165" t="s">
        <v>12</v>
      </c>
      <c r="H4165" t="s">
        <v>13</v>
      </c>
    </row>
    <row r="4166" spans="1:8" x14ac:dyDescent="0.25">
      <c r="A4166" s="1">
        <v>44122</v>
      </c>
      <c r="B4166" t="s">
        <v>2946</v>
      </c>
      <c r="C4166" t="s">
        <v>47</v>
      </c>
      <c r="D4166" t="s">
        <v>10</v>
      </c>
      <c r="E4166" t="s">
        <v>11</v>
      </c>
      <c r="F4166" s="2">
        <v>1</v>
      </c>
      <c r="G4166" t="s">
        <v>197</v>
      </c>
      <c r="H4166" t="s">
        <v>13</v>
      </c>
    </row>
    <row r="4167" spans="1:8" x14ac:dyDescent="0.25">
      <c r="A4167" s="1">
        <v>44121</v>
      </c>
      <c r="B4167" t="s">
        <v>2947</v>
      </c>
      <c r="C4167" t="s">
        <v>9</v>
      </c>
      <c r="D4167" t="s">
        <v>10</v>
      </c>
      <c r="E4167" t="s">
        <v>11</v>
      </c>
      <c r="F4167" s="2">
        <v>1</v>
      </c>
      <c r="G4167" t="s">
        <v>1387</v>
      </c>
      <c r="H4167" t="s">
        <v>13</v>
      </c>
    </row>
    <row r="4168" spans="1:8" x14ac:dyDescent="0.25">
      <c r="A4168" s="1">
        <v>44121</v>
      </c>
      <c r="B4168" t="s">
        <v>2947</v>
      </c>
      <c r="C4168" t="s">
        <v>47</v>
      </c>
      <c r="D4168" t="s">
        <v>10</v>
      </c>
      <c r="E4168" t="s">
        <v>11</v>
      </c>
      <c r="F4168" s="2">
        <v>1</v>
      </c>
      <c r="G4168" t="s">
        <v>1387</v>
      </c>
      <c r="H4168" t="s">
        <v>13</v>
      </c>
    </row>
    <row r="4169" spans="1:8" x14ac:dyDescent="0.25">
      <c r="A4169" s="1">
        <v>44120</v>
      </c>
      <c r="B4169" t="s">
        <v>2948</v>
      </c>
      <c r="C4169" t="s">
        <v>79</v>
      </c>
      <c r="D4169" t="s">
        <v>10</v>
      </c>
      <c r="E4169" t="s">
        <v>11</v>
      </c>
      <c r="F4169" s="2">
        <v>1</v>
      </c>
      <c r="G4169" t="s">
        <v>411</v>
      </c>
      <c r="H4169" t="s">
        <v>13</v>
      </c>
    </row>
    <row r="4170" spans="1:8" x14ac:dyDescent="0.25">
      <c r="A4170" s="1">
        <v>44120</v>
      </c>
      <c r="B4170" t="s">
        <v>2948</v>
      </c>
      <c r="C4170" t="s">
        <v>80</v>
      </c>
      <c r="D4170" t="s">
        <v>10</v>
      </c>
      <c r="E4170" t="s">
        <v>11</v>
      </c>
      <c r="F4170" s="2">
        <v>1</v>
      </c>
      <c r="G4170" t="s">
        <v>411</v>
      </c>
      <c r="H4170" t="s">
        <v>13</v>
      </c>
    </row>
    <row r="4171" spans="1:8" x14ac:dyDescent="0.25">
      <c r="A4171" s="1">
        <v>44119</v>
      </c>
      <c r="B4171" t="s">
        <v>2949</v>
      </c>
      <c r="C4171" t="s">
        <v>9</v>
      </c>
      <c r="D4171" t="s">
        <v>10</v>
      </c>
      <c r="E4171" t="s">
        <v>11</v>
      </c>
      <c r="F4171" s="2">
        <v>1</v>
      </c>
      <c r="G4171" t="s">
        <v>37</v>
      </c>
      <c r="H4171" t="s">
        <v>13</v>
      </c>
    </row>
    <row r="4172" spans="1:8" x14ac:dyDescent="0.25">
      <c r="A4172" s="1">
        <v>44119</v>
      </c>
      <c r="B4172" t="s">
        <v>2949</v>
      </c>
      <c r="C4172" t="s">
        <v>47</v>
      </c>
      <c r="D4172" t="s">
        <v>10</v>
      </c>
      <c r="E4172" t="s">
        <v>11</v>
      </c>
      <c r="F4172" s="2">
        <v>1</v>
      </c>
      <c r="G4172" t="s">
        <v>37</v>
      </c>
      <c r="H4172" t="s">
        <v>13</v>
      </c>
    </row>
    <row r="4173" spans="1:8" x14ac:dyDescent="0.25">
      <c r="A4173" s="1">
        <v>44119</v>
      </c>
      <c r="B4173" t="s">
        <v>2950</v>
      </c>
      <c r="C4173" t="s">
        <v>2951</v>
      </c>
      <c r="D4173" t="s">
        <v>10</v>
      </c>
      <c r="E4173" t="s">
        <v>11</v>
      </c>
      <c r="F4173" s="2">
        <v>1</v>
      </c>
      <c r="G4173" t="s">
        <v>157</v>
      </c>
      <c r="H4173" t="s">
        <v>13</v>
      </c>
    </row>
    <row r="4174" spans="1:8" x14ac:dyDescent="0.25">
      <c r="A4174" s="1">
        <v>44119</v>
      </c>
      <c r="B4174" t="s">
        <v>2952</v>
      </c>
      <c r="C4174" t="s">
        <v>222</v>
      </c>
      <c r="D4174" t="s">
        <v>10</v>
      </c>
      <c r="E4174" t="s">
        <v>11</v>
      </c>
      <c r="F4174" s="2">
        <v>1</v>
      </c>
      <c r="G4174" t="s">
        <v>137</v>
      </c>
      <c r="H4174" t="s">
        <v>13</v>
      </c>
    </row>
    <row r="4175" spans="1:8" x14ac:dyDescent="0.25">
      <c r="A4175" s="1">
        <v>44118</v>
      </c>
      <c r="B4175" t="s">
        <v>2953</v>
      </c>
      <c r="C4175" t="s">
        <v>16</v>
      </c>
      <c r="D4175" t="s">
        <v>10</v>
      </c>
      <c r="E4175" t="s">
        <v>11</v>
      </c>
      <c r="F4175" s="2">
        <v>1</v>
      </c>
      <c r="G4175" t="s">
        <v>31</v>
      </c>
      <c r="H4175" t="s">
        <v>13</v>
      </c>
    </row>
    <row r="4176" spans="1:8" x14ac:dyDescent="0.25">
      <c r="A4176" s="1">
        <v>44118</v>
      </c>
      <c r="B4176" t="s">
        <v>2954</v>
      </c>
      <c r="C4176" t="s">
        <v>60</v>
      </c>
      <c r="D4176" t="s">
        <v>10</v>
      </c>
      <c r="E4176" t="s">
        <v>11</v>
      </c>
      <c r="F4176" s="2">
        <v>1</v>
      </c>
      <c r="G4176" t="s">
        <v>31</v>
      </c>
      <c r="H4176" t="s">
        <v>13</v>
      </c>
    </row>
    <row r="4177" spans="1:8" x14ac:dyDescent="0.25">
      <c r="A4177" s="1">
        <v>44118</v>
      </c>
      <c r="B4177" t="s">
        <v>2955</v>
      </c>
      <c r="C4177" t="s">
        <v>410</v>
      </c>
      <c r="D4177" t="s">
        <v>10</v>
      </c>
      <c r="E4177" t="s">
        <v>11</v>
      </c>
      <c r="F4177" s="2">
        <v>1</v>
      </c>
      <c r="G4177" t="s">
        <v>100</v>
      </c>
      <c r="H4177" t="s">
        <v>13</v>
      </c>
    </row>
    <row r="4178" spans="1:8" x14ac:dyDescent="0.25">
      <c r="A4178" s="1">
        <v>44117</v>
      </c>
      <c r="B4178" t="s">
        <v>2956</v>
      </c>
      <c r="C4178" t="s">
        <v>14</v>
      </c>
      <c r="D4178" t="s">
        <v>10</v>
      </c>
      <c r="E4178" t="s">
        <v>11</v>
      </c>
      <c r="F4178" s="2">
        <v>1</v>
      </c>
      <c r="G4178" t="s">
        <v>72</v>
      </c>
      <c r="H4178" t="s">
        <v>13</v>
      </c>
    </row>
    <row r="4179" spans="1:8" x14ac:dyDescent="0.25">
      <c r="A4179" s="1">
        <v>44117</v>
      </c>
      <c r="B4179" t="s">
        <v>2957</v>
      </c>
      <c r="C4179" t="s">
        <v>9</v>
      </c>
      <c r="D4179" t="s">
        <v>10</v>
      </c>
      <c r="E4179" t="s">
        <v>11</v>
      </c>
      <c r="F4179" s="2">
        <v>1</v>
      </c>
      <c r="G4179" t="s">
        <v>181</v>
      </c>
      <c r="H4179" t="s">
        <v>13</v>
      </c>
    </row>
    <row r="4180" spans="1:8" x14ac:dyDescent="0.25">
      <c r="A4180" s="1">
        <v>44117</v>
      </c>
      <c r="B4180" t="s">
        <v>2957</v>
      </c>
      <c r="C4180" t="s">
        <v>35</v>
      </c>
      <c r="D4180" t="s">
        <v>10</v>
      </c>
      <c r="E4180" t="s">
        <v>11</v>
      </c>
      <c r="F4180" s="2">
        <v>1</v>
      </c>
      <c r="G4180" t="s">
        <v>181</v>
      </c>
      <c r="H4180" t="s">
        <v>13</v>
      </c>
    </row>
    <row r="4181" spans="1:8" x14ac:dyDescent="0.25">
      <c r="A4181" s="1">
        <v>44115</v>
      </c>
      <c r="B4181" t="s">
        <v>2958</v>
      </c>
      <c r="C4181" t="s">
        <v>16</v>
      </c>
      <c r="D4181" t="s">
        <v>10</v>
      </c>
      <c r="E4181" t="s">
        <v>11</v>
      </c>
      <c r="F4181" s="2">
        <v>1</v>
      </c>
      <c r="G4181" t="s">
        <v>20</v>
      </c>
      <c r="H4181" t="s">
        <v>13</v>
      </c>
    </row>
    <row r="4182" spans="1:8" x14ac:dyDescent="0.25">
      <c r="A4182" s="1">
        <v>44113</v>
      </c>
      <c r="B4182" t="s">
        <v>2959</v>
      </c>
      <c r="C4182" t="s">
        <v>79</v>
      </c>
      <c r="D4182" t="s">
        <v>10</v>
      </c>
      <c r="E4182" t="s">
        <v>11</v>
      </c>
      <c r="F4182" s="2">
        <v>1</v>
      </c>
      <c r="G4182" t="s">
        <v>661</v>
      </c>
      <c r="H4182" t="s">
        <v>13</v>
      </c>
    </row>
    <row r="4183" spans="1:8" x14ac:dyDescent="0.25">
      <c r="A4183" s="1">
        <v>44113</v>
      </c>
      <c r="B4183" t="s">
        <v>2959</v>
      </c>
      <c r="C4183" t="s">
        <v>80</v>
      </c>
      <c r="D4183" t="s">
        <v>10</v>
      </c>
      <c r="E4183" t="s">
        <v>11</v>
      </c>
      <c r="F4183" s="2">
        <v>1</v>
      </c>
      <c r="G4183" t="s">
        <v>661</v>
      </c>
      <c r="H4183" t="s">
        <v>13</v>
      </c>
    </row>
    <row r="4184" spans="1:8" x14ac:dyDescent="0.25">
      <c r="A4184" s="1">
        <v>44112</v>
      </c>
      <c r="B4184" t="s">
        <v>2960</v>
      </c>
      <c r="C4184" t="s">
        <v>74</v>
      </c>
      <c r="D4184" t="s">
        <v>10</v>
      </c>
      <c r="E4184" t="s">
        <v>11</v>
      </c>
      <c r="F4184" s="2">
        <v>1</v>
      </c>
      <c r="G4184" t="s">
        <v>557</v>
      </c>
      <c r="H4184" t="s">
        <v>13</v>
      </c>
    </row>
    <row r="4185" spans="1:8" x14ac:dyDescent="0.25">
      <c r="A4185" s="1">
        <v>44112</v>
      </c>
      <c r="B4185" t="s">
        <v>2961</v>
      </c>
      <c r="C4185" t="s">
        <v>9</v>
      </c>
      <c r="D4185" t="s">
        <v>10</v>
      </c>
      <c r="E4185" t="s">
        <v>11</v>
      </c>
      <c r="F4185" s="2">
        <v>1</v>
      </c>
      <c r="G4185" t="s">
        <v>216</v>
      </c>
      <c r="H4185" t="s">
        <v>13</v>
      </c>
    </row>
    <row r="4186" spans="1:8" x14ac:dyDescent="0.25">
      <c r="A4186" s="1">
        <v>44112</v>
      </c>
      <c r="B4186" t="s">
        <v>2961</v>
      </c>
      <c r="C4186" t="s">
        <v>35</v>
      </c>
      <c r="D4186" t="s">
        <v>10</v>
      </c>
      <c r="E4186" t="s">
        <v>11</v>
      </c>
      <c r="F4186" s="2">
        <v>1</v>
      </c>
      <c r="G4186" t="s">
        <v>216</v>
      </c>
      <c r="H4186" t="s">
        <v>13</v>
      </c>
    </row>
    <row r="4187" spans="1:8" x14ac:dyDescent="0.25">
      <c r="A4187" s="1">
        <v>44112</v>
      </c>
      <c r="B4187" t="s">
        <v>2961</v>
      </c>
      <c r="C4187" t="s">
        <v>416</v>
      </c>
      <c r="D4187" t="s">
        <v>10</v>
      </c>
      <c r="E4187" t="s">
        <v>11</v>
      </c>
      <c r="F4187" s="2">
        <v>1</v>
      </c>
      <c r="G4187" t="s">
        <v>216</v>
      </c>
      <c r="H4187" t="s">
        <v>13</v>
      </c>
    </row>
    <row r="4188" spans="1:8" x14ac:dyDescent="0.25">
      <c r="A4188" s="1">
        <v>44112</v>
      </c>
      <c r="B4188" t="s">
        <v>2962</v>
      </c>
      <c r="C4188" t="s">
        <v>35</v>
      </c>
      <c r="D4188" t="s">
        <v>10</v>
      </c>
      <c r="E4188" t="s">
        <v>11</v>
      </c>
      <c r="F4188" s="2">
        <v>1</v>
      </c>
      <c r="G4188" t="s">
        <v>67</v>
      </c>
      <c r="H4188" t="s">
        <v>13</v>
      </c>
    </row>
    <row r="4189" spans="1:8" x14ac:dyDescent="0.25">
      <c r="A4189" s="1">
        <v>44110</v>
      </c>
      <c r="B4189" t="s">
        <v>2963</v>
      </c>
      <c r="C4189" t="s">
        <v>79</v>
      </c>
      <c r="D4189" t="s">
        <v>10</v>
      </c>
      <c r="E4189" t="s">
        <v>11</v>
      </c>
      <c r="F4189" s="2">
        <v>1</v>
      </c>
      <c r="G4189" t="s">
        <v>24</v>
      </c>
      <c r="H4189" t="s">
        <v>13</v>
      </c>
    </row>
    <row r="4190" spans="1:8" x14ac:dyDescent="0.25">
      <c r="A4190" s="1">
        <v>44110</v>
      </c>
      <c r="B4190" t="s">
        <v>2963</v>
      </c>
      <c r="C4190" t="s">
        <v>80</v>
      </c>
      <c r="D4190" t="s">
        <v>10</v>
      </c>
      <c r="E4190" t="s">
        <v>11</v>
      </c>
      <c r="F4190" s="2">
        <v>1</v>
      </c>
      <c r="G4190" t="s">
        <v>24</v>
      </c>
      <c r="H4190" t="s">
        <v>13</v>
      </c>
    </row>
    <row r="4191" spans="1:8" x14ac:dyDescent="0.25">
      <c r="A4191" s="1">
        <v>44110</v>
      </c>
      <c r="B4191" t="s">
        <v>2964</v>
      </c>
      <c r="C4191" t="s">
        <v>9</v>
      </c>
      <c r="D4191" t="s">
        <v>10</v>
      </c>
      <c r="E4191" t="s">
        <v>11</v>
      </c>
      <c r="F4191" s="2">
        <v>1</v>
      </c>
      <c r="G4191" t="s">
        <v>181</v>
      </c>
      <c r="H4191" t="s">
        <v>13</v>
      </c>
    </row>
    <row r="4192" spans="1:8" x14ac:dyDescent="0.25">
      <c r="A4192" s="1">
        <v>44109</v>
      </c>
      <c r="B4192" t="s">
        <v>2965</v>
      </c>
      <c r="C4192" t="s">
        <v>222</v>
      </c>
      <c r="D4192" t="s">
        <v>10</v>
      </c>
      <c r="E4192" t="s">
        <v>11</v>
      </c>
      <c r="F4192" s="2">
        <v>1</v>
      </c>
      <c r="G4192" t="s">
        <v>137</v>
      </c>
      <c r="H4192" t="s">
        <v>13</v>
      </c>
    </row>
    <row r="4193" spans="1:8" x14ac:dyDescent="0.25">
      <c r="A4193" s="1">
        <v>44109</v>
      </c>
      <c r="B4193" t="s">
        <v>2966</v>
      </c>
      <c r="C4193" t="s">
        <v>19</v>
      </c>
      <c r="D4193" t="s">
        <v>10</v>
      </c>
      <c r="E4193" t="s">
        <v>11</v>
      </c>
      <c r="F4193" s="2">
        <v>1</v>
      </c>
      <c r="G4193" t="s">
        <v>20</v>
      </c>
      <c r="H4193" t="s">
        <v>13</v>
      </c>
    </row>
    <row r="4194" spans="1:8" x14ac:dyDescent="0.25">
      <c r="A4194" s="1">
        <v>44109</v>
      </c>
      <c r="B4194" t="s">
        <v>2967</v>
      </c>
      <c r="C4194" t="s">
        <v>9</v>
      </c>
      <c r="D4194" t="s">
        <v>10</v>
      </c>
      <c r="E4194" t="s">
        <v>11</v>
      </c>
      <c r="F4194" s="2">
        <v>1</v>
      </c>
      <c r="G4194" t="s">
        <v>12</v>
      </c>
      <c r="H4194" t="s">
        <v>13</v>
      </c>
    </row>
    <row r="4195" spans="1:8" x14ac:dyDescent="0.25">
      <c r="A4195" s="1">
        <v>44107</v>
      </c>
      <c r="B4195" t="s">
        <v>2968</v>
      </c>
      <c r="C4195" t="s">
        <v>689</v>
      </c>
      <c r="D4195" t="s">
        <v>10</v>
      </c>
      <c r="E4195" t="s">
        <v>11</v>
      </c>
      <c r="F4195" s="2">
        <v>1</v>
      </c>
      <c r="G4195" t="s">
        <v>63</v>
      </c>
      <c r="H4195" t="s">
        <v>13</v>
      </c>
    </row>
    <row r="4196" spans="1:8" x14ac:dyDescent="0.25">
      <c r="A4196" s="1">
        <v>44107</v>
      </c>
      <c r="B4196" t="s">
        <v>2968</v>
      </c>
      <c r="C4196" t="s">
        <v>689</v>
      </c>
      <c r="D4196" t="s">
        <v>10</v>
      </c>
      <c r="E4196" t="s">
        <v>11</v>
      </c>
      <c r="F4196" s="2">
        <v>1</v>
      </c>
      <c r="G4196" t="s">
        <v>63</v>
      </c>
      <c r="H4196" t="s">
        <v>13</v>
      </c>
    </row>
    <row r="4197" spans="1:8" x14ac:dyDescent="0.25">
      <c r="A4197" s="1">
        <v>44107</v>
      </c>
      <c r="B4197" t="s">
        <v>2969</v>
      </c>
      <c r="C4197" t="s">
        <v>79</v>
      </c>
      <c r="D4197" t="s">
        <v>10</v>
      </c>
      <c r="E4197" t="s">
        <v>11</v>
      </c>
      <c r="F4197" s="2">
        <v>1</v>
      </c>
      <c r="G4197" t="s">
        <v>157</v>
      </c>
      <c r="H4197" t="s">
        <v>13</v>
      </c>
    </row>
    <row r="4198" spans="1:8" x14ac:dyDescent="0.25">
      <c r="A4198" s="1">
        <v>44107</v>
      </c>
      <c r="B4198" t="s">
        <v>2969</v>
      </c>
      <c r="C4198" t="s">
        <v>80</v>
      </c>
      <c r="D4198" t="s">
        <v>10</v>
      </c>
      <c r="E4198" t="s">
        <v>11</v>
      </c>
      <c r="F4198" s="2">
        <v>1</v>
      </c>
      <c r="G4198" t="s">
        <v>157</v>
      </c>
      <c r="H4198" t="s">
        <v>13</v>
      </c>
    </row>
    <row r="4199" spans="1:8" x14ac:dyDescent="0.25">
      <c r="A4199" s="1">
        <v>44107</v>
      </c>
      <c r="B4199" t="s">
        <v>2970</v>
      </c>
      <c r="C4199" t="s">
        <v>79</v>
      </c>
      <c r="D4199" t="s">
        <v>10</v>
      </c>
      <c r="E4199" t="s">
        <v>11</v>
      </c>
      <c r="F4199" s="2">
        <v>1</v>
      </c>
      <c r="G4199" t="s">
        <v>2971</v>
      </c>
      <c r="H4199" t="s">
        <v>13</v>
      </c>
    </row>
    <row r="4200" spans="1:8" x14ac:dyDescent="0.25">
      <c r="A4200" s="1">
        <v>44107</v>
      </c>
      <c r="B4200" t="s">
        <v>2970</v>
      </c>
      <c r="C4200" t="s">
        <v>80</v>
      </c>
      <c r="D4200" t="s">
        <v>10</v>
      </c>
      <c r="E4200" t="s">
        <v>11</v>
      </c>
      <c r="F4200" s="2">
        <v>1</v>
      </c>
      <c r="G4200" t="s">
        <v>2971</v>
      </c>
      <c r="H4200" t="s">
        <v>13</v>
      </c>
    </row>
    <row r="4201" spans="1:8" x14ac:dyDescent="0.25">
      <c r="A4201" s="1">
        <v>44107</v>
      </c>
      <c r="B4201" t="s">
        <v>2972</v>
      </c>
      <c r="C4201" t="s">
        <v>16</v>
      </c>
      <c r="D4201" t="s">
        <v>10</v>
      </c>
      <c r="E4201" t="s">
        <v>11</v>
      </c>
      <c r="F4201" s="2">
        <v>1</v>
      </c>
      <c r="G4201" t="s">
        <v>53</v>
      </c>
      <c r="H4201" t="s">
        <v>13</v>
      </c>
    </row>
    <row r="4202" spans="1:8" x14ac:dyDescent="0.25">
      <c r="A4202" s="1">
        <v>44107</v>
      </c>
      <c r="B4202" t="s">
        <v>2972</v>
      </c>
      <c r="C4202" t="s">
        <v>47</v>
      </c>
      <c r="D4202" t="s">
        <v>10</v>
      </c>
      <c r="E4202" t="s">
        <v>11</v>
      </c>
      <c r="F4202" s="2">
        <v>1</v>
      </c>
      <c r="G4202" t="s">
        <v>53</v>
      </c>
      <c r="H4202" t="s">
        <v>13</v>
      </c>
    </row>
    <row r="4203" spans="1:8" x14ac:dyDescent="0.25">
      <c r="A4203" s="1">
        <v>44106</v>
      </c>
      <c r="B4203" t="s">
        <v>2973</v>
      </c>
      <c r="C4203" t="s">
        <v>9</v>
      </c>
      <c r="D4203" t="s">
        <v>10</v>
      </c>
      <c r="E4203" t="s">
        <v>11</v>
      </c>
      <c r="F4203" s="2">
        <v>1</v>
      </c>
      <c r="G4203" t="s">
        <v>46</v>
      </c>
      <c r="H4203" t="s">
        <v>13</v>
      </c>
    </row>
    <row r="4204" spans="1:8" x14ac:dyDescent="0.25">
      <c r="A4204" s="1">
        <v>44105</v>
      </c>
      <c r="B4204" t="s">
        <v>2974</v>
      </c>
      <c r="C4204" t="s">
        <v>74</v>
      </c>
      <c r="D4204" t="s">
        <v>10</v>
      </c>
      <c r="E4204" t="s">
        <v>11</v>
      </c>
      <c r="F4204" s="2">
        <v>1</v>
      </c>
      <c r="G4204" t="s">
        <v>22</v>
      </c>
      <c r="H4204" t="s">
        <v>13</v>
      </c>
    </row>
    <row r="4205" spans="1:8" x14ac:dyDescent="0.25">
      <c r="A4205" s="1">
        <v>44105</v>
      </c>
      <c r="B4205" t="s">
        <v>2974</v>
      </c>
      <c r="C4205" t="s">
        <v>518</v>
      </c>
      <c r="D4205" t="s">
        <v>10</v>
      </c>
      <c r="E4205" t="s">
        <v>11</v>
      </c>
      <c r="F4205" s="2">
        <v>1</v>
      </c>
      <c r="G4205" t="s">
        <v>22</v>
      </c>
      <c r="H4205" t="s">
        <v>13</v>
      </c>
    </row>
    <row r="4206" spans="1:8" x14ac:dyDescent="0.25">
      <c r="A4206" s="1">
        <v>44105</v>
      </c>
      <c r="B4206" t="s">
        <v>2975</v>
      </c>
      <c r="C4206" t="s">
        <v>9</v>
      </c>
      <c r="D4206" t="s">
        <v>10</v>
      </c>
      <c r="E4206" t="s">
        <v>11</v>
      </c>
      <c r="F4206" s="2">
        <v>1</v>
      </c>
      <c r="G4206" t="s">
        <v>165</v>
      </c>
      <c r="H4206" t="s">
        <v>13</v>
      </c>
    </row>
    <row r="4207" spans="1:8" x14ac:dyDescent="0.25">
      <c r="A4207" s="1">
        <v>44105</v>
      </c>
      <c r="B4207" t="s">
        <v>2975</v>
      </c>
      <c r="C4207" t="s">
        <v>127</v>
      </c>
      <c r="D4207" t="s">
        <v>10</v>
      </c>
      <c r="E4207" t="s">
        <v>11</v>
      </c>
      <c r="F4207" s="2">
        <v>1</v>
      </c>
      <c r="G4207" t="s">
        <v>165</v>
      </c>
      <c r="H4207" t="s">
        <v>13</v>
      </c>
    </row>
    <row r="4208" spans="1:8" x14ac:dyDescent="0.25">
      <c r="A4208" s="1">
        <v>44102</v>
      </c>
      <c r="B4208" t="s">
        <v>2976</v>
      </c>
      <c r="C4208" t="s">
        <v>79</v>
      </c>
      <c r="D4208" t="s">
        <v>10</v>
      </c>
      <c r="E4208" t="s">
        <v>11</v>
      </c>
      <c r="F4208" s="2">
        <v>1</v>
      </c>
      <c r="G4208" t="s">
        <v>1392</v>
      </c>
      <c r="H4208" t="s">
        <v>13</v>
      </c>
    </row>
    <row r="4209" spans="1:8" x14ac:dyDescent="0.25">
      <c r="A4209" s="1">
        <v>44100</v>
      </c>
      <c r="B4209" t="s">
        <v>2977</v>
      </c>
      <c r="C4209" t="s">
        <v>35</v>
      </c>
      <c r="D4209" t="s">
        <v>10</v>
      </c>
      <c r="E4209" t="s">
        <v>11</v>
      </c>
      <c r="F4209" s="2">
        <v>1</v>
      </c>
      <c r="G4209" t="s">
        <v>37</v>
      </c>
      <c r="H4209" t="s">
        <v>13</v>
      </c>
    </row>
    <row r="4210" spans="1:8" x14ac:dyDescent="0.25">
      <c r="A4210" s="1">
        <v>44099</v>
      </c>
      <c r="B4210" t="s">
        <v>2978</v>
      </c>
      <c r="C4210" t="s">
        <v>142</v>
      </c>
      <c r="D4210" t="s">
        <v>10</v>
      </c>
      <c r="E4210" t="s">
        <v>11</v>
      </c>
      <c r="F4210" s="2">
        <v>1</v>
      </c>
      <c r="G4210" t="s">
        <v>63</v>
      </c>
      <c r="H4210" t="s">
        <v>13</v>
      </c>
    </row>
    <row r="4211" spans="1:8" x14ac:dyDescent="0.25">
      <c r="A4211" s="1">
        <v>44099</v>
      </c>
      <c r="B4211" t="s">
        <v>2978</v>
      </c>
      <c r="C4211" t="s">
        <v>2313</v>
      </c>
      <c r="D4211" t="s">
        <v>10</v>
      </c>
      <c r="E4211" t="s">
        <v>11</v>
      </c>
      <c r="F4211" s="2">
        <v>1</v>
      </c>
      <c r="G4211" t="s">
        <v>63</v>
      </c>
      <c r="H4211" t="s">
        <v>13</v>
      </c>
    </row>
    <row r="4212" spans="1:8" x14ac:dyDescent="0.25">
      <c r="A4212" s="1">
        <v>44099</v>
      </c>
      <c r="B4212" t="s">
        <v>2979</v>
      </c>
      <c r="C4212" t="s">
        <v>58</v>
      </c>
      <c r="D4212" t="s">
        <v>10</v>
      </c>
      <c r="E4212" t="s">
        <v>11</v>
      </c>
      <c r="F4212" s="2">
        <v>1</v>
      </c>
      <c r="G4212" t="s">
        <v>788</v>
      </c>
      <c r="H4212" t="s">
        <v>13</v>
      </c>
    </row>
    <row r="4213" spans="1:8" x14ac:dyDescent="0.25">
      <c r="A4213" s="1">
        <v>44099</v>
      </c>
      <c r="B4213" t="s">
        <v>2980</v>
      </c>
      <c r="C4213" t="s">
        <v>19</v>
      </c>
      <c r="D4213" t="s">
        <v>10</v>
      </c>
      <c r="E4213" t="s">
        <v>11</v>
      </c>
      <c r="F4213" s="2">
        <v>1</v>
      </c>
      <c r="G4213" t="s">
        <v>20</v>
      </c>
      <c r="H4213" t="s">
        <v>13</v>
      </c>
    </row>
    <row r="4214" spans="1:8" x14ac:dyDescent="0.25">
      <c r="A4214" s="1">
        <v>44099</v>
      </c>
      <c r="B4214" t="s">
        <v>2980</v>
      </c>
      <c r="C4214" t="s">
        <v>689</v>
      </c>
      <c r="D4214" t="s">
        <v>10</v>
      </c>
      <c r="E4214" t="s">
        <v>11</v>
      </c>
      <c r="F4214" s="2">
        <v>1</v>
      </c>
      <c r="G4214" t="s">
        <v>20</v>
      </c>
      <c r="H4214" t="s">
        <v>13</v>
      </c>
    </row>
    <row r="4215" spans="1:8" x14ac:dyDescent="0.25">
      <c r="A4215" s="1">
        <v>44098</v>
      </c>
      <c r="B4215" t="s">
        <v>2981</v>
      </c>
      <c r="C4215" t="s">
        <v>19</v>
      </c>
      <c r="D4215" t="s">
        <v>10</v>
      </c>
      <c r="E4215" t="s">
        <v>11</v>
      </c>
      <c r="F4215" s="2">
        <v>1</v>
      </c>
      <c r="G4215" t="s">
        <v>22</v>
      </c>
      <c r="H4215" t="s">
        <v>13</v>
      </c>
    </row>
    <row r="4216" spans="1:8" x14ac:dyDescent="0.25">
      <c r="A4216" s="1">
        <v>44098</v>
      </c>
      <c r="B4216" t="s">
        <v>2981</v>
      </c>
      <c r="C4216" t="s">
        <v>689</v>
      </c>
      <c r="D4216" t="s">
        <v>10</v>
      </c>
      <c r="E4216" t="s">
        <v>11</v>
      </c>
      <c r="F4216" s="2">
        <v>1</v>
      </c>
      <c r="G4216" t="s">
        <v>22</v>
      </c>
      <c r="H4216" t="s">
        <v>13</v>
      </c>
    </row>
    <row r="4217" spans="1:8" x14ac:dyDescent="0.25">
      <c r="A4217" s="1">
        <v>44098</v>
      </c>
      <c r="B4217" t="s">
        <v>2982</v>
      </c>
      <c r="C4217" t="s">
        <v>2983</v>
      </c>
      <c r="D4217" t="s">
        <v>10</v>
      </c>
      <c r="E4217" t="s">
        <v>11</v>
      </c>
      <c r="F4217" s="2">
        <v>1</v>
      </c>
      <c r="G4217" t="s">
        <v>63</v>
      </c>
      <c r="H4217" t="s">
        <v>13</v>
      </c>
    </row>
    <row r="4218" spans="1:8" x14ac:dyDescent="0.25">
      <c r="A4218" s="1">
        <v>44097</v>
      </c>
      <c r="B4218" t="s">
        <v>2984</v>
      </c>
      <c r="C4218" t="s">
        <v>76</v>
      </c>
      <c r="D4218" t="s">
        <v>10</v>
      </c>
      <c r="E4218" t="s">
        <v>11</v>
      </c>
      <c r="F4218" s="2">
        <v>1</v>
      </c>
      <c r="G4218" t="s">
        <v>447</v>
      </c>
      <c r="H4218" t="s">
        <v>13</v>
      </c>
    </row>
    <row r="4219" spans="1:8" x14ac:dyDescent="0.25">
      <c r="A4219" s="1">
        <v>44097</v>
      </c>
      <c r="B4219" t="s">
        <v>2985</v>
      </c>
      <c r="C4219" t="s">
        <v>9</v>
      </c>
      <c r="D4219" t="s">
        <v>10</v>
      </c>
      <c r="E4219" t="s">
        <v>11</v>
      </c>
      <c r="F4219" s="2">
        <v>1</v>
      </c>
      <c r="G4219" t="s">
        <v>1234</v>
      </c>
      <c r="H4219" t="s">
        <v>13</v>
      </c>
    </row>
    <row r="4220" spans="1:8" x14ac:dyDescent="0.25">
      <c r="A4220" s="1">
        <v>44095</v>
      </c>
      <c r="B4220" t="s">
        <v>2986</v>
      </c>
      <c r="C4220" t="s">
        <v>9</v>
      </c>
      <c r="D4220" t="s">
        <v>10</v>
      </c>
      <c r="E4220" t="s">
        <v>11</v>
      </c>
      <c r="F4220" s="2">
        <v>1</v>
      </c>
      <c r="G4220" t="s">
        <v>181</v>
      </c>
      <c r="H4220" t="s">
        <v>13</v>
      </c>
    </row>
    <row r="4221" spans="1:8" x14ac:dyDescent="0.25">
      <c r="A4221" s="1">
        <v>44095</v>
      </c>
      <c r="B4221" t="s">
        <v>2986</v>
      </c>
      <c r="C4221" t="s">
        <v>301</v>
      </c>
      <c r="D4221" t="s">
        <v>10</v>
      </c>
      <c r="E4221" t="s">
        <v>11</v>
      </c>
      <c r="F4221" s="2">
        <v>1</v>
      </c>
      <c r="G4221" t="s">
        <v>181</v>
      </c>
      <c r="H4221" t="s">
        <v>13</v>
      </c>
    </row>
    <row r="4222" spans="1:8" x14ac:dyDescent="0.25">
      <c r="A4222" s="1">
        <v>44094</v>
      </c>
      <c r="B4222" t="s">
        <v>2987</v>
      </c>
      <c r="C4222" t="s">
        <v>79</v>
      </c>
      <c r="D4222" t="s">
        <v>10</v>
      </c>
      <c r="E4222" t="s">
        <v>11</v>
      </c>
      <c r="F4222" s="2">
        <v>1</v>
      </c>
      <c r="G4222" t="s">
        <v>46</v>
      </c>
      <c r="H4222" t="s">
        <v>13</v>
      </c>
    </row>
    <row r="4223" spans="1:8" x14ac:dyDescent="0.25">
      <c r="A4223" s="1">
        <v>44094</v>
      </c>
      <c r="B4223" t="s">
        <v>2987</v>
      </c>
      <c r="C4223" t="s">
        <v>80</v>
      </c>
      <c r="D4223" t="s">
        <v>10</v>
      </c>
      <c r="E4223" t="s">
        <v>11</v>
      </c>
      <c r="F4223" s="2">
        <v>1</v>
      </c>
      <c r="G4223" t="s">
        <v>46</v>
      </c>
      <c r="H4223" t="s">
        <v>13</v>
      </c>
    </row>
    <row r="4224" spans="1:8" x14ac:dyDescent="0.25">
      <c r="A4224" s="1">
        <v>44094</v>
      </c>
      <c r="B4224" t="s">
        <v>2988</v>
      </c>
      <c r="C4224" t="s">
        <v>52</v>
      </c>
      <c r="D4224" t="s">
        <v>10</v>
      </c>
      <c r="E4224" t="s">
        <v>11</v>
      </c>
      <c r="F4224" s="2">
        <v>1</v>
      </c>
      <c r="G4224" t="s">
        <v>701</v>
      </c>
      <c r="H4224" t="s">
        <v>13</v>
      </c>
    </row>
    <row r="4225" spans="1:8" x14ac:dyDescent="0.25">
      <c r="A4225" s="1">
        <v>44094</v>
      </c>
      <c r="B4225" t="s">
        <v>2988</v>
      </c>
      <c r="C4225" t="s">
        <v>2989</v>
      </c>
      <c r="D4225" t="s">
        <v>10</v>
      </c>
      <c r="E4225" t="s">
        <v>11</v>
      </c>
      <c r="F4225" s="2">
        <v>1</v>
      </c>
      <c r="G4225" t="s">
        <v>701</v>
      </c>
      <c r="H4225" t="s">
        <v>13</v>
      </c>
    </row>
    <row r="4226" spans="1:8" x14ac:dyDescent="0.25">
      <c r="A4226" s="1">
        <v>44094</v>
      </c>
      <c r="B4226" t="s">
        <v>2988</v>
      </c>
      <c r="C4226" t="s">
        <v>47</v>
      </c>
      <c r="D4226" t="s">
        <v>10</v>
      </c>
      <c r="E4226" t="s">
        <v>11</v>
      </c>
      <c r="F4226" s="2">
        <v>1</v>
      </c>
      <c r="G4226" t="s">
        <v>701</v>
      </c>
      <c r="H4226" t="s">
        <v>13</v>
      </c>
    </row>
    <row r="4227" spans="1:8" x14ac:dyDescent="0.25">
      <c r="A4227" s="1">
        <v>44094</v>
      </c>
      <c r="B4227" t="s">
        <v>2990</v>
      </c>
      <c r="C4227" t="s">
        <v>1153</v>
      </c>
      <c r="D4227" t="s">
        <v>10</v>
      </c>
      <c r="E4227" t="s">
        <v>11</v>
      </c>
      <c r="F4227" s="2">
        <v>1</v>
      </c>
      <c r="G4227" t="s">
        <v>100</v>
      </c>
      <c r="H4227" t="s">
        <v>13</v>
      </c>
    </row>
    <row r="4228" spans="1:8" x14ac:dyDescent="0.25">
      <c r="A4228" s="1">
        <v>44093</v>
      </c>
      <c r="B4228" t="s">
        <v>2991</v>
      </c>
      <c r="C4228" t="s">
        <v>47</v>
      </c>
      <c r="D4228" t="s">
        <v>10</v>
      </c>
      <c r="E4228" t="s">
        <v>11</v>
      </c>
      <c r="F4228" s="2">
        <v>1</v>
      </c>
      <c r="G4228" t="s">
        <v>372</v>
      </c>
      <c r="H4228" t="s">
        <v>13</v>
      </c>
    </row>
    <row r="4229" spans="1:8" x14ac:dyDescent="0.25">
      <c r="A4229" s="1">
        <v>44093</v>
      </c>
      <c r="B4229" t="s">
        <v>2991</v>
      </c>
      <c r="C4229" t="s">
        <v>47</v>
      </c>
      <c r="D4229" t="s">
        <v>10</v>
      </c>
      <c r="E4229" t="s">
        <v>11</v>
      </c>
      <c r="F4229" s="2">
        <v>1</v>
      </c>
      <c r="G4229" t="s">
        <v>372</v>
      </c>
      <c r="H4229" t="s">
        <v>13</v>
      </c>
    </row>
    <row r="4230" spans="1:8" x14ac:dyDescent="0.25">
      <c r="A4230" s="1">
        <v>44093</v>
      </c>
      <c r="B4230" t="s">
        <v>2992</v>
      </c>
      <c r="C4230" t="s">
        <v>1883</v>
      </c>
      <c r="D4230" t="s">
        <v>10</v>
      </c>
      <c r="E4230" t="s">
        <v>11</v>
      </c>
      <c r="F4230" s="2">
        <v>1</v>
      </c>
      <c r="G4230" t="s">
        <v>2993</v>
      </c>
      <c r="H4230" t="s">
        <v>13</v>
      </c>
    </row>
    <row r="4231" spans="1:8" x14ac:dyDescent="0.25">
      <c r="A4231" s="1">
        <v>44093</v>
      </c>
      <c r="B4231" t="s">
        <v>2994</v>
      </c>
      <c r="C4231" t="s">
        <v>9</v>
      </c>
      <c r="D4231" t="s">
        <v>10</v>
      </c>
      <c r="E4231" t="s">
        <v>11</v>
      </c>
      <c r="F4231" s="2">
        <v>1</v>
      </c>
      <c r="G4231" t="s">
        <v>70</v>
      </c>
      <c r="H4231" t="s">
        <v>13</v>
      </c>
    </row>
    <row r="4232" spans="1:8" x14ac:dyDescent="0.25">
      <c r="A4232" s="1">
        <v>44093</v>
      </c>
      <c r="B4232" t="s">
        <v>2994</v>
      </c>
      <c r="C4232" t="s">
        <v>35</v>
      </c>
      <c r="D4232" t="s">
        <v>10</v>
      </c>
      <c r="E4232" t="s">
        <v>11</v>
      </c>
      <c r="F4232" s="2">
        <v>1</v>
      </c>
      <c r="G4232" t="s">
        <v>70</v>
      </c>
      <c r="H4232" t="s">
        <v>13</v>
      </c>
    </row>
    <row r="4233" spans="1:8" x14ac:dyDescent="0.25">
      <c r="A4233" s="1">
        <v>44093</v>
      </c>
      <c r="B4233" t="s">
        <v>2994</v>
      </c>
      <c r="C4233" t="s">
        <v>47</v>
      </c>
      <c r="D4233" t="s">
        <v>10</v>
      </c>
      <c r="E4233" t="s">
        <v>11</v>
      </c>
      <c r="F4233" s="2">
        <v>1</v>
      </c>
      <c r="G4233" t="s">
        <v>70</v>
      </c>
      <c r="H4233" t="s">
        <v>13</v>
      </c>
    </row>
    <row r="4234" spans="1:8" x14ac:dyDescent="0.25">
      <c r="A4234" s="1">
        <v>44092</v>
      </c>
      <c r="B4234" t="s">
        <v>2995</v>
      </c>
      <c r="C4234" t="s">
        <v>249</v>
      </c>
      <c r="D4234" t="s">
        <v>10</v>
      </c>
      <c r="E4234" t="s">
        <v>11</v>
      </c>
      <c r="F4234" s="2">
        <v>1</v>
      </c>
      <c r="G4234" t="s">
        <v>67</v>
      </c>
      <c r="H4234" t="s">
        <v>13</v>
      </c>
    </row>
    <row r="4235" spans="1:8" x14ac:dyDescent="0.25">
      <c r="A4235" s="1">
        <v>44091</v>
      </c>
      <c r="B4235" t="s">
        <v>2996</v>
      </c>
      <c r="C4235" t="s">
        <v>19</v>
      </c>
      <c r="D4235" t="s">
        <v>10</v>
      </c>
      <c r="E4235" t="s">
        <v>11</v>
      </c>
      <c r="F4235" s="2">
        <v>1</v>
      </c>
      <c r="G4235" t="s">
        <v>72</v>
      </c>
      <c r="H4235" t="s">
        <v>13</v>
      </c>
    </row>
    <row r="4236" spans="1:8" x14ac:dyDescent="0.25">
      <c r="A4236" s="1">
        <v>44089</v>
      </c>
      <c r="B4236" t="s">
        <v>2997</v>
      </c>
      <c r="C4236" t="s">
        <v>9</v>
      </c>
      <c r="D4236" t="s">
        <v>10</v>
      </c>
      <c r="E4236" t="s">
        <v>11</v>
      </c>
      <c r="F4236" s="2">
        <v>1</v>
      </c>
      <c r="G4236" t="s">
        <v>20</v>
      </c>
      <c r="H4236" t="s">
        <v>13</v>
      </c>
    </row>
    <row r="4237" spans="1:8" x14ac:dyDescent="0.25">
      <c r="A4237" s="1">
        <v>44089</v>
      </c>
      <c r="B4237" t="s">
        <v>2997</v>
      </c>
      <c r="C4237" t="s">
        <v>174</v>
      </c>
      <c r="D4237" t="s">
        <v>10</v>
      </c>
      <c r="E4237" t="s">
        <v>11</v>
      </c>
      <c r="F4237" s="2">
        <v>1</v>
      </c>
      <c r="G4237" t="s">
        <v>20</v>
      </c>
      <c r="H4237" t="s">
        <v>13</v>
      </c>
    </row>
    <row r="4238" spans="1:8" x14ac:dyDescent="0.25">
      <c r="A4238" s="1">
        <v>44088</v>
      </c>
      <c r="B4238" t="s">
        <v>2998</v>
      </c>
      <c r="C4238" t="s">
        <v>510</v>
      </c>
      <c r="D4238" t="s">
        <v>10</v>
      </c>
      <c r="E4238" t="s">
        <v>11</v>
      </c>
      <c r="F4238" s="2">
        <v>1</v>
      </c>
      <c r="G4238" t="s">
        <v>83</v>
      </c>
      <c r="H4238" t="s">
        <v>13</v>
      </c>
    </row>
    <row r="4239" spans="1:8" x14ac:dyDescent="0.25">
      <c r="A4239" s="1">
        <v>44088</v>
      </c>
      <c r="B4239" t="s">
        <v>2999</v>
      </c>
      <c r="C4239" t="s">
        <v>19</v>
      </c>
      <c r="D4239" t="s">
        <v>10</v>
      </c>
      <c r="E4239" t="s">
        <v>11</v>
      </c>
      <c r="F4239" s="2">
        <v>1</v>
      </c>
      <c r="G4239" t="s">
        <v>37</v>
      </c>
      <c r="H4239" t="s">
        <v>13</v>
      </c>
    </row>
    <row r="4240" spans="1:8" x14ac:dyDescent="0.25">
      <c r="A4240" s="1">
        <v>44088</v>
      </c>
      <c r="B4240" t="s">
        <v>2999</v>
      </c>
      <c r="C4240" t="s">
        <v>19</v>
      </c>
      <c r="D4240" t="s">
        <v>10</v>
      </c>
      <c r="E4240" t="s">
        <v>11</v>
      </c>
      <c r="F4240" s="2">
        <v>1</v>
      </c>
      <c r="G4240" t="s">
        <v>37</v>
      </c>
      <c r="H4240" t="s">
        <v>13</v>
      </c>
    </row>
    <row r="4241" spans="1:8" x14ac:dyDescent="0.25">
      <c r="A4241" s="1">
        <v>44088</v>
      </c>
      <c r="B4241" t="s">
        <v>2999</v>
      </c>
      <c r="C4241" t="s">
        <v>103</v>
      </c>
      <c r="D4241" t="s">
        <v>10</v>
      </c>
      <c r="E4241" t="s">
        <v>11</v>
      </c>
      <c r="F4241" s="2">
        <v>1</v>
      </c>
      <c r="G4241" t="s">
        <v>37</v>
      </c>
      <c r="H4241" t="s">
        <v>13</v>
      </c>
    </row>
    <row r="4242" spans="1:8" x14ac:dyDescent="0.25">
      <c r="A4242" s="1">
        <v>44088</v>
      </c>
      <c r="B4242" t="s">
        <v>2999</v>
      </c>
      <c r="C4242" t="s">
        <v>103</v>
      </c>
      <c r="D4242" t="s">
        <v>10</v>
      </c>
      <c r="E4242" t="s">
        <v>11</v>
      </c>
      <c r="F4242" s="2">
        <v>1</v>
      </c>
      <c r="G4242" t="s">
        <v>37</v>
      </c>
      <c r="H4242" t="s">
        <v>13</v>
      </c>
    </row>
    <row r="4243" spans="1:8" x14ac:dyDescent="0.25">
      <c r="A4243" s="1">
        <v>44088</v>
      </c>
      <c r="B4243" t="s">
        <v>2999</v>
      </c>
      <c r="C4243" t="s">
        <v>689</v>
      </c>
      <c r="D4243" t="s">
        <v>10</v>
      </c>
      <c r="E4243" t="s">
        <v>11</v>
      </c>
      <c r="F4243" s="2">
        <v>1</v>
      </c>
      <c r="G4243" t="s">
        <v>37</v>
      </c>
      <c r="H4243" t="s">
        <v>13</v>
      </c>
    </row>
    <row r="4244" spans="1:8" x14ac:dyDescent="0.25">
      <c r="A4244" s="1">
        <v>44088</v>
      </c>
      <c r="B4244" t="s">
        <v>2999</v>
      </c>
      <c r="C4244" t="s">
        <v>689</v>
      </c>
      <c r="D4244" t="s">
        <v>10</v>
      </c>
      <c r="E4244" t="s">
        <v>11</v>
      </c>
      <c r="F4244" s="2">
        <v>1</v>
      </c>
      <c r="G4244" t="s">
        <v>37</v>
      </c>
      <c r="H4244" t="s">
        <v>13</v>
      </c>
    </row>
    <row r="4245" spans="1:8" x14ac:dyDescent="0.25">
      <c r="A4245" s="1">
        <v>44087</v>
      </c>
      <c r="B4245" t="s">
        <v>3000</v>
      </c>
      <c r="C4245" t="s">
        <v>19</v>
      </c>
      <c r="D4245" t="s">
        <v>10</v>
      </c>
      <c r="E4245" t="s">
        <v>11</v>
      </c>
      <c r="F4245" s="2">
        <v>1</v>
      </c>
      <c r="G4245" t="s">
        <v>72</v>
      </c>
      <c r="H4245" t="s">
        <v>13</v>
      </c>
    </row>
    <row r="4246" spans="1:8" x14ac:dyDescent="0.25">
      <c r="A4246" s="1">
        <v>44087</v>
      </c>
      <c r="B4246" t="s">
        <v>3001</v>
      </c>
      <c r="C4246" t="s">
        <v>35</v>
      </c>
      <c r="D4246" t="s">
        <v>26</v>
      </c>
      <c r="E4246" t="s">
        <v>11</v>
      </c>
      <c r="F4246" s="2">
        <v>1</v>
      </c>
      <c r="G4246" t="s">
        <v>20</v>
      </c>
      <c r="H4246" t="s">
        <v>13</v>
      </c>
    </row>
    <row r="4247" spans="1:8" x14ac:dyDescent="0.25">
      <c r="A4247" s="1">
        <v>44087</v>
      </c>
      <c r="B4247" t="s">
        <v>3002</v>
      </c>
      <c r="C4247" t="s">
        <v>9</v>
      </c>
      <c r="D4247" t="s">
        <v>10</v>
      </c>
      <c r="E4247" t="s">
        <v>11</v>
      </c>
      <c r="F4247" s="2">
        <v>1</v>
      </c>
      <c r="G4247" t="s">
        <v>37</v>
      </c>
      <c r="H4247" t="s">
        <v>13</v>
      </c>
    </row>
    <row r="4248" spans="1:8" x14ac:dyDescent="0.25">
      <c r="A4248" s="1">
        <v>44087</v>
      </c>
      <c r="B4248" t="s">
        <v>3002</v>
      </c>
      <c r="C4248" t="s">
        <v>9</v>
      </c>
      <c r="D4248" t="s">
        <v>10</v>
      </c>
      <c r="E4248" t="s">
        <v>11</v>
      </c>
      <c r="F4248" s="2">
        <v>1</v>
      </c>
      <c r="G4248" t="s">
        <v>37</v>
      </c>
      <c r="H4248" t="s">
        <v>13</v>
      </c>
    </row>
    <row r="4249" spans="1:8" x14ac:dyDescent="0.25">
      <c r="A4249" s="1">
        <v>44086</v>
      </c>
      <c r="B4249" t="s">
        <v>3003</v>
      </c>
      <c r="C4249" t="s">
        <v>9</v>
      </c>
      <c r="D4249" t="s">
        <v>10</v>
      </c>
      <c r="E4249" t="s">
        <v>11</v>
      </c>
      <c r="F4249" s="2">
        <v>1</v>
      </c>
      <c r="G4249" t="s">
        <v>194</v>
      </c>
      <c r="H4249" t="s">
        <v>13</v>
      </c>
    </row>
    <row r="4250" spans="1:8" x14ac:dyDescent="0.25">
      <c r="A4250" s="1">
        <v>44085</v>
      </c>
      <c r="B4250" t="s">
        <v>3004</v>
      </c>
      <c r="C4250" t="s">
        <v>79</v>
      </c>
      <c r="D4250" t="s">
        <v>26</v>
      </c>
      <c r="E4250" t="s">
        <v>11</v>
      </c>
      <c r="F4250" s="2">
        <v>1</v>
      </c>
      <c r="G4250" t="s">
        <v>1159</v>
      </c>
      <c r="H4250" t="s">
        <v>13</v>
      </c>
    </row>
    <row r="4251" spans="1:8" x14ac:dyDescent="0.25">
      <c r="A4251" s="1">
        <v>44085</v>
      </c>
      <c r="B4251" t="s">
        <v>3004</v>
      </c>
      <c r="C4251" t="s">
        <v>80</v>
      </c>
      <c r="D4251" t="s">
        <v>26</v>
      </c>
      <c r="E4251" t="s">
        <v>11</v>
      </c>
      <c r="F4251" s="2">
        <v>1</v>
      </c>
      <c r="G4251" t="s">
        <v>1159</v>
      </c>
      <c r="H4251" t="s">
        <v>13</v>
      </c>
    </row>
    <row r="4252" spans="1:8" x14ac:dyDescent="0.25">
      <c r="A4252" s="1">
        <v>44084</v>
      </c>
      <c r="B4252" t="s">
        <v>3005</v>
      </c>
      <c r="C4252" t="s">
        <v>394</v>
      </c>
      <c r="D4252" t="s">
        <v>10</v>
      </c>
      <c r="E4252" t="s">
        <v>11</v>
      </c>
      <c r="F4252" s="2">
        <v>1</v>
      </c>
      <c r="G4252" t="s">
        <v>27</v>
      </c>
      <c r="H4252" t="s">
        <v>13</v>
      </c>
    </row>
    <row r="4253" spans="1:8" x14ac:dyDescent="0.25">
      <c r="A4253" s="1">
        <v>44084</v>
      </c>
      <c r="B4253" t="s">
        <v>3005</v>
      </c>
      <c r="C4253" t="s">
        <v>35</v>
      </c>
      <c r="D4253" t="s">
        <v>10</v>
      </c>
      <c r="E4253" t="s">
        <v>11</v>
      </c>
      <c r="F4253" s="2">
        <v>1</v>
      </c>
      <c r="G4253" t="s">
        <v>27</v>
      </c>
      <c r="H4253" t="s">
        <v>13</v>
      </c>
    </row>
    <row r="4254" spans="1:8" x14ac:dyDescent="0.25">
      <c r="A4254" s="1">
        <v>44084</v>
      </c>
      <c r="B4254" t="s">
        <v>3006</v>
      </c>
      <c r="C4254" t="s">
        <v>268</v>
      </c>
      <c r="D4254" t="s">
        <v>10</v>
      </c>
      <c r="E4254" t="s">
        <v>11</v>
      </c>
      <c r="F4254" s="2">
        <v>1</v>
      </c>
      <c r="G4254" t="s">
        <v>77</v>
      </c>
      <c r="H4254" t="s">
        <v>13</v>
      </c>
    </row>
    <row r="4255" spans="1:8" x14ac:dyDescent="0.25">
      <c r="A4255" s="1">
        <v>44083</v>
      </c>
      <c r="B4255" t="s">
        <v>3007</v>
      </c>
      <c r="C4255" t="s">
        <v>79</v>
      </c>
      <c r="D4255" t="s">
        <v>10</v>
      </c>
      <c r="E4255" t="s">
        <v>11</v>
      </c>
      <c r="F4255" s="2">
        <v>1</v>
      </c>
      <c r="G4255" t="s">
        <v>100</v>
      </c>
      <c r="H4255" t="s">
        <v>13</v>
      </c>
    </row>
    <row r="4256" spans="1:8" x14ac:dyDescent="0.25">
      <c r="A4256" s="1">
        <v>44083</v>
      </c>
      <c r="B4256" t="s">
        <v>3007</v>
      </c>
      <c r="C4256" t="s">
        <v>80</v>
      </c>
      <c r="D4256" t="s">
        <v>10</v>
      </c>
      <c r="E4256" t="s">
        <v>11</v>
      </c>
      <c r="F4256" s="2">
        <v>1</v>
      </c>
      <c r="G4256" t="s">
        <v>100</v>
      </c>
      <c r="H4256" t="s">
        <v>13</v>
      </c>
    </row>
    <row r="4257" spans="1:8" x14ac:dyDescent="0.25">
      <c r="A4257" s="1">
        <v>44083</v>
      </c>
      <c r="B4257" t="s">
        <v>3008</v>
      </c>
      <c r="C4257" t="s">
        <v>47</v>
      </c>
      <c r="D4257" t="s">
        <v>10</v>
      </c>
      <c r="E4257" t="s">
        <v>11</v>
      </c>
      <c r="F4257" s="2">
        <v>1</v>
      </c>
      <c r="G4257" t="s">
        <v>492</v>
      </c>
      <c r="H4257" t="s">
        <v>13</v>
      </c>
    </row>
    <row r="4258" spans="1:8" x14ac:dyDescent="0.25">
      <c r="A4258" s="1">
        <v>44082</v>
      </c>
      <c r="B4258" t="s">
        <v>3009</v>
      </c>
      <c r="C4258" t="s">
        <v>74</v>
      </c>
      <c r="D4258" t="s">
        <v>10</v>
      </c>
      <c r="E4258" t="s">
        <v>11</v>
      </c>
      <c r="F4258" s="2">
        <v>1</v>
      </c>
      <c r="G4258" t="s">
        <v>548</v>
      </c>
      <c r="H4258" t="s">
        <v>13</v>
      </c>
    </row>
    <row r="4259" spans="1:8" x14ac:dyDescent="0.25">
      <c r="A4259" s="1">
        <v>44082</v>
      </c>
      <c r="B4259" t="s">
        <v>3009</v>
      </c>
      <c r="C4259" t="s">
        <v>518</v>
      </c>
      <c r="D4259" t="s">
        <v>10</v>
      </c>
      <c r="E4259" t="s">
        <v>11</v>
      </c>
      <c r="F4259" s="2">
        <v>1</v>
      </c>
      <c r="G4259" t="s">
        <v>548</v>
      </c>
      <c r="H4259" t="s">
        <v>13</v>
      </c>
    </row>
    <row r="4260" spans="1:8" x14ac:dyDescent="0.25">
      <c r="A4260" s="1">
        <v>44080</v>
      </c>
      <c r="B4260" t="s">
        <v>3010</v>
      </c>
      <c r="C4260" t="s">
        <v>14</v>
      </c>
      <c r="D4260" t="s">
        <v>10</v>
      </c>
      <c r="E4260" t="s">
        <v>11</v>
      </c>
      <c r="F4260" s="2">
        <v>1</v>
      </c>
      <c r="G4260" t="s">
        <v>37</v>
      </c>
      <c r="H4260" t="s">
        <v>13</v>
      </c>
    </row>
    <row r="4261" spans="1:8" x14ac:dyDescent="0.25">
      <c r="A4261" s="1">
        <v>44080</v>
      </c>
      <c r="B4261" t="s">
        <v>3011</v>
      </c>
      <c r="C4261" t="s">
        <v>9</v>
      </c>
      <c r="D4261" t="s">
        <v>10</v>
      </c>
      <c r="E4261" t="s">
        <v>11</v>
      </c>
      <c r="F4261" s="2">
        <v>1</v>
      </c>
      <c r="G4261" t="s">
        <v>37</v>
      </c>
      <c r="H4261" t="s">
        <v>13</v>
      </c>
    </row>
    <row r="4262" spans="1:8" x14ac:dyDescent="0.25">
      <c r="A4262" s="1">
        <v>44079</v>
      </c>
      <c r="B4262" t="s">
        <v>3012</v>
      </c>
      <c r="C4262" t="s">
        <v>19</v>
      </c>
      <c r="D4262" t="s">
        <v>10</v>
      </c>
      <c r="E4262" t="s">
        <v>11</v>
      </c>
      <c r="F4262" s="2">
        <v>1</v>
      </c>
      <c r="G4262" t="s">
        <v>72</v>
      </c>
      <c r="H4262" t="s">
        <v>13</v>
      </c>
    </row>
    <row r="4263" spans="1:8" x14ac:dyDescent="0.25">
      <c r="A4263" s="1">
        <v>44079</v>
      </c>
      <c r="B4263" t="s">
        <v>3012</v>
      </c>
      <c r="C4263" t="s">
        <v>14</v>
      </c>
      <c r="D4263" t="s">
        <v>10</v>
      </c>
      <c r="E4263" t="s">
        <v>11</v>
      </c>
      <c r="F4263" s="2">
        <v>1</v>
      </c>
      <c r="G4263" t="s">
        <v>72</v>
      </c>
      <c r="H4263" t="s">
        <v>13</v>
      </c>
    </row>
    <row r="4264" spans="1:8" x14ac:dyDescent="0.25">
      <c r="A4264" s="1">
        <v>44078</v>
      </c>
      <c r="B4264" t="s">
        <v>3013</v>
      </c>
      <c r="C4264" t="s">
        <v>76</v>
      </c>
      <c r="D4264" t="s">
        <v>10</v>
      </c>
      <c r="E4264" t="s">
        <v>11</v>
      </c>
      <c r="F4264" s="2">
        <v>1</v>
      </c>
      <c r="G4264" t="s">
        <v>31</v>
      </c>
      <c r="H4264" t="s">
        <v>13</v>
      </c>
    </row>
    <row r="4265" spans="1:8" x14ac:dyDescent="0.25">
      <c r="A4265" s="1">
        <v>44075</v>
      </c>
      <c r="B4265" t="s">
        <v>3014</v>
      </c>
      <c r="C4265" t="s">
        <v>9</v>
      </c>
      <c r="D4265" t="s">
        <v>10</v>
      </c>
      <c r="E4265" t="s">
        <v>11</v>
      </c>
      <c r="F4265" s="2">
        <v>1</v>
      </c>
      <c r="G4265" t="s">
        <v>364</v>
      </c>
      <c r="H4265" t="s">
        <v>13</v>
      </c>
    </row>
    <row r="4266" spans="1:8" x14ac:dyDescent="0.25">
      <c r="A4266" s="1">
        <v>44075</v>
      </c>
      <c r="B4266" t="s">
        <v>3014</v>
      </c>
      <c r="C4266" t="s">
        <v>821</v>
      </c>
      <c r="D4266" t="s">
        <v>10</v>
      </c>
      <c r="E4266" t="s">
        <v>11</v>
      </c>
      <c r="F4266" s="2">
        <v>1</v>
      </c>
      <c r="G4266" t="s">
        <v>364</v>
      </c>
      <c r="H4266" t="s">
        <v>13</v>
      </c>
    </row>
    <row r="4267" spans="1:8" x14ac:dyDescent="0.25">
      <c r="A4267" s="1">
        <v>44074</v>
      </c>
      <c r="B4267" t="s">
        <v>3015</v>
      </c>
      <c r="C4267" t="s">
        <v>76</v>
      </c>
      <c r="D4267" t="s">
        <v>10</v>
      </c>
      <c r="E4267" t="s">
        <v>11</v>
      </c>
      <c r="F4267" s="2">
        <v>1</v>
      </c>
      <c r="G4267" t="s">
        <v>137</v>
      </c>
      <c r="H4267" t="s">
        <v>13</v>
      </c>
    </row>
    <row r="4268" spans="1:8" x14ac:dyDescent="0.25">
      <c r="A4268" s="1">
        <v>44073</v>
      </c>
      <c r="B4268" t="s">
        <v>3016</v>
      </c>
      <c r="C4268" t="s">
        <v>9</v>
      </c>
      <c r="D4268" t="s">
        <v>10</v>
      </c>
      <c r="E4268" t="s">
        <v>11</v>
      </c>
      <c r="F4268" s="2">
        <v>1</v>
      </c>
      <c r="G4268" t="s">
        <v>386</v>
      </c>
      <c r="H4268" t="s">
        <v>13</v>
      </c>
    </row>
    <row r="4269" spans="1:8" x14ac:dyDescent="0.25">
      <c r="A4269" s="1">
        <v>44073</v>
      </c>
      <c r="B4269" t="s">
        <v>3016</v>
      </c>
      <c r="C4269" t="s">
        <v>142</v>
      </c>
      <c r="D4269" t="s">
        <v>10</v>
      </c>
      <c r="E4269" t="s">
        <v>11</v>
      </c>
      <c r="F4269" s="2">
        <v>1</v>
      </c>
      <c r="G4269" t="s">
        <v>386</v>
      </c>
      <c r="H4269" t="s">
        <v>13</v>
      </c>
    </row>
    <row r="4270" spans="1:8" x14ac:dyDescent="0.25">
      <c r="A4270" s="1">
        <v>44073</v>
      </c>
      <c r="B4270" t="s">
        <v>3016</v>
      </c>
      <c r="C4270" t="s">
        <v>689</v>
      </c>
      <c r="D4270" t="s">
        <v>10</v>
      </c>
      <c r="E4270" t="s">
        <v>11</v>
      </c>
      <c r="F4270" s="2">
        <v>1</v>
      </c>
      <c r="G4270" t="s">
        <v>386</v>
      </c>
      <c r="H4270" t="s">
        <v>13</v>
      </c>
    </row>
    <row r="4271" spans="1:8" x14ac:dyDescent="0.25">
      <c r="A4271" s="1">
        <v>44073</v>
      </c>
      <c r="B4271" t="s">
        <v>3016</v>
      </c>
      <c r="C4271" t="s">
        <v>1153</v>
      </c>
      <c r="D4271" t="s">
        <v>10</v>
      </c>
      <c r="E4271" t="s">
        <v>11</v>
      </c>
      <c r="F4271" s="2">
        <v>1</v>
      </c>
      <c r="G4271" t="s">
        <v>386</v>
      </c>
      <c r="H4271" t="s">
        <v>13</v>
      </c>
    </row>
    <row r="4272" spans="1:8" x14ac:dyDescent="0.25">
      <c r="A4272" s="1">
        <v>44073</v>
      </c>
      <c r="B4272" t="s">
        <v>3016</v>
      </c>
      <c r="C4272" t="s">
        <v>416</v>
      </c>
      <c r="D4272" t="s">
        <v>10</v>
      </c>
      <c r="E4272" t="s">
        <v>11</v>
      </c>
      <c r="F4272" s="2">
        <v>1</v>
      </c>
      <c r="G4272" t="s">
        <v>386</v>
      </c>
      <c r="H4272" t="s">
        <v>13</v>
      </c>
    </row>
    <row r="4273" spans="1:8" x14ac:dyDescent="0.25">
      <c r="A4273" s="1">
        <v>44073</v>
      </c>
      <c r="B4273" t="s">
        <v>3017</v>
      </c>
      <c r="C4273" t="s">
        <v>340</v>
      </c>
      <c r="D4273" t="s">
        <v>10</v>
      </c>
      <c r="E4273" t="s">
        <v>11</v>
      </c>
      <c r="F4273" s="2">
        <v>1</v>
      </c>
      <c r="G4273" t="s">
        <v>72</v>
      </c>
      <c r="H4273" t="s">
        <v>13</v>
      </c>
    </row>
    <row r="4274" spans="1:8" x14ac:dyDescent="0.25">
      <c r="A4274" s="1">
        <v>44073</v>
      </c>
      <c r="B4274" t="s">
        <v>3017</v>
      </c>
      <c r="C4274" t="s">
        <v>340</v>
      </c>
      <c r="D4274" t="s">
        <v>10</v>
      </c>
      <c r="E4274" t="s">
        <v>11</v>
      </c>
      <c r="F4274" s="2">
        <v>1</v>
      </c>
      <c r="G4274" t="s">
        <v>72</v>
      </c>
      <c r="H4274" t="s">
        <v>13</v>
      </c>
    </row>
    <row r="4275" spans="1:8" x14ac:dyDescent="0.25">
      <c r="A4275" s="1">
        <v>44072</v>
      </c>
      <c r="B4275" t="s">
        <v>3018</v>
      </c>
      <c r="C4275" t="s">
        <v>9</v>
      </c>
      <c r="D4275" t="s">
        <v>10</v>
      </c>
      <c r="E4275" t="s">
        <v>11</v>
      </c>
      <c r="F4275" s="2">
        <v>1</v>
      </c>
      <c r="G4275" t="s">
        <v>44</v>
      </c>
      <c r="H4275" t="s">
        <v>13</v>
      </c>
    </row>
    <row r="4276" spans="1:8" x14ac:dyDescent="0.25">
      <c r="A4276" s="1">
        <v>44072</v>
      </c>
      <c r="B4276" t="s">
        <v>3018</v>
      </c>
      <c r="C4276" t="s">
        <v>65</v>
      </c>
      <c r="D4276" t="s">
        <v>10</v>
      </c>
      <c r="E4276" t="s">
        <v>11</v>
      </c>
      <c r="F4276" s="2">
        <v>1</v>
      </c>
      <c r="G4276" t="s">
        <v>44</v>
      </c>
      <c r="H4276" t="s">
        <v>13</v>
      </c>
    </row>
    <row r="4277" spans="1:8" x14ac:dyDescent="0.25">
      <c r="A4277" s="1">
        <v>44072</v>
      </c>
      <c r="B4277" t="s">
        <v>3019</v>
      </c>
      <c r="C4277" t="s">
        <v>92</v>
      </c>
      <c r="D4277" t="s">
        <v>10</v>
      </c>
      <c r="E4277" t="s">
        <v>11</v>
      </c>
      <c r="F4277" s="2">
        <v>1</v>
      </c>
      <c r="G4277" t="s">
        <v>113</v>
      </c>
      <c r="H4277" t="s">
        <v>13</v>
      </c>
    </row>
    <row r="4278" spans="1:8" x14ac:dyDescent="0.25">
      <c r="A4278" s="1">
        <v>44070</v>
      </c>
      <c r="B4278" t="s">
        <v>3020</v>
      </c>
      <c r="C4278" t="s">
        <v>9</v>
      </c>
      <c r="D4278" t="s">
        <v>10</v>
      </c>
      <c r="E4278" t="s">
        <v>11</v>
      </c>
      <c r="F4278" s="2">
        <v>1</v>
      </c>
      <c r="G4278" t="s">
        <v>20</v>
      </c>
      <c r="H4278" t="s">
        <v>13</v>
      </c>
    </row>
    <row r="4279" spans="1:8" x14ac:dyDescent="0.25">
      <c r="A4279" s="1">
        <v>44070</v>
      </c>
      <c r="B4279" t="s">
        <v>3021</v>
      </c>
      <c r="C4279" t="s">
        <v>52</v>
      </c>
      <c r="D4279" t="s">
        <v>10</v>
      </c>
      <c r="E4279" t="s">
        <v>11</v>
      </c>
      <c r="F4279" s="2">
        <v>1</v>
      </c>
      <c r="G4279" t="s">
        <v>2181</v>
      </c>
      <c r="H4279" t="s">
        <v>13</v>
      </c>
    </row>
    <row r="4280" spans="1:8" x14ac:dyDescent="0.25">
      <c r="A4280" s="1">
        <v>44070</v>
      </c>
      <c r="B4280" t="s">
        <v>3021</v>
      </c>
      <c r="C4280" t="s">
        <v>35</v>
      </c>
      <c r="D4280" t="s">
        <v>10</v>
      </c>
      <c r="E4280" t="s">
        <v>11</v>
      </c>
      <c r="F4280" s="2">
        <v>1</v>
      </c>
      <c r="G4280" t="s">
        <v>2181</v>
      </c>
      <c r="H4280" t="s">
        <v>13</v>
      </c>
    </row>
    <row r="4281" spans="1:8" x14ac:dyDescent="0.25">
      <c r="A4281" s="1">
        <v>44070</v>
      </c>
      <c r="B4281" t="s">
        <v>3022</v>
      </c>
      <c r="C4281" t="s">
        <v>52</v>
      </c>
      <c r="D4281" t="s">
        <v>10</v>
      </c>
      <c r="E4281" t="s">
        <v>11</v>
      </c>
      <c r="F4281" s="2">
        <v>1</v>
      </c>
      <c r="G4281" t="s">
        <v>111</v>
      </c>
      <c r="H4281" t="s">
        <v>13</v>
      </c>
    </row>
    <row r="4282" spans="1:8" x14ac:dyDescent="0.25">
      <c r="A4282" s="1">
        <v>44070</v>
      </c>
      <c r="B4282" t="s">
        <v>3022</v>
      </c>
      <c r="C4282" t="s">
        <v>14</v>
      </c>
      <c r="D4282" t="s">
        <v>10</v>
      </c>
      <c r="E4282" t="s">
        <v>11</v>
      </c>
      <c r="F4282" s="2">
        <v>1</v>
      </c>
      <c r="G4282" t="s">
        <v>111</v>
      </c>
      <c r="H4282" t="s">
        <v>13</v>
      </c>
    </row>
    <row r="4283" spans="1:8" x14ac:dyDescent="0.25">
      <c r="A4283" s="1">
        <v>44069</v>
      </c>
      <c r="B4283" t="s">
        <v>3023</v>
      </c>
      <c r="C4283" t="s">
        <v>9</v>
      </c>
      <c r="D4283" t="s">
        <v>10</v>
      </c>
      <c r="E4283" t="s">
        <v>11</v>
      </c>
      <c r="F4283" s="2">
        <v>1</v>
      </c>
      <c r="G4283" t="s">
        <v>40</v>
      </c>
      <c r="H4283" t="s">
        <v>13</v>
      </c>
    </row>
    <row r="4284" spans="1:8" x14ac:dyDescent="0.25">
      <c r="A4284" s="1">
        <v>44069</v>
      </c>
      <c r="B4284" t="s">
        <v>3023</v>
      </c>
      <c r="C4284" t="s">
        <v>417</v>
      </c>
      <c r="D4284" t="s">
        <v>10</v>
      </c>
      <c r="E4284" t="s">
        <v>11</v>
      </c>
      <c r="F4284" s="2">
        <v>1</v>
      </c>
      <c r="G4284" t="s">
        <v>40</v>
      </c>
      <c r="H4284" t="s">
        <v>13</v>
      </c>
    </row>
    <row r="4285" spans="1:8" x14ac:dyDescent="0.25">
      <c r="A4285" s="1">
        <v>44069</v>
      </c>
      <c r="B4285" t="s">
        <v>3024</v>
      </c>
      <c r="C4285" t="s">
        <v>9</v>
      </c>
      <c r="D4285" t="s">
        <v>10</v>
      </c>
      <c r="E4285" t="s">
        <v>11</v>
      </c>
      <c r="F4285" s="2">
        <v>1</v>
      </c>
      <c r="G4285" t="s">
        <v>37</v>
      </c>
      <c r="H4285" t="s">
        <v>13</v>
      </c>
    </row>
    <row r="4286" spans="1:8" x14ac:dyDescent="0.25">
      <c r="A4286" s="1">
        <v>44069</v>
      </c>
      <c r="B4286" t="s">
        <v>3024</v>
      </c>
      <c r="C4286" t="s">
        <v>35</v>
      </c>
      <c r="D4286" t="s">
        <v>10</v>
      </c>
      <c r="E4286" t="s">
        <v>11</v>
      </c>
      <c r="F4286" s="2">
        <v>1</v>
      </c>
      <c r="G4286" t="s">
        <v>37</v>
      </c>
      <c r="H4286" t="s">
        <v>13</v>
      </c>
    </row>
    <row r="4287" spans="1:8" x14ac:dyDescent="0.25">
      <c r="A4287" s="1">
        <v>44069</v>
      </c>
      <c r="B4287" t="s">
        <v>3024</v>
      </c>
      <c r="C4287" t="s">
        <v>47</v>
      </c>
      <c r="D4287" t="s">
        <v>10</v>
      </c>
      <c r="E4287" t="s">
        <v>11</v>
      </c>
      <c r="F4287" s="2">
        <v>1</v>
      </c>
      <c r="G4287" t="s">
        <v>37</v>
      </c>
      <c r="H4287" t="s">
        <v>13</v>
      </c>
    </row>
    <row r="4288" spans="1:8" x14ac:dyDescent="0.25">
      <c r="A4288" s="1">
        <v>44069</v>
      </c>
      <c r="B4288" t="s">
        <v>3025</v>
      </c>
      <c r="C4288" t="s">
        <v>9</v>
      </c>
      <c r="D4288" t="s">
        <v>10</v>
      </c>
      <c r="E4288" t="s">
        <v>11</v>
      </c>
      <c r="F4288" s="2">
        <v>1</v>
      </c>
      <c r="G4288" t="s">
        <v>197</v>
      </c>
      <c r="H4288" t="s">
        <v>13</v>
      </c>
    </row>
    <row r="4289" spans="1:8" x14ac:dyDescent="0.25">
      <c r="A4289" s="1">
        <v>44069</v>
      </c>
      <c r="B4289" t="s">
        <v>3025</v>
      </c>
      <c r="C4289" t="s">
        <v>118</v>
      </c>
      <c r="D4289" t="s">
        <v>10</v>
      </c>
      <c r="E4289" t="s">
        <v>11</v>
      </c>
      <c r="F4289" s="2">
        <v>1</v>
      </c>
      <c r="G4289" t="s">
        <v>197</v>
      </c>
      <c r="H4289" t="s">
        <v>13</v>
      </c>
    </row>
    <row r="4290" spans="1:8" x14ac:dyDescent="0.25">
      <c r="A4290" s="1">
        <v>44067</v>
      </c>
      <c r="B4290" t="s">
        <v>3026</v>
      </c>
      <c r="C4290" t="s">
        <v>76</v>
      </c>
      <c r="D4290" t="s">
        <v>10</v>
      </c>
      <c r="E4290" t="s">
        <v>11</v>
      </c>
      <c r="F4290" s="2">
        <v>1</v>
      </c>
      <c r="G4290" t="s">
        <v>251</v>
      </c>
      <c r="H4290" t="s">
        <v>13</v>
      </c>
    </row>
    <row r="4291" spans="1:8" x14ac:dyDescent="0.25">
      <c r="A4291" s="1">
        <v>44067</v>
      </c>
      <c r="B4291" t="s">
        <v>3027</v>
      </c>
      <c r="C4291" t="s">
        <v>249</v>
      </c>
      <c r="D4291" t="s">
        <v>10</v>
      </c>
      <c r="E4291" t="s">
        <v>11</v>
      </c>
      <c r="F4291" s="2">
        <v>1</v>
      </c>
      <c r="G4291" t="s">
        <v>27</v>
      </c>
      <c r="H4291" t="s">
        <v>13</v>
      </c>
    </row>
    <row r="4292" spans="1:8" x14ac:dyDescent="0.25">
      <c r="A4292" s="1">
        <v>44067</v>
      </c>
      <c r="B4292" t="s">
        <v>3027</v>
      </c>
      <c r="C4292" t="s">
        <v>249</v>
      </c>
      <c r="D4292" t="s">
        <v>10</v>
      </c>
      <c r="E4292" t="s">
        <v>11</v>
      </c>
      <c r="F4292" s="2">
        <v>1</v>
      </c>
      <c r="G4292" t="s">
        <v>27</v>
      </c>
      <c r="H4292" t="s">
        <v>13</v>
      </c>
    </row>
    <row r="4293" spans="1:8" x14ac:dyDescent="0.25">
      <c r="A4293" s="1">
        <v>44066</v>
      </c>
      <c r="B4293" t="s">
        <v>3028</v>
      </c>
      <c r="C4293" t="s">
        <v>9</v>
      </c>
      <c r="D4293" t="s">
        <v>10</v>
      </c>
      <c r="E4293" t="s">
        <v>11</v>
      </c>
      <c r="F4293" s="2">
        <v>1</v>
      </c>
      <c r="G4293" t="s">
        <v>20</v>
      </c>
      <c r="H4293" t="s">
        <v>13</v>
      </c>
    </row>
    <row r="4294" spans="1:8" x14ac:dyDescent="0.25">
      <c r="A4294" s="1">
        <v>44066</v>
      </c>
      <c r="B4294" t="s">
        <v>3028</v>
      </c>
      <c r="C4294" t="s">
        <v>35</v>
      </c>
      <c r="D4294" t="s">
        <v>10</v>
      </c>
      <c r="E4294" t="s">
        <v>11</v>
      </c>
      <c r="F4294" s="2">
        <v>1</v>
      </c>
      <c r="G4294" t="s">
        <v>20</v>
      </c>
      <c r="H4294" t="s">
        <v>13</v>
      </c>
    </row>
    <row r="4295" spans="1:8" x14ac:dyDescent="0.25">
      <c r="A4295" s="1">
        <v>44066</v>
      </c>
      <c r="B4295" t="s">
        <v>3028</v>
      </c>
      <c r="C4295" t="s">
        <v>1883</v>
      </c>
      <c r="D4295" t="s">
        <v>10</v>
      </c>
      <c r="E4295" t="s">
        <v>11</v>
      </c>
      <c r="F4295" s="2">
        <v>1</v>
      </c>
      <c r="G4295" t="s">
        <v>20</v>
      </c>
      <c r="H4295" t="s">
        <v>13</v>
      </c>
    </row>
    <row r="4296" spans="1:8" x14ac:dyDescent="0.25">
      <c r="A4296" s="1">
        <v>44066</v>
      </c>
      <c r="B4296" t="s">
        <v>3029</v>
      </c>
      <c r="C4296" t="s">
        <v>174</v>
      </c>
      <c r="D4296" t="s">
        <v>10</v>
      </c>
      <c r="E4296" t="s">
        <v>11</v>
      </c>
      <c r="F4296" s="2">
        <v>1</v>
      </c>
      <c r="G4296" t="s">
        <v>194</v>
      </c>
      <c r="H4296" t="s">
        <v>13</v>
      </c>
    </row>
    <row r="4297" spans="1:8" x14ac:dyDescent="0.25">
      <c r="A4297" s="1">
        <v>44065</v>
      </c>
      <c r="B4297" t="s">
        <v>3030</v>
      </c>
      <c r="C4297" t="s">
        <v>16</v>
      </c>
      <c r="D4297" t="s">
        <v>10</v>
      </c>
      <c r="E4297" t="s">
        <v>11</v>
      </c>
      <c r="F4297" s="2">
        <v>1</v>
      </c>
      <c r="G4297" t="s">
        <v>100</v>
      </c>
      <c r="H4297" t="s">
        <v>13</v>
      </c>
    </row>
    <row r="4298" spans="1:8" x14ac:dyDescent="0.25">
      <c r="A4298" s="1">
        <v>44065</v>
      </c>
      <c r="B4298" t="s">
        <v>3030</v>
      </c>
      <c r="C4298" t="s">
        <v>16</v>
      </c>
      <c r="D4298" t="s">
        <v>10</v>
      </c>
      <c r="E4298" t="s">
        <v>11</v>
      </c>
      <c r="F4298" s="2">
        <v>1</v>
      </c>
      <c r="G4298" t="s">
        <v>100</v>
      </c>
      <c r="H4298" t="s">
        <v>13</v>
      </c>
    </row>
    <row r="4299" spans="1:8" x14ac:dyDescent="0.25">
      <c r="A4299" s="1">
        <v>44065</v>
      </c>
      <c r="B4299" t="s">
        <v>3030</v>
      </c>
      <c r="C4299" t="s">
        <v>16</v>
      </c>
      <c r="D4299" t="s">
        <v>10</v>
      </c>
      <c r="E4299" t="s">
        <v>11</v>
      </c>
      <c r="F4299" s="2">
        <v>1</v>
      </c>
      <c r="G4299" t="s">
        <v>100</v>
      </c>
      <c r="H4299" t="s">
        <v>13</v>
      </c>
    </row>
    <row r="4300" spans="1:8" x14ac:dyDescent="0.25">
      <c r="A4300" s="1">
        <v>44065</v>
      </c>
      <c r="B4300" t="s">
        <v>3030</v>
      </c>
      <c r="C4300" t="s">
        <v>271</v>
      </c>
      <c r="D4300" t="s">
        <v>10</v>
      </c>
      <c r="E4300" t="s">
        <v>11</v>
      </c>
      <c r="F4300" s="2">
        <v>1</v>
      </c>
      <c r="G4300" t="s">
        <v>100</v>
      </c>
      <c r="H4300" t="s">
        <v>13</v>
      </c>
    </row>
    <row r="4301" spans="1:8" x14ac:dyDescent="0.25">
      <c r="A4301" s="1">
        <v>44065</v>
      </c>
      <c r="B4301" t="s">
        <v>3030</v>
      </c>
      <c r="C4301" t="s">
        <v>271</v>
      </c>
      <c r="D4301" t="s">
        <v>10</v>
      </c>
      <c r="E4301" t="s">
        <v>11</v>
      </c>
      <c r="F4301" s="2">
        <v>1</v>
      </c>
      <c r="G4301" t="s">
        <v>100</v>
      </c>
      <c r="H4301" t="s">
        <v>13</v>
      </c>
    </row>
    <row r="4302" spans="1:8" x14ac:dyDescent="0.25">
      <c r="A4302" s="1">
        <v>44065</v>
      </c>
      <c r="B4302" t="s">
        <v>3030</v>
      </c>
      <c r="C4302" t="s">
        <v>271</v>
      </c>
      <c r="D4302" t="s">
        <v>10</v>
      </c>
      <c r="E4302" t="s">
        <v>11</v>
      </c>
      <c r="F4302" s="2">
        <v>1</v>
      </c>
      <c r="G4302" t="s">
        <v>100</v>
      </c>
      <c r="H4302" t="s">
        <v>13</v>
      </c>
    </row>
    <row r="4303" spans="1:8" x14ac:dyDescent="0.25">
      <c r="A4303" s="1">
        <v>44063</v>
      </c>
      <c r="B4303" t="s">
        <v>3031</v>
      </c>
      <c r="C4303" t="s">
        <v>271</v>
      </c>
      <c r="D4303" t="s">
        <v>10</v>
      </c>
      <c r="E4303" t="s">
        <v>11</v>
      </c>
      <c r="F4303" s="2">
        <v>1</v>
      </c>
      <c r="G4303" t="s">
        <v>788</v>
      </c>
      <c r="H4303" t="s">
        <v>13</v>
      </c>
    </row>
    <row r="4304" spans="1:8" x14ac:dyDescent="0.25">
      <c r="A4304" s="1">
        <v>44063</v>
      </c>
      <c r="B4304" t="s">
        <v>3032</v>
      </c>
      <c r="C4304" t="s">
        <v>29</v>
      </c>
      <c r="D4304" t="s">
        <v>10</v>
      </c>
      <c r="E4304" t="s">
        <v>11</v>
      </c>
      <c r="F4304" s="2">
        <v>1</v>
      </c>
      <c r="G4304" t="s">
        <v>194</v>
      </c>
      <c r="H4304" t="s">
        <v>13</v>
      </c>
    </row>
    <row r="4305" spans="1:8" x14ac:dyDescent="0.25">
      <c r="A4305" s="1">
        <v>44063</v>
      </c>
      <c r="B4305" t="s">
        <v>3033</v>
      </c>
      <c r="C4305" t="s">
        <v>9</v>
      </c>
      <c r="D4305" t="s">
        <v>10</v>
      </c>
      <c r="E4305" t="s">
        <v>11</v>
      </c>
      <c r="F4305" s="2">
        <v>1</v>
      </c>
      <c r="G4305" t="s">
        <v>191</v>
      </c>
      <c r="H4305" t="s">
        <v>13</v>
      </c>
    </row>
    <row r="4306" spans="1:8" x14ac:dyDescent="0.25">
      <c r="A4306" s="1">
        <v>44063</v>
      </c>
      <c r="B4306" t="s">
        <v>3033</v>
      </c>
      <c r="C4306" t="s">
        <v>3034</v>
      </c>
      <c r="D4306" t="s">
        <v>10</v>
      </c>
      <c r="E4306" t="s">
        <v>11</v>
      </c>
      <c r="F4306" s="2">
        <v>1</v>
      </c>
      <c r="G4306" t="s">
        <v>191</v>
      </c>
      <c r="H4306" t="s">
        <v>13</v>
      </c>
    </row>
    <row r="4307" spans="1:8" x14ac:dyDescent="0.25">
      <c r="A4307" s="1">
        <v>44063</v>
      </c>
      <c r="B4307" t="s">
        <v>3033</v>
      </c>
      <c r="C4307" t="s">
        <v>50</v>
      </c>
      <c r="D4307" t="s">
        <v>10</v>
      </c>
      <c r="E4307" t="s">
        <v>11</v>
      </c>
      <c r="F4307" s="2">
        <v>1</v>
      </c>
      <c r="G4307" t="s">
        <v>191</v>
      </c>
      <c r="H4307" t="s">
        <v>13</v>
      </c>
    </row>
    <row r="4308" spans="1:8" x14ac:dyDescent="0.25">
      <c r="A4308" s="1">
        <v>44060</v>
      </c>
      <c r="B4308" t="s">
        <v>3035</v>
      </c>
      <c r="C4308" t="s">
        <v>9</v>
      </c>
      <c r="D4308" t="s">
        <v>10</v>
      </c>
      <c r="E4308" t="s">
        <v>11</v>
      </c>
      <c r="F4308" s="2">
        <v>1</v>
      </c>
      <c r="G4308" t="s">
        <v>44</v>
      </c>
      <c r="H4308" t="s">
        <v>13</v>
      </c>
    </row>
    <row r="4309" spans="1:8" x14ac:dyDescent="0.25">
      <c r="A4309" s="1">
        <v>44058</v>
      </c>
      <c r="B4309" t="s">
        <v>3036</v>
      </c>
      <c r="C4309" t="s">
        <v>19</v>
      </c>
      <c r="D4309" t="s">
        <v>10</v>
      </c>
      <c r="E4309" t="s">
        <v>11</v>
      </c>
      <c r="F4309" s="2">
        <v>1</v>
      </c>
      <c r="G4309" t="s">
        <v>100</v>
      </c>
      <c r="H4309" t="s">
        <v>13</v>
      </c>
    </row>
    <row r="4310" spans="1:8" x14ac:dyDescent="0.25">
      <c r="A4310" s="1">
        <v>44058</v>
      </c>
      <c r="B4310" t="s">
        <v>3037</v>
      </c>
      <c r="C4310" t="s">
        <v>3038</v>
      </c>
      <c r="D4310" t="s">
        <v>10</v>
      </c>
      <c r="E4310" t="s">
        <v>11</v>
      </c>
      <c r="F4310" s="2">
        <v>1</v>
      </c>
      <c r="G4310" t="s">
        <v>181</v>
      </c>
      <c r="H4310" t="s">
        <v>13</v>
      </c>
    </row>
    <row r="4311" spans="1:8" x14ac:dyDescent="0.25">
      <c r="A4311" s="1">
        <v>44058</v>
      </c>
      <c r="B4311" t="s">
        <v>3037</v>
      </c>
      <c r="C4311" t="s">
        <v>379</v>
      </c>
      <c r="D4311" t="s">
        <v>10</v>
      </c>
      <c r="E4311" t="s">
        <v>11</v>
      </c>
      <c r="F4311" s="2">
        <v>1</v>
      </c>
      <c r="G4311" t="s">
        <v>181</v>
      </c>
      <c r="H4311" t="s">
        <v>13</v>
      </c>
    </row>
    <row r="4312" spans="1:8" x14ac:dyDescent="0.25">
      <c r="A4312" s="1">
        <v>44058</v>
      </c>
      <c r="B4312" t="s">
        <v>3037</v>
      </c>
      <c r="C4312" t="s">
        <v>151</v>
      </c>
      <c r="D4312" t="s">
        <v>10</v>
      </c>
      <c r="E4312" t="s">
        <v>11</v>
      </c>
      <c r="F4312" s="2">
        <v>1</v>
      </c>
      <c r="G4312" t="s">
        <v>181</v>
      </c>
      <c r="H4312" t="s">
        <v>13</v>
      </c>
    </row>
    <row r="4313" spans="1:8" x14ac:dyDescent="0.25">
      <c r="A4313" s="1">
        <v>44058</v>
      </c>
      <c r="B4313" t="s">
        <v>3039</v>
      </c>
      <c r="C4313" t="s">
        <v>9</v>
      </c>
      <c r="D4313" t="s">
        <v>10</v>
      </c>
      <c r="E4313" t="s">
        <v>11</v>
      </c>
      <c r="F4313" s="2">
        <v>1</v>
      </c>
      <c r="G4313" t="s">
        <v>3040</v>
      </c>
      <c r="H4313" t="s">
        <v>13</v>
      </c>
    </row>
    <row r="4314" spans="1:8" x14ac:dyDescent="0.25">
      <c r="A4314" s="1">
        <v>44057</v>
      </c>
      <c r="B4314" t="s">
        <v>3041</v>
      </c>
      <c r="C4314" t="s">
        <v>52</v>
      </c>
      <c r="D4314" t="s">
        <v>10</v>
      </c>
      <c r="E4314" t="s">
        <v>11</v>
      </c>
      <c r="F4314" s="2">
        <v>1</v>
      </c>
      <c r="G4314" t="s">
        <v>27</v>
      </c>
      <c r="H4314" t="s">
        <v>13</v>
      </c>
    </row>
    <row r="4315" spans="1:8" x14ac:dyDescent="0.25">
      <c r="A4315" s="1">
        <v>44057</v>
      </c>
      <c r="B4315" t="s">
        <v>3041</v>
      </c>
      <c r="C4315" t="s">
        <v>52</v>
      </c>
      <c r="D4315" t="s">
        <v>10</v>
      </c>
      <c r="E4315" t="s">
        <v>11</v>
      </c>
      <c r="F4315" s="2">
        <v>1</v>
      </c>
      <c r="G4315" t="s">
        <v>27</v>
      </c>
      <c r="H4315" t="s">
        <v>13</v>
      </c>
    </row>
    <row r="4316" spans="1:8" x14ac:dyDescent="0.25">
      <c r="A4316" s="1">
        <v>44057</v>
      </c>
      <c r="B4316" t="s">
        <v>3041</v>
      </c>
      <c r="C4316" t="s">
        <v>52</v>
      </c>
      <c r="D4316" t="s">
        <v>10</v>
      </c>
      <c r="E4316" t="s">
        <v>11</v>
      </c>
      <c r="F4316" s="2">
        <v>1</v>
      </c>
      <c r="G4316" t="s">
        <v>27</v>
      </c>
      <c r="H4316" t="s">
        <v>13</v>
      </c>
    </row>
    <row r="4317" spans="1:8" x14ac:dyDescent="0.25">
      <c r="A4317" s="1">
        <v>44057</v>
      </c>
      <c r="B4317" t="s">
        <v>3041</v>
      </c>
      <c r="C4317" t="s">
        <v>16</v>
      </c>
      <c r="D4317" t="s">
        <v>10</v>
      </c>
      <c r="E4317" t="s">
        <v>11</v>
      </c>
      <c r="F4317" s="2">
        <v>1</v>
      </c>
      <c r="G4317" t="s">
        <v>27</v>
      </c>
      <c r="H4317" t="s">
        <v>13</v>
      </c>
    </row>
    <row r="4318" spans="1:8" x14ac:dyDescent="0.25">
      <c r="A4318" s="1">
        <v>44057</v>
      </c>
      <c r="B4318" t="s">
        <v>3041</v>
      </c>
      <c r="C4318" t="s">
        <v>16</v>
      </c>
      <c r="D4318" t="s">
        <v>10</v>
      </c>
      <c r="E4318" t="s">
        <v>11</v>
      </c>
      <c r="F4318" s="2">
        <v>1</v>
      </c>
      <c r="G4318" t="s">
        <v>27</v>
      </c>
      <c r="H4318" t="s">
        <v>13</v>
      </c>
    </row>
    <row r="4319" spans="1:8" x14ac:dyDescent="0.25">
      <c r="A4319" s="1">
        <v>44057</v>
      </c>
      <c r="B4319" t="s">
        <v>3041</v>
      </c>
      <c r="C4319" t="s">
        <v>16</v>
      </c>
      <c r="D4319" t="s">
        <v>10</v>
      </c>
      <c r="E4319" t="s">
        <v>11</v>
      </c>
      <c r="F4319" s="2">
        <v>1</v>
      </c>
      <c r="G4319" t="s">
        <v>27</v>
      </c>
      <c r="H4319" t="s">
        <v>13</v>
      </c>
    </row>
    <row r="4320" spans="1:8" x14ac:dyDescent="0.25">
      <c r="A4320" s="1">
        <v>44057</v>
      </c>
      <c r="B4320" t="s">
        <v>3042</v>
      </c>
      <c r="C4320" t="s">
        <v>3043</v>
      </c>
      <c r="D4320" t="s">
        <v>10</v>
      </c>
      <c r="E4320" t="s">
        <v>11</v>
      </c>
      <c r="F4320" s="2">
        <v>1</v>
      </c>
      <c r="G4320" t="s">
        <v>37</v>
      </c>
      <c r="H4320" t="s">
        <v>13</v>
      </c>
    </row>
    <row r="4321" spans="1:8" x14ac:dyDescent="0.25">
      <c r="A4321" s="1">
        <v>44056</v>
      </c>
      <c r="B4321" t="s">
        <v>3044</v>
      </c>
      <c r="C4321" t="s">
        <v>79</v>
      </c>
      <c r="D4321" t="s">
        <v>10</v>
      </c>
      <c r="E4321" t="s">
        <v>11</v>
      </c>
      <c r="F4321" s="2">
        <v>1</v>
      </c>
      <c r="G4321" t="s">
        <v>205</v>
      </c>
      <c r="H4321" t="s">
        <v>13</v>
      </c>
    </row>
    <row r="4322" spans="1:8" x14ac:dyDescent="0.25">
      <c r="A4322" s="1">
        <v>44056</v>
      </c>
      <c r="B4322" t="s">
        <v>3044</v>
      </c>
      <c r="C4322" t="s">
        <v>80</v>
      </c>
      <c r="D4322" t="s">
        <v>10</v>
      </c>
      <c r="E4322" t="s">
        <v>11</v>
      </c>
      <c r="F4322" s="2">
        <v>1</v>
      </c>
      <c r="G4322" t="s">
        <v>205</v>
      </c>
      <c r="H4322" t="s">
        <v>13</v>
      </c>
    </row>
    <row r="4323" spans="1:8" x14ac:dyDescent="0.25">
      <c r="A4323" s="1">
        <v>44055</v>
      </c>
      <c r="B4323" t="s">
        <v>3045</v>
      </c>
      <c r="C4323" t="s">
        <v>9</v>
      </c>
      <c r="D4323" t="s">
        <v>10</v>
      </c>
      <c r="E4323" t="s">
        <v>11</v>
      </c>
      <c r="F4323" s="2">
        <v>1</v>
      </c>
      <c r="G4323" t="s">
        <v>197</v>
      </c>
      <c r="H4323" t="s">
        <v>13</v>
      </c>
    </row>
    <row r="4324" spans="1:8" x14ac:dyDescent="0.25">
      <c r="A4324" s="1">
        <v>44054</v>
      </c>
      <c r="B4324" t="s">
        <v>3046</v>
      </c>
      <c r="C4324" t="s">
        <v>9</v>
      </c>
      <c r="D4324" t="s">
        <v>10</v>
      </c>
      <c r="E4324" t="s">
        <v>11</v>
      </c>
      <c r="F4324" s="2">
        <v>1</v>
      </c>
      <c r="G4324" t="s">
        <v>37</v>
      </c>
      <c r="H4324" t="s">
        <v>13</v>
      </c>
    </row>
    <row r="4325" spans="1:8" x14ac:dyDescent="0.25">
      <c r="A4325" s="1">
        <v>44053</v>
      </c>
      <c r="B4325" t="s">
        <v>3047</v>
      </c>
      <c r="C4325" t="s">
        <v>79</v>
      </c>
      <c r="D4325" t="s">
        <v>10</v>
      </c>
      <c r="E4325" t="s">
        <v>11</v>
      </c>
      <c r="F4325" s="2">
        <v>1</v>
      </c>
      <c r="G4325" t="s">
        <v>2550</v>
      </c>
      <c r="H4325" t="s">
        <v>13</v>
      </c>
    </row>
    <row r="4326" spans="1:8" x14ac:dyDescent="0.25">
      <c r="A4326" s="1">
        <v>44052</v>
      </c>
      <c r="B4326" t="s">
        <v>3048</v>
      </c>
      <c r="C4326" t="s">
        <v>47</v>
      </c>
      <c r="D4326" t="s">
        <v>10</v>
      </c>
      <c r="E4326" t="s">
        <v>11</v>
      </c>
      <c r="F4326" s="2">
        <v>1</v>
      </c>
      <c r="G4326" t="s">
        <v>63</v>
      </c>
      <c r="H4326" t="s">
        <v>13</v>
      </c>
    </row>
    <row r="4327" spans="1:8" x14ac:dyDescent="0.25">
      <c r="A4327" s="1">
        <v>44051</v>
      </c>
      <c r="B4327" t="s">
        <v>3049</v>
      </c>
      <c r="C4327" t="s">
        <v>689</v>
      </c>
      <c r="D4327" t="s">
        <v>10</v>
      </c>
      <c r="E4327" t="s">
        <v>11</v>
      </c>
      <c r="F4327" s="2">
        <v>1</v>
      </c>
      <c r="G4327" t="s">
        <v>46</v>
      </c>
      <c r="H4327" t="s">
        <v>13</v>
      </c>
    </row>
    <row r="4328" spans="1:8" x14ac:dyDescent="0.25">
      <c r="A4328" s="1">
        <v>44051</v>
      </c>
      <c r="B4328" t="s">
        <v>3049</v>
      </c>
      <c r="C4328" t="s">
        <v>16</v>
      </c>
      <c r="D4328" t="s">
        <v>10</v>
      </c>
      <c r="E4328" t="s">
        <v>11</v>
      </c>
      <c r="F4328" s="2">
        <v>1</v>
      </c>
      <c r="G4328" t="s">
        <v>46</v>
      </c>
      <c r="H4328" t="s">
        <v>13</v>
      </c>
    </row>
    <row r="4329" spans="1:8" x14ac:dyDescent="0.25">
      <c r="A4329" s="1">
        <v>44050</v>
      </c>
      <c r="B4329" t="s">
        <v>3050</v>
      </c>
      <c r="C4329" t="s">
        <v>9</v>
      </c>
      <c r="D4329" t="s">
        <v>10</v>
      </c>
      <c r="E4329" t="s">
        <v>11</v>
      </c>
      <c r="F4329" s="2">
        <v>1</v>
      </c>
      <c r="G4329" t="s">
        <v>100</v>
      </c>
      <c r="H4329" t="s">
        <v>13</v>
      </c>
    </row>
    <row r="4330" spans="1:8" x14ac:dyDescent="0.25">
      <c r="A4330" s="1">
        <v>44050</v>
      </c>
      <c r="B4330" t="s">
        <v>3050</v>
      </c>
      <c r="C4330" t="s">
        <v>92</v>
      </c>
      <c r="D4330" t="s">
        <v>10</v>
      </c>
      <c r="E4330" t="s">
        <v>11</v>
      </c>
      <c r="F4330" s="2">
        <v>1</v>
      </c>
      <c r="G4330" t="s">
        <v>100</v>
      </c>
      <c r="H4330" t="s">
        <v>13</v>
      </c>
    </row>
    <row r="4331" spans="1:8" x14ac:dyDescent="0.25">
      <c r="A4331" s="1">
        <v>44050</v>
      </c>
      <c r="B4331" t="s">
        <v>3050</v>
      </c>
      <c r="C4331" t="s">
        <v>974</v>
      </c>
      <c r="D4331" t="s">
        <v>10</v>
      </c>
      <c r="E4331" t="s">
        <v>11</v>
      </c>
      <c r="F4331" s="2">
        <v>1</v>
      </c>
      <c r="G4331" t="s">
        <v>100</v>
      </c>
      <c r="H4331" t="s">
        <v>13</v>
      </c>
    </row>
    <row r="4332" spans="1:8" x14ac:dyDescent="0.25">
      <c r="A4332" s="1">
        <v>44050</v>
      </c>
      <c r="B4332" t="s">
        <v>3051</v>
      </c>
      <c r="C4332" t="s">
        <v>9</v>
      </c>
      <c r="D4332" t="s">
        <v>10</v>
      </c>
      <c r="E4332" t="s">
        <v>11</v>
      </c>
      <c r="F4332" s="2">
        <v>1</v>
      </c>
      <c r="G4332" t="s">
        <v>20</v>
      </c>
      <c r="H4332" t="s">
        <v>13</v>
      </c>
    </row>
    <row r="4333" spans="1:8" x14ac:dyDescent="0.25">
      <c r="A4333" s="1">
        <v>44050</v>
      </c>
      <c r="B4333" t="s">
        <v>3051</v>
      </c>
      <c r="C4333" t="s">
        <v>35</v>
      </c>
      <c r="D4333" t="s">
        <v>10</v>
      </c>
      <c r="E4333" t="s">
        <v>11</v>
      </c>
      <c r="F4333" s="2">
        <v>1</v>
      </c>
      <c r="G4333" t="s">
        <v>20</v>
      </c>
      <c r="H4333" t="s">
        <v>13</v>
      </c>
    </row>
    <row r="4334" spans="1:8" x14ac:dyDescent="0.25">
      <c r="A4334" s="1">
        <v>44050</v>
      </c>
      <c r="B4334" t="s">
        <v>3051</v>
      </c>
      <c r="C4334" t="s">
        <v>1883</v>
      </c>
      <c r="D4334" t="s">
        <v>10</v>
      </c>
      <c r="E4334" t="s">
        <v>11</v>
      </c>
      <c r="F4334" s="2">
        <v>1</v>
      </c>
      <c r="G4334" t="s">
        <v>20</v>
      </c>
      <c r="H4334" t="s">
        <v>13</v>
      </c>
    </row>
    <row r="4335" spans="1:8" x14ac:dyDescent="0.25">
      <c r="A4335" s="1">
        <v>44048</v>
      </c>
      <c r="B4335" t="s">
        <v>3052</v>
      </c>
      <c r="C4335" t="s">
        <v>9</v>
      </c>
      <c r="D4335" t="s">
        <v>10</v>
      </c>
      <c r="E4335" t="s">
        <v>11</v>
      </c>
      <c r="F4335" s="2">
        <v>1</v>
      </c>
      <c r="G4335" t="s">
        <v>462</v>
      </c>
      <c r="H4335" t="s">
        <v>13</v>
      </c>
    </row>
    <row r="4336" spans="1:8" x14ac:dyDescent="0.25">
      <c r="A4336" s="1">
        <v>44048</v>
      </c>
      <c r="B4336" t="s">
        <v>3053</v>
      </c>
      <c r="C4336" t="s">
        <v>142</v>
      </c>
      <c r="D4336" t="s">
        <v>10</v>
      </c>
      <c r="E4336" t="s">
        <v>11</v>
      </c>
      <c r="F4336" s="2">
        <v>1</v>
      </c>
      <c r="G4336" t="s">
        <v>242</v>
      </c>
      <c r="H4336" t="s">
        <v>13</v>
      </c>
    </row>
    <row r="4337" spans="1:8" x14ac:dyDescent="0.25">
      <c r="A4337" s="1">
        <v>44048</v>
      </c>
      <c r="B4337" t="s">
        <v>3053</v>
      </c>
      <c r="C4337" t="s">
        <v>379</v>
      </c>
      <c r="D4337" t="s">
        <v>10</v>
      </c>
      <c r="E4337" t="s">
        <v>11</v>
      </c>
      <c r="F4337" s="2">
        <v>1</v>
      </c>
      <c r="G4337" t="s">
        <v>242</v>
      </c>
      <c r="H4337" t="s">
        <v>13</v>
      </c>
    </row>
    <row r="4338" spans="1:8" x14ac:dyDescent="0.25">
      <c r="A4338" s="1">
        <v>44048</v>
      </c>
      <c r="B4338" t="s">
        <v>3053</v>
      </c>
      <c r="C4338" t="s">
        <v>282</v>
      </c>
      <c r="D4338" t="s">
        <v>10</v>
      </c>
      <c r="E4338" t="s">
        <v>11</v>
      </c>
      <c r="F4338" s="2">
        <v>1</v>
      </c>
      <c r="G4338" t="s">
        <v>242</v>
      </c>
      <c r="H4338" t="s">
        <v>13</v>
      </c>
    </row>
    <row r="4339" spans="1:8" x14ac:dyDescent="0.25">
      <c r="A4339" s="1">
        <v>44048</v>
      </c>
      <c r="B4339" t="s">
        <v>3053</v>
      </c>
      <c r="C4339" t="s">
        <v>151</v>
      </c>
      <c r="D4339" t="s">
        <v>10</v>
      </c>
      <c r="E4339" t="s">
        <v>11</v>
      </c>
      <c r="F4339" s="2">
        <v>1</v>
      </c>
      <c r="G4339" t="s">
        <v>242</v>
      </c>
      <c r="H4339" t="s">
        <v>13</v>
      </c>
    </row>
    <row r="4340" spans="1:8" x14ac:dyDescent="0.25">
      <c r="A4340" s="1">
        <v>44046</v>
      </c>
      <c r="B4340" t="s">
        <v>3054</v>
      </c>
      <c r="C4340" t="s">
        <v>222</v>
      </c>
      <c r="D4340" t="s">
        <v>10</v>
      </c>
      <c r="E4340" t="s">
        <v>11</v>
      </c>
      <c r="F4340" s="2">
        <v>1</v>
      </c>
      <c r="G4340" t="s">
        <v>1544</v>
      </c>
      <c r="H4340" t="s">
        <v>13</v>
      </c>
    </row>
    <row r="4341" spans="1:8" x14ac:dyDescent="0.25">
      <c r="A4341" s="1">
        <v>44046</v>
      </c>
      <c r="B4341" t="s">
        <v>3055</v>
      </c>
      <c r="C4341" t="s">
        <v>9</v>
      </c>
      <c r="D4341" t="s">
        <v>10</v>
      </c>
      <c r="E4341" t="s">
        <v>11</v>
      </c>
      <c r="F4341" s="2">
        <v>1</v>
      </c>
      <c r="G4341" t="s">
        <v>20</v>
      </c>
      <c r="H4341" t="s">
        <v>13</v>
      </c>
    </row>
    <row r="4342" spans="1:8" x14ac:dyDescent="0.25">
      <c r="A4342" s="1">
        <v>44046</v>
      </c>
      <c r="B4342" t="s">
        <v>3055</v>
      </c>
      <c r="C4342" t="s">
        <v>9</v>
      </c>
      <c r="D4342" t="s">
        <v>10</v>
      </c>
      <c r="E4342" t="s">
        <v>11</v>
      </c>
      <c r="F4342" s="2">
        <v>1</v>
      </c>
      <c r="G4342" t="s">
        <v>20</v>
      </c>
      <c r="H4342" t="s">
        <v>13</v>
      </c>
    </row>
    <row r="4343" spans="1:8" x14ac:dyDescent="0.25">
      <c r="A4343" s="1">
        <v>44046</v>
      </c>
      <c r="B4343" t="s">
        <v>3055</v>
      </c>
      <c r="C4343" t="s">
        <v>35</v>
      </c>
      <c r="D4343" t="s">
        <v>10</v>
      </c>
      <c r="E4343" t="s">
        <v>11</v>
      </c>
      <c r="F4343" s="2">
        <v>1</v>
      </c>
      <c r="G4343" t="s">
        <v>20</v>
      </c>
      <c r="H4343" t="s">
        <v>13</v>
      </c>
    </row>
    <row r="4344" spans="1:8" x14ac:dyDescent="0.25">
      <c r="A4344" s="1">
        <v>44046</v>
      </c>
      <c r="B4344" t="s">
        <v>3055</v>
      </c>
      <c r="C4344" t="s">
        <v>35</v>
      </c>
      <c r="D4344" t="s">
        <v>10</v>
      </c>
      <c r="E4344" t="s">
        <v>11</v>
      </c>
      <c r="F4344" s="2">
        <v>1</v>
      </c>
      <c r="G4344" t="s">
        <v>20</v>
      </c>
      <c r="H4344" t="s">
        <v>13</v>
      </c>
    </row>
    <row r="4345" spans="1:8" x14ac:dyDescent="0.25">
      <c r="A4345" s="1">
        <v>44046</v>
      </c>
      <c r="B4345" t="s">
        <v>3056</v>
      </c>
      <c r="C4345" t="s">
        <v>47</v>
      </c>
      <c r="D4345" t="s">
        <v>10</v>
      </c>
      <c r="E4345" t="s">
        <v>11</v>
      </c>
      <c r="F4345" s="2">
        <v>1</v>
      </c>
      <c r="G4345" t="s">
        <v>37</v>
      </c>
      <c r="H4345" t="s">
        <v>13</v>
      </c>
    </row>
    <row r="4346" spans="1:8" x14ac:dyDescent="0.25">
      <c r="A4346" s="1">
        <v>44046</v>
      </c>
      <c r="B4346" t="s">
        <v>3056</v>
      </c>
      <c r="C4346" t="s">
        <v>14</v>
      </c>
      <c r="D4346" t="s">
        <v>10</v>
      </c>
      <c r="E4346" t="s">
        <v>11</v>
      </c>
      <c r="F4346" s="2">
        <v>1</v>
      </c>
      <c r="G4346" t="s">
        <v>37</v>
      </c>
      <c r="H4346" t="s">
        <v>13</v>
      </c>
    </row>
    <row r="4347" spans="1:8" x14ac:dyDescent="0.25">
      <c r="A4347" s="1">
        <v>44045</v>
      </c>
      <c r="B4347" t="s">
        <v>3057</v>
      </c>
      <c r="C4347" t="s">
        <v>79</v>
      </c>
      <c r="D4347" t="s">
        <v>10</v>
      </c>
      <c r="E4347" t="s">
        <v>11</v>
      </c>
      <c r="F4347" s="2">
        <v>1</v>
      </c>
      <c r="G4347" t="s">
        <v>20</v>
      </c>
      <c r="H4347" t="s">
        <v>13</v>
      </c>
    </row>
    <row r="4348" spans="1:8" x14ac:dyDescent="0.25">
      <c r="A4348" s="1">
        <v>44044</v>
      </c>
      <c r="B4348" t="s">
        <v>3058</v>
      </c>
      <c r="C4348" t="s">
        <v>79</v>
      </c>
      <c r="D4348" t="s">
        <v>10</v>
      </c>
      <c r="E4348" t="s">
        <v>11</v>
      </c>
      <c r="F4348" s="2">
        <v>1</v>
      </c>
      <c r="G4348" t="s">
        <v>172</v>
      </c>
      <c r="H4348" t="s">
        <v>13</v>
      </c>
    </row>
    <row r="4349" spans="1:8" x14ac:dyDescent="0.25">
      <c r="A4349" s="1">
        <v>44044</v>
      </c>
      <c r="B4349" t="s">
        <v>3058</v>
      </c>
      <c r="C4349" t="s">
        <v>416</v>
      </c>
      <c r="D4349" t="s">
        <v>10</v>
      </c>
      <c r="E4349" t="s">
        <v>11</v>
      </c>
      <c r="F4349" s="2">
        <v>1</v>
      </c>
      <c r="G4349" t="s">
        <v>172</v>
      </c>
      <c r="H4349" t="s">
        <v>13</v>
      </c>
    </row>
    <row r="4350" spans="1:8" x14ac:dyDescent="0.25">
      <c r="A4350" s="1">
        <v>44044</v>
      </c>
      <c r="B4350" t="s">
        <v>3059</v>
      </c>
      <c r="C4350" t="s">
        <v>47</v>
      </c>
      <c r="D4350" t="s">
        <v>10</v>
      </c>
      <c r="E4350" t="s">
        <v>11</v>
      </c>
      <c r="F4350" s="2">
        <v>1</v>
      </c>
      <c r="G4350" t="s">
        <v>3060</v>
      </c>
      <c r="H4350" t="s">
        <v>13</v>
      </c>
    </row>
    <row r="4351" spans="1:8" x14ac:dyDescent="0.25">
      <c r="A4351" s="1">
        <v>44044</v>
      </c>
      <c r="B4351" t="s">
        <v>3059</v>
      </c>
      <c r="C4351" t="s">
        <v>47</v>
      </c>
      <c r="D4351" t="s">
        <v>10</v>
      </c>
      <c r="E4351" t="s">
        <v>11</v>
      </c>
      <c r="F4351" s="2">
        <v>1</v>
      </c>
      <c r="G4351" t="s">
        <v>3060</v>
      </c>
      <c r="H4351" t="s">
        <v>13</v>
      </c>
    </row>
    <row r="4352" spans="1:8" x14ac:dyDescent="0.25">
      <c r="A4352" s="1">
        <v>44044</v>
      </c>
      <c r="B4352" t="s">
        <v>3061</v>
      </c>
      <c r="C4352" t="s">
        <v>9</v>
      </c>
      <c r="D4352" t="s">
        <v>10</v>
      </c>
      <c r="E4352" t="s">
        <v>11</v>
      </c>
      <c r="F4352" s="2">
        <v>1</v>
      </c>
      <c r="G4352" t="s">
        <v>31</v>
      </c>
      <c r="H4352" t="s">
        <v>13</v>
      </c>
    </row>
    <row r="4353" spans="1:8" x14ac:dyDescent="0.25">
      <c r="A4353" s="1">
        <v>44043</v>
      </c>
      <c r="B4353" t="s">
        <v>3062</v>
      </c>
      <c r="C4353" t="s">
        <v>14</v>
      </c>
      <c r="D4353" t="s">
        <v>10</v>
      </c>
      <c r="E4353" t="s">
        <v>11</v>
      </c>
      <c r="F4353" s="2">
        <v>1</v>
      </c>
      <c r="G4353" t="s">
        <v>468</v>
      </c>
      <c r="H4353" t="s">
        <v>13</v>
      </c>
    </row>
    <row r="4354" spans="1:8" x14ac:dyDescent="0.25">
      <c r="A4354" s="1">
        <v>44042</v>
      </c>
      <c r="B4354" t="s">
        <v>3063</v>
      </c>
      <c r="C4354" t="s">
        <v>563</v>
      </c>
      <c r="D4354" t="s">
        <v>10</v>
      </c>
      <c r="E4354" t="s">
        <v>11</v>
      </c>
      <c r="F4354" s="2">
        <v>1</v>
      </c>
      <c r="G4354" t="s">
        <v>205</v>
      </c>
      <c r="H4354" t="s">
        <v>13</v>
      </c>
    </row>
    <row r="4355" spans="1:8" x14ac:dyDescent="0.25">
      <c r="A4355" s="1">
        <v>44042</v>
      </c>
      <c r="B4355" t="s">
        <v>3064</v>
      </c>
      <c r="C4355" t="s">
        <v>249</v>
      </c>
      <c r="D4355" t="s">
        <v>10</v>
      </c>
      <c r="E4355" t="s">
        <v>11</v>
      </c>
      <c r="F4355" s="2">
        <v>1</v>
      </c>
      <c r="G4355" t="s">
        <v>374</v>
      </c>
      <c r="H4355" t="s">
        <v>13</v>
      </c>
    </row>
    <row r="4356" spans="1:8" x14ac:dyDescent="0.25">
      <c r="A4356" s="1">
        <v>44035</v>
      </c>
      <c r="B4356" t="s">
        <v>3065</v>
      </c>
      <c r="C4356" t="s">
        <v>9</v>
      </c>
      <c r="D4356" t="s">
        <v>10</v>
      </c>
      <c r="E4356" t="s">
        <v>11</v>
      </c>
      <c r="F4356" s="2">
        <v>1</v>
      </c>
      <c r="G4356" t="s">
        <v>181</v>
      </c>
      <c r="H4356" t="s">
        <v>13</v>
      </c>
    </row>
    <row r="4357" spans="1:8" x14ac:dyDescent="0.25">
      <c r="A4357" s="1">
        <v>44035</v>
      </c>
      <c r="B4357" t="s">
        <v>3066</v>
      </c>
      <c r="C4357" t="s">
        <v>9</v>
      </c>
      <c r="D4357" t="s">
        <v>10</v>
      </c>
      <c r="E4357" t="s">
        <v>11</v>
      </c>
      <c r="F4357" s="2">
        <v>1</v>
      </c>
      <c r="G4357" t="s">
        <v>37</v>
      </c>
      <c r="H4357" t="s">
        <v>13</v>
      </c>
    </row>
    <row r="4358" spans="1:8" x14ac:dyDescent="0.25">
      <c r="A4358" s="1">
        <v>44035</v>
      </c>
      <c r="B4358" t="s">
        <v>3066</v>
      </c>
      <c r="C4358" t="s">
        <v>29</v>
      </c>
      <c r="D4358" t="s">
        <v>10</v>
      </c>
      <c r="E4358" t="s">
        <v>11</v>
      </c>
      <c r="F4358" s="2">
        <v>1</v>
      </c>
      <c r="G4358" t="s">
        <v>37</v>
      </c>
      <c r="H4358" t="s">
        <v>13</v>
      </c>
    </row>
    <row r="4359" spans="1:8" x14ac:dyDescent="0.25">
      <c r="A4359" s="1">
        <v>44035</v>
      </c>
      <c r="B4359" t="s">
        <v>3066</v>
      </c>
      <c r="C4359" t="s">
        <v>35</v>
      </c>
      <c r="D4359" t="s">
        <v>10</v>
      </c>
      <c r="E4359" t="s">
        <v>11</v>
      </c>
      <c r="F4359" s="2">
        <v>1</v>
      </c>
      <c r="G4359" t="s">
        <v>37</v>
      </c>
      <c r="H4359" t="s">
        <v>13</v>
      </c>
    </row>
    <row r="4360" spans="1:8" x14ac:dyDescent="0.25">
      <c r="A4360" s="1">
        <v>44034</v>
      </c>
      <c r="B4360" t="s">
        <v>3067</v>
      </c>
      <c r="C4360" t="s">
        <v>79</v>
      </c>
      <c r="D4360" t="s">
        <v>10</v>
      </c>
      <c r="E4360" t="s">
        <v>11</v>
      </c>
      <c r="F4360" s="2">
        <v>1</v>
      </c>
      <c r="G4360" t="s">
        <v>20</v>
      </c>
      <c r="H4360" t="s">
        <v>13</v>
      </c>
    </row>
    <row r="4361" spans="1:8" x14ac:dyDescent="0.25">
      <c r="A4361" s="1">
        <v>44034</v>
      </c>
      <c r="B4361" t="s">
        <v>3067</v>
      </c>
      <c r="C4361" t="s">
        <v>80</v>
      </c>
      <c r="D4361" t="s">
        <v>10</v>
      </c>
      <c r="E4361" t="s">
        <v>11</v>
      </c>
      <c r="F4361" s="2">
        <v>1</v>
      </c>
      <c r="G4361" t="s">
        <v>20</v>
      </c>
      <c r="H4361" t="s">
        <v>13</v>
      </c>
    </row>
    <row r="4362" spans="1:8" x14ac:dyDescent="0.25">
      <c r="A4362" s="1">
        <v>44033</v>
      </c>
      <c r="B4362" t="s">
        <v>3068</v>
      </c>
      <c r="C4362" t="s">
        <v>118</v>
      </c>
      <c r="D4362" t="s">
        <v>10</v>
      </c>
      <c r="E4362" t="s">
        <v>11</v>
      </c>
      <c r="F4362" s="2">
        <v>1</v>
      </c>
      <c r="G4362" t="s">
        <v>72</v>
      </c>
      <c r="H4362" t="s">
        <v>13</v>
      </c>
    </row>
    <row r="4363" spans="1:8" x14ac:dyDescent="0.25">
      <c r="A4363" s="1">
        <v>44033</v>
      </c>
      <c r="B4363" t="s">
        <v>3068</v>
      </c>
      <c r="C4363" t="s">
        <v>118</v>
      </c>
      <c r="D4363" t="s">
        <v>10</v>
      </c>
      <c r="E4363" t="s">
        <v>11</v>
      </c>
      <c r="F4363" s="2">
        <v>1</v>
      </c>
      <c r="G4363" t="s">
        <v>72</v>
      </c>
      <c r="H4363" t="s">
        <v>13</v>
      </c>
    </row>
    <row r="4364" spans="1:8" x14ac:dyDescent="0.25">
      <c r="A4364" s="1">
        <v>44033</v>
      </c>
      <c r="B4364" t="s">
        <v>3068</v>
      </c>
      <c r="C4364" t="s">
        <v>689</v>
      </c>
      <c r="D4364" t="s">
        <v>10</v>
      </c>
      <c r="E4364" t="s">
        <v>11</v>
      </c>
      <c r="F4364" s="2">
        <v>1</v>
      </c>
      <c r="G4364" t="s">
        <v>72</v>
      </c>
      <c r="H4364" t="s">
        <v>13</v>
      </c>
    </row>
    <row r="4365" spans="1:8" x14ac:dyDescent="0.25">
      <c r="A4365" s="1">
        <v>44033</v>
      </c>
      <c r="B4365" t="s">
        <v>3068</v>
      </c>
      <c r="C4365" t="s">
        <v>689</v>
      </c>
      <c r="D4365" t="s">
        <v>10</v>
      </c>
      <c r="E4365" t="s">
        <v>11</v>
      </c>
      <c r="F4365" s="2">
        <v>1</v>
      </c>
      <c r="G4365" t="s">
        <v>72</v>
      </c>
      <c r="H4365" t="s">
        <v>13</v>
      </c>
    </row>
    <row r="4366" spans="1:8" x14ac:dyDescent="0.25">
      <c r="A4366" s="1">
        <v>44033</v>
      </c>
      <c r="B4366" t="s">
        <v>3069</v>
      </c>
      <c r="C4366" t="s">
        <v>28</v>
      </c>
      <c r="D4366" t="s">
        <v>10</v>
      </c>
      <c r="E4366" t="s">
        <v>11</v>
      </c>
      <c r="F4366" s="2">
        <v>1</v>
      </c>
      <c r="G4366" t="s">
        <v>1146</v>
      </c>
      <c r="H4366" t="s">
        <v>13</v>
      </c>
    </row>
    <row r="4367" spans="1:8" x14ac:dyDescent="0.25">
      <c r="A4367" s="1">
        <v>44033</v>
      </c>
      <c r="B4367" t="s">
        <v>3069</v>
      </c>
      <c r="C4367" t="s">
        <v>28</v>
      </c>
      <c r="D4367" t="s">
        <v>10</v>
      </c>
      <c r="E4367" t="s">
        <v>11</v>
      </c>
      <c r="F4367" s="2">
        <v>1</v>
      </c>
      <c r="G4367" t="s">
        <v>1146</v>
      </c>
      <c r="H4367" t="s">
        <v>13</v>
      </c>
    </row>
    <row r="4368" spans="1:8" x14ac:dyDescent="0.25">
      <c r="A4368" s="1">
        <v>44033</v>
      </c>
      <c r="B4368" t="s">
        <v>3069</v>
      </c>
      <c r="C4368" t="s">
        <v>29</v>
      </c>
      <c r="D4368" t="s">
        <v>10</v>
      </c>
      <c r="E4368" t="s">
        <v>11</v>
      </c>
      <c r="F4368" s="2">
        <v>1</v>
      </c>
      <c r="G4368" t="s">
        <v>1146</v>
      </c>
      <c r="H4368" t="s">
        <v>13</v>
      </c>
    </row>
    <row r="4369" spans="1:8" x14ac:dyDescent="0.25">
      <c r="A4369" s="1">
        <v>44033</v>
      </c>
      <c r="B4369" t="s">
        <v>3069</v>
      </c>
      <c r="C4369" t="s">
        <v>29</v>
      </c>
      <c r="D4369" t="s">
        <v>10</v>
      </c>
      <c r="E4369" t="s">
        <v>11</v>
      </c>
      <c r="F4369" s="2">
        <v>1</v>
      </c>
      <c r="G4369" t="s">
        <v>1146</v>
      </c>
      <c r="H4369" t="s">
        <v>13</v>
      </c>
    </row>
    <row r="4370" spans="1:8" x14ac:dyDescent="0.25">
      <c r="A4370" s="1">
        <v>44033</v>
      </c>
      <c r="B4370" t="s">
        <v>3070</v>
      </c>
      <c r="C4370" t="s">
        <v>35</v>
      </c>
      <c r="D4370" t="s">
        <v>10</v>
      </c>
      <c r="E4370" t="s">
        <v>11</v>
      </c>
      <c r="F4370" s="2">
        <v>1</v>
      </c>
      <c r="G4370" t="s">
        <v>53</v>
      </c>
      <c r="H4370" t="s">
        <v>13</v>
      </c>
    </row>
    <row r="4371" spans="1:8" x14ac:dyDescent="0.25">
      <c r="A4371" s="1">
        <v>44033</v>
      </c>
      <c r="B4371" t="s">
        <v>3071</v>
      </c>
      <c r="C4371" t="s">
        <v>29</v>
      </c>
      <c r="D4371" t="s">
        <v>10</v>
      </c>
      <c r="E4371" t="s">
        <v>11</v>
      </c>
      <c r="F4371" s="2">
        <v>1</v>
      </c>
      <c r="G4371" t="s">
        <v>1146</v>
      </c>
      <c r="H4371" t="s">
        <v>13</v>
      </c>
    </row>
    <row r="4372" spans="1:8" x14ac:dyDescent="0.25">
      <c r="A4372" s="1">
        <v>44033</v>
      </c>
      <c r="B4372" t="s">
        <v>3071</v>
      </c>
      <c r="C4372" t="s">
        <v>35</v>
      </c>
      <c r="D4372" t="s">
        <v>10</v>
      </c>
      <c r="E4372" t="s">
        <v>11</v>
      </c>
      <c r="F4372" s="2">
        <v>1</v>
      </c>
      <c r="G4372" t="s">
        <v>1146</v>
      </c>
      <c r="H4372" t="s">
        <v>13</v>
      </c>
    </row>
    <row r="4373" spans="1:8" x14ac:dyDescent="0.25">
      <c r="A4373" s="1">
        <v>44030</v>
      </c>
      <c r="B4373" t="s">
        <v>3072</v>
      </c>
      <c r="C4373" t="s">
        <v>222</v>
      </c>
      <c r="D4373" t="s">
        <v>10</v>
      </c>
      <c r="E4373" t="s">
        <v>11</v>
      </c>
      <c r="F4373" s="2">
        <v>1</v>
      </c>
      <c r="G4373" t="s">
        <v>1223</v>
      </c>
      <c r="H4373" t="s">
        <v>13</v>
      </c>
    </row>
    <row r="4374" spans="1:8" x14ac:dyDescent="0.25">
      <c r="A4374" s="1">
        <v>44030</v>
      </c>
      <c r="B4374" t="s">
        <v>3073</v>
      </c>
      <c r="C4374" t="s">
        <v>19</v>
      </c>
      <c r="D4374" t="s">
        <v>10</v>
      </c>
      <c r="E4374" t="s">
        <v>11</v>
      </c>
      <c r="F4374" s="2">
        <v>1</v>
      </c>
      <c r="G4374" t="s">
        <v>72</v>
      </c>
      <c r="H4374" t="s">
        <v>13</v>
      </c>
    </row>
    <row r="4375" spans="1:8" x14ac:dyDescent="0.25">
      <c r="A4375" s="1">
        <v>44029</v>
      </c>
      <c r="B4375" t="s">
        <v>3074</v>
      </c>
      <c r="C4375" t="s">
        <v>413</v>
      </c>
      <c r="D4375" t="s">
        <v>10</v>
      </c>
      <c r="E4375" t="s">
        <v>11</v>
      </c>
      <c r="F4375" s="2">
        <v>1</v>
      </c>
      <c r="G4375" t="s">
        <v>20</v>
      </c>
      <c r="H4375" t="s">
        <v>13</v>
      </c>
    </row>
    <row r="4376" spans="1:8" x14ac:dyDescent="0.25">
      <c r="A4376" s="1">
        <v>44027</v>
      </c>
      <c r="B4376" t="s">
        <v>3075</v>
      </c>
      <c r="C4376" t="s">
        <v>174</v>
      </c>
      <c r="D4376" t="s">
        <v>10</v>
      </c>
      <c r="E4376" t="s">
        <v>11</v>
      </c>
      <c r="F4376" s="2">
        <v>1</v>
      </c>
      <c r="G4376" t="s">
        <v>910</v>
      </c>
      <c r="H4376" t="s">
        <v>13</v>
      </c>
    </row>
    <row r="4377" spans="1:8" x14ac:dyDescent="0.25">
      <c r="A4377" s="1">
        <v>44027</v>
      </c>
      <c r="B4377" t="s">
        <v>3076</v>
      </c>
      <c r="C4377" t="s">
        <v>47</v>
      </c>
      <c r="D4377" t="s">
        <v>10</v>
      </c>
      <c r="E4377" t="s">
        <v>11</v>
      </c>
      <c r="F4377" s="2">
        <v>1</v>
      </c>
      <c r="G4377" t="s">
        <v>1544</v>
      </c>
      <c r="H4377" t="s">
        <v>13</v>
      </c>
    </row>
    <row r="4378" spans="1:8" x14ac:dyDescent="0.25">
      <c r="A4378" s="1">
        <v>44027</v>
      </c>
      <c r="B4378" t="s">
        <v>3077</v>
      </c>
      <c r="C4378" t="s">
        <v>9</v>
      </c>
      <c r="D4378" t="s">
        <v>10</v>
      </c>
      <c r="E4378" t="s">
        <v>11</v>
      </c>
      <c r="F4378" s="2">
        <v>1</v>
      </c>
      <c r="G4378" t="s">
        <v>527</v>
      </c>
      <c r="H4378" t="s">
        <v>13</v>
      </c>
    </row>
    <row r="4379" spans="1:8" x14ac:dyDescent="0.25">
      <c r="A4379" s="1">
        <v>44027</v>
      </c>
      <c r="B4379" t="s">
        <v>3078</v>
      </c>
      <c r="C4379" t="s">
        <v>222</v>
      </c>
      <c r="D4379" t="s">
        <v>10</v>
      </c>
      <c r="E4379" t="s">
        <v>11</v>
      </c>
      <c r="F4379" s="2">
        <v>1</v>
      </c>
      <c r="G4379" t="s">
        <v>1223</v>
      </c>
      <c r="H4379" t="s">
        <v>13</v>
      </c>
    </row>
    <row r="4380" spans="1:8" x14ac:dyDescent="0.25">
      <c r="A4380" s="1">
        <v>44027</v>
      </c>
      <c r="B4380" t="s">
        <v>3079</v>
      </c>
      <c r="C4380" t="s">
        <v>9</v>
      </c>
      <c r="D4380" t="s">
        <v>10</v>
      </c>
      <c r="E4380" t="s">
        <v>11</v>
      </c>
      <c r="F4380" s="2">
        <v>1</v>
      </c>
      <c r="G4380" t="s">
        <v>1085</v>
      </c>
      <c r="H4380" t="s">
        <v>13</v>
      </c>
    </row>
    <row r="4381" spans="1:8" x14ac:dyDescent="0.25">
      <c r="A4381" s="1">
        <v>44027</v>
      </c>
      <c r="B4381" t="s">
        <v>3080</v>
      </c>
      <c r="C4381" t="s">
        <v>9</v>
      </c>
      <c r="D4381" t="s">
        <v>10</v>
      </c>
      <c r="E4381" t="s">
        <v>11</v>
      </c>
      <c r="F4381" s="2">
        <v>1</v>
      </c>
      <c r="G4381" t="s">
        <v>100</v>
      </c>
      <c r="H4381" t="s">
        <v>13</v>
      </c>
    </row>
    <row r="4382" spans="1:8" x14ac:dyDescent="0.25">
      <c r="A4382" s="1">
        <v>44027</v>
      </c>
      <c r="B4382" t="s">
        <v>3080</v>
      </c>
      <c r="C4382" t="s">
        <v>29</v>
      </c>
      <c r="D4382" t="s">
        <v>10</v>
      </c>
      <c r="E4382" t="s">
        <v>11</v>
      </c>
      <c r="F4382" s="2">
        <v>1</v>
      </c>
      <c r="G4382" t="s">
        <v>100</v>
      </c>
      <c r="H4382" t="s">
        <v>13</v>
      </c>
    </row>
    <row r="4383" spans="1:8" x14ac:dyDescent="0.25">
      <c r="A4383" s="1">
        <v>44027</v>
      </c>
      <c r="B4383" t="s">
        <v>3080</v>
      </c>
      <c r="C4383" t="s">
        <v>35</v>
      </c>
      <c r="D4383" t="s">
        <v>10</v>
      </c>
      <c r="E4383" t="s">
        <v>11</v>
      </c>
      <c r="F4383" s="2">
        <v>1</v>
      </c>
      <c r="G4383" t="s">
        <v>100</v>
      </c>
      <c r="H4383" t="s">
        <v>13</v>
      </c>
    </row>
    <row r="4384" spans="1:8" x14ac:dyDescent="0.25">
      <c r="A4384" s="1">
        <v>44026</v>
      </c>
      <c r="B4384" t="s">
        <v>3081</v>
      </c>
      <c r="C4384" t="s">
        <v>410</v>
      </c>
      <c r="D4384" t="s">
        <v>10</v>
      </c>
      <c r="E4384" t="s">
        <v>11</v>
      </c>
      <c r="F4384" s="2">
        <v>1</v>
      </c>
      <c r="G4384" t="s">
        <v>93</v>
      </c>
      <c r="H4384" t="s">
        <v>13</v>
      </c>
    </row>
    <row r="4385" spans="1:8" x14ac:dyDescent="0.25">
      <c r="A4385" s="1">
        <v>44026</v>
      </c>
      <c r="B4385" t="s">
        <v>3082</v>
      </c>
      <c r="C4385" t="s">
        <v>9</v>
      </c>
      <c r="D4385" t="s">
        <v>10</v>
      </c>
      <c r="E4385" t="s">
        <v>11</v>
      </c>
      <c r="F4385" s="2">
        <v>1</v>
      </c>
      <c r="G4385" t="s">
        <v>37</v>
      </c>
      <c r="H4385" t="s">
        <v>13</v>
      </c>
    </row>
    <row r="4386" spans="1:8" x14ac:dyDescent="0.25">
      <c r="A4386" s="1">
        <v>44025</v>
      </c>
      <c r="B4386" t="s">
        <v>3083</v>
      </c>
      <c r="C4386" t="s">
        <v>16</v>
      </c>
      <c r="D4386" t="s">
        <v>10</v>
      </c>
      <c r="E4386" t="s">
        <v>11</v>
      </c>
      <c r="F4386" s="2">
        <v>1</v>
      </c>
      <c r="G4386" t="s">
        <v>100</v>
      </c>
      <c r="H4386" t="s">
        <v>13</v>
      </c>
    </row>
    <row r="4387" spans="1:8" x14ac:dyDescent="0.25">
      <c r="A4387" s="1">
        <v>44025</v>
      </c>
      <c r="B4387" t="s">
        <v>3084</v>
      </c>
      <c r="C4387" t="s">
        <v>47</v>
      </c>
      <c r="D4387" t="s">
        <v>10</v>
      </c>
      <c r="E4387" t="s">
        <v>11</v>
      </c>
      <c r="F4387" s="2">
        <v>1</v>
      </c>
      <c r="G4387" t="s">
        <v>31</v>
      </c>
      <c r="H4387" t="s">
        <v>13</v>
      </c>
    </row>
    <row r="4388" spans="1:8" x14ac:dyDescent="0.25">
      <c r="A4388" s="1">
        <v>44025</v>
      </c>
      <c r="B4388" t="s">
        <v>3085</v>
      </c>
      <c r="C4388" t="s">
        <v>149</v>
      </c>
      <c r="D4388" t="s">
        <v>10</v>
      </c>
      <c r="E4388" t="s">
        <v>11</v>
      </c>
      <c r="F4388" s="2">
        <v>1</v>
      </c>
      <c r="G4388" t="s">
        <v>197</v>
      </c>
      <c r="H4388" t="s">
        <v>13</v>
      </c>
    </row>
    <row r="4389" spans="1:8" x14ac:dyDescent="0.25">
      <c r="A4389" s="1">
        <v>44025</v>
      </c>
      <c r="B4389" t="s">
        <v>3085</v>
      </c>
      <c r="C4389" t="s">
        <v>322</v>
      </c>
      <c r="D4389" t="s">
        <v>10</v>
      </c>
      <c r="E4389" t="s">
        <v>11</v>
      </c>
      <c r="F4389" s="2">
        <v>1</v>
      </c>
      <c r="G4389" t="s">
        <v>197</v>
      </c>
      <c r="H4389" t="s">
        <v>13</v>
      </c>
    </row>
    <row r="4390" spans="1:8" x14ac:dyDescent="0.25">
      <c r="A4390" s="1">
        <v>44025</v>
      </c>
      <c r="B4390" t="s">
        <v>3085</v>
      </c>
      <c r="C4390" t="s">
        <v>199</v>
      </c>
      <c r="D4390" t="s">
        <v>10</v>
      </c>
      <c r="E4390" t="s">
        <v>11</v>
      </c>
      <c r="F4390" s="2">
        <v>1</v>
      </c>
      <c r="G4390" t="s">
        <v>197</v>
      </c>
      <c r="H4390" t="s">
        <v>13</v>
      </c>
    </row>
    <row r="4391" spans="1:8" x14ac:dyDescent="0.25">
      <c r="A4391" s="1">
        <v>44023</v>
      </c>
      <c r="B4391" t="s">
        <v>3086</v>
      </c>
      <c r="C4391" t="s">
        <v>174</v>
      </c>
      <c r="D4391" t="s">
        <v>10</v>
      </c>
      <c r="E4391" t="s">
        <v>11</v>
      </c>
      <c r="F4391" s="2">
        <v>1</v>
      </c>
      <c r="G4391" t="s">
        <v>205</v>
      </c>
      <c r="H4391" t="s">
        <v>13</v>
      </c>
    </row>
    <row r="4392" spans="1:8" x14ac:dyDescent="0.25">
      <c r="A4392" s="1">
        <v>44023</v>
      </c>
      <c r="B4392" t="s">
        <v>3087</v>
      </c>
      <c r="C4392" t="s">
        <v>9</v>
      </c>
      <c r="D4392" t="s">
        <v>10</v>
      </c>
      <c r="E4392" t="s">
        <v>11</v>
      </c>
      <c r="F4392" s="2">
        <v>1</v>
      </c>
      <c r="G4392" t="s">
        <v>61</v>
      </c>
      <c r="H4392" t="s">
        <v>13</v>
      </c>
    </row>
    <row r="4393" spans="1:8" x14ac:dyDescent="0.25">
      <c r="A4393" s="1">
        <v>44022</v>
      </c>
      <c r="B4393" t="s">
        <v>3088</v>
      </c>
      <c r="C4393" t="s">
        <v>9</v>
      </c>
      <c r="D4393" t="s">
        <v>10</v>
      </c>
      <c r="E4393" t="s">
        <v>11</v>
      </c>
      <c r="F4393" s="2">
        <v>1</v>
      </c>
      <c r="G4393" t="s">
        <v>37</v>
      </c>
      <c r="H4393" t="s">
        <v>13</v>
      </c>
    </row>
    <row r="4394" spans="1:8" x14ac:dyDescent="0.25">
      <c r="A4394" s="1">
        <v>44022</v>
      </c>
      <c r="B4394" t="s">
        <v>3088</v>
      </c>
      <c r="C4394" t="s">
        <v>35</v>
      </c>
      <c r="D4394" t="s">
        <v>10</v>
      </c>
      <c r="E4394" t="s">
        <v>11</v>
      </c>
      <c r="F4394" s="2">
        <v>1</v>
      </c>
      <c r="G4394" t="s">
        <v>37</v>
      </c>
      <c r="H4394" t="s">
        <v>13</v>
      </c>
    </row>
    <row r="4395" spans="1:8" x14ac:dyDescent="0.25">
      <c r="A4395" s="1">
        <v>44020</v>
      </c>
      <c r="B4395" t="s">
        <v>3089</v>
      </c>
      <c r="C4395" t="s">
        <v>9</v>
      </c>
      <c r="D4395" t="s">
        <v>10</v>
      </c>
      <c r="E4395" t="s">
        <v>11</v>
      </c>
      <c r="F4395" s="2">
        <v>1</v>
      </c>
      <c r="G4395" t="s">
        <v>20</v>
      </c>
      <c r="H4395" t="s">
        <v>13</v>
      </c>
    </row>
    <row r="4396" spans="1:8" x14ac:dyDescent="0.25">
      <c r="A4396" s="1">
        <v>44020</v>
      </c>
      <c r="B4396" t="s">
        <v>3089</v>
      </c>
      <c r="C4396" t="s">
        <v>1883</v>
      </c>
      <c r="D4396" t="s">
        <v>10</v>
      </c>
      <c r="E4396" t="s">
        <v>11</v>
      </c>
      <c r="F4396" s="2">
        <v>1</v>
      </c>
      <c r="G4396" t="s">
        <v>20</v>
      </c>
      <c r="H4396" t="s">
        <v>13</v>
      </c>
    </row>
    <row r="4397" spans="1:8" x14ac:dyDescent="0.25">
      <c r="A4397" s="1">
        <v>44019</v>
      </c>
      <c r="B4397" t="s">
        <v>3090</v>
      </c>
      <c r="C4397" t="s">
        <v>249</v>
      </c>
      <c r="D4397" t="s">
        <v>10</v>
      </c>
      <c r="E4397" t="s">
        <v>11</v>
      </c>
      <c r="F4397" s="2">
        <v>1</v>
      </c>
      <c r="G4397" t="s">
        <v>37</v>
      </c>
      <c r="H4397" t="s">
        <v>13</v>
      </c>
    </row>
    <row r="4398" spans="1:8" x14ac:dyDescent="0.25">
      <c r="A4398" s="1">
        <v>44018</v>
      </c>
      <c r="B4398" t="s">
        <v>3091</v>
      </c>
      <c r="C4398" t="s">
        <v>9</v>
      </c>
      <c r="D4398" t="s">
        <v>10</v>
      </c>
      <c r="E4398" t="s">
        <v>11</v>
      </c>
      <c r="F4398" s="2">
        <v>1</v>
      </c>
      <c r="G4398" t="s">
        <v>135</v>
      </c>
      <c r="H4398" t="s">
        <v>13</v>
      </c>
    </row>
    <row r="4399" spans="1:8" x14ac:dyDescent="0.25">
      <c r="A4399" s="1">
        <v>44018</v>
      </c>
      <c r="B4399" t="s">
        <v>3092</v>
      </c>
      <c r="C4399" t="s">
        <v>29</v>
      </c>
      <c r="D4399" t="s">
        <v>10</v>
      </c>
      <c r="E4399" t="s">
        <v>11</v>
      </c>
      <c r="F4399" s="2">
        <v>1</v>
      </c>
      <c r="G4399" t="s">
        <v>100</v>
      </c>
      <c r="H4399" t="s">
        <v>13</v>
      </c>
    </row>
    <row r="4400" spans="1:8" x14ac:dyDescent="0.25">
      <c r="A4400" s="1">
        <v>44018</v>
      </c>
      <c r="B4400" t="s">
        <v>3092</v>
      </c>
      <c r="C4400" t="s">
        <v>35</v>
      </c>
      <c r="D4400" t="s">
        <v>10</v>
      </c>
      <c r="E4400" t="s">
        <v>11</v>
      </c>
      <c r="F4400" s="2">
        <v>1</v>
      </c>
      <c r="G4400" t="s">
        <v>100</v>
      </c>
      <c r="H4400" t="s">
        <v>13</v>
      </c>
    </row>
    <row r="4401" spans="1:8" x14ac:dyDescent="0.25">
      <c r="A4401" s="1">
        <v>44017</v>
      </c>
      <c r="B4401" t="s">
        <v>3093</v>
      </c>
      <c r="C4401" t="s">
        <v>79</v>
      </c>
      <c r="D4401" t="s">
        <v>10</v>
      </c>
      <c r="E4401" t="s">
        <v>11</v>
      </c>
      <c r="F4401" s="2">
        <v>1</v>
      </c>
      <c r="G4401" t="s">
        <v>529</v>
      </c>
      <c r="H4401" t="s">
        <v>13</v>
      </c>
    </row>
    <row r="4402" spans="1:8" x14ac:dyDescent="0.25">
      <c r="A4402" s="1">
        <v>44017</v>
      </c>
      <c r="B4402" t="s">
        <v>3093</v>
      </c>
      <c r="C4402" t="s">
        <v>103</v>
      </c>
      <c r="D4402" t="s">
        <v>10</v>
      </c>
      <c r="E4402" t="s">
        <v>11</v>
      </c>
      <c r="F4402" s="2">
        <v>1</v>
      </c>
      <c r="G4402" t="s">
        <v>529</v>
      </c>
      <c r="H4402" t="s">
        <v>13</v>
      </c>
    </row>
    <row r="4403" spans="1:8" x14ac:dyDescent="0.25">
      <c r="A4403" s="1">
        <v>44017</v>
      </c>
      <c r="B4403" t="s">
        <v>3094</v>
      </c>
      <c r="C4403" t="s">
        <v>9</v>
      </c>
      <c r="D4403" t="s">
        <v>10</v>
      </c>
      <c r="E4403" t="s">
        <v>11</v>
      </c>
      <c r="F4403" s="2">
        <v>1</v>
      </c>
      <c r="G4403" t="s">
        <v>20</v>
      </c>
      <c r="H4403" t="s">
        <v>13</v>
      </c>
    </row>
    <row r="4404" spans="1:8" x14ac:dyDescent="0.25">
      <c r="A4404" s="1">
        <v>44017</v>
      </c>
      <c r="B4404" t="s">
        <v>3094</v>
      </c>
      <c r="C4404" t="s">
        <v>47</v>
      </c>
      <c r="D4404" t="s">
        <v>10</v>
      </c>
      <c r="E4404" t="s">
        <v>11</v>
      </c>
      <c r="F4404" s="2">
        <v>1</v>
      </c>
      <c r="G4404" t="s">
        <v>20</v>
      </c>
      <c r="H4404" t="s">
        <v>13</v>
      </c>
    </row>
    <row r="4405" spans="1:8" x14ac:dyDescent="0.25">
      <c r="A4405" s="1">
        <v>44016</v>
      </c>
      <c r="B4405" t="s">
        <v>3095</v>
      </c>
      <c r="C4405" t="s">
        <v>9</v>
      </c>
      <c r="D4405" t="s">
        <v>10</v>
      </c>
      <c r="E4405" t="s">
        <v>11</v>
      </c>
      <c r="F4405" s="2">
        <v>1</v>
      </c>
      <c r="G4405" t="s">
        <v>468</v>
      </c>
      <c r="H4405" t="s">
        <v>13</v>
      </c>
    </row>
    <row r="4406" spans="1:8" x14ac:dyDescent="0.25">
      <c r="A4406" s="1">
        <v>44015</v>
      </c>
      <c r="B4406" t="s">
        <v>3096</v>
      </c>
      <c r="C4406" t="s">
        <v>16</v>
      </c>
      <c r="D4406" t="s">
        <v>10</v>
      </c>
      <c r="E4406" t="s">
        <v>11</v>
      </c>
      <c r="F4406" s="2">
        <v>1</v>
      </c>
      <c r="G4406" t="s">
        <v>131</v>
      </c>
      <c r="H4406" t="s">
        <v>13</v>
      </c>
    </row>
    <row r="4407" spans="1:8" x14ac:dyDescent="0.25">
      <c r="A4407" s="1">
        <v>44014</v>
      </c>
      <c r="B4407" t="s">
        <v>3097</v>
      </c>
      <c r="C4407" t="s">
        <v>481</v>
      </c>
      <c r="D4407" t="s">
        <v>10</v>
      </c>
      <c r="E4407" t="s">
        <v>11</v>
      </c>
      <c r="F4407" s="2">
        <v>1</v>
      </c>
      <c r="G4407" t="s">
        <v>63</v>
      </c>
      <c r="H4407" t="s">
        <v>13</v>
      </c>
    </row>
    <row r="4408" spans="1:8" x14ac:dyDescent="0.25">
      <c r="A4408" s="1">
        <v>44014</v>
      </c>
      <c r="B4408" t="s">
        <v>3097</v>
      </c>
      <c r="C4408" t="s">
        <v>481</v>
      </c>
      <c r="D4408" t="s">
        <v>10</v>
      </c>
      <c r="E4408" t="s">
        <v>11</v>
      </c>
      <c r="F4408" s="2">
        <v>1</v>
      </c>
      <c r="G4408" t="s">
        <v>63</v>
      </c>
      <c r="H4408" t="s">
        <v>13</v>
      </c>
    </row>
    <row r="4409" spans="1:8" x14ac:dyDescent="0.25">
      <c r="A4409" s="1">
        <v>44014</v>
      </c>
      <c r="B4409" t="s">
        <v>3098</v>
      </c>
      <c r="C4409" t="s">
        <v>47</v>
      </c>
      <c r="D4409" t="s">
        <v>10</v>
      </c>
      <c r="E4409" t="s">
        <v>11</v>
      </c>
      <c r="F4409" s="2">
        <v>1</v>
      </c>
      <c r="G4409" t="s">
        <v>100</v>
      </c>
      <c r="H4409" t="s">
        <v>13</v>
      </c>
    </row>
    <row r="4410" spans="1:8" x14ac:dyDescent="0.25">
      <c r="A4410" s="1">
        <v>44013</v>
      </c>
      <c r="B4410" t="s">
        <v>3099</v>
      </c>
      <c r="C4410" t="s">
        <v>16</v>
      </c>
      <c r="D4410" t="s">
        <v>26</v>
      </c>
      <c r="E4410" t="s">
        <v>11</v>
      </c>
      <c r="F4410" s="2">
        <v>1</v>
      </c>
      <c r="G4410" t="s">
        <v>157</v>
      </c>
      <c r="H4410" t="s">
        <v>13</v>
      </c>
    </row>
    <row r="4411" spans="1:8" x14ac:dyDescent="0.25">
      <c r="A4411" s="1">
        <v>44012</v>
      </c>
      <c r="B4411" t="s">
        <v>3100</v>
      </c>
      <c r="C4411" t="s">
        <v>19</v>
      </c>
      <c r="D4411" t="s">
        <v>10</v>
      </c>
      <c r="E4411" t="s">
        <v>11</v>
      </c>
      <c r="F4411" s="2">
        <v>1</v>
      </c>
      <c r="G4411" t="s">
        <v>100</v>
      </c>
      <c r="H4411" t="s">
        <v>13</v>
      </c>
    </row>
    <row r="4412" spans="1:8" x14ac:dyDescent="0.25">
      <c r="A4412" s="1">
        <v>44012</v>
      </c>
      <c r="B4412" t="s">
        <v>3101</v>
      </c>
      <c r="C4412" t="s">
        <v>79</v>
      </c>
      <c r="D4412" t="s">
        <v>26</v>
      </c>
      <c r="E4412" t="s">
        <v>11</v>
      </c>
      <c r="F4412" s="2">
        <v>1</v>
      </c>
      <c r="G4412" t="s">
        <v>181</v>
      </c>
      <c r="H4412" t="s">
        <v>13</v>
      </c>
    </row>
    <row r="4413" spans="1:8" x14ac:dyDescent="0.25">
      <c r="A4413" s="1">
        <v>44012</v>
      </c>
      <c r="B4413" t="s">
        <v>3101</v>
      </c>
      <c r="C4413" t="s">
        <v>80</v>
      </c>
      <c r="D4413" t="s">
        <v>26</v>
      </c>
      <c r="E4413" t="s">
        <v>11</v>
      </c>
      <c r="F4413" s="2">
        <v>1</v>
      </c>
      <c r="G4413" t="s">
        <v>181</v>
      </c>
      <c r="H4413" t="s">
        <v>13</v>
      </c>
    </row>
    <row r="4414" spans="1:8" x14ac:dyDescent="0.25">
      <c r="A4414" s="1">
        <v>44010</v>
      </c>
      <c r="B4414" t="s">
        <v>3102</v>
      </c>
      <c r="C4414" t="s">
        <v>19</v>
      </c>
      <c r="D4414" t="s">
        <v>10</v>
      </c>
      <c r="E4414" t="s">
        <v>11</v>
      </c>
      <c r="F4414" s="2">
        <v>1</v>
      </c>
      <c r="G4414" t="s">
        <v>191</v>
      </c>
      <c r="H4414" t="s">
        <v>13</v>
      </c>
    </row>
    <row r="4415" spans="1:8" x14ac:dyDescent="0.25">
      <c r="A4415" s="1">
        <v>44009</v>
      </c>
      <c r="B4415" t="s">
        <v>3103</v>
      </c>
      <c r="C4415" t="s">
        <v>16</v>
      </c>
      <c r="D4415" t="s">
        <v>10</v>
      </c>
      <c r="E4415" t="s">
        <v>11</v>
      </c>
      <c r="F4415" s="2">
        <v>1</v>
      </c>
      <c r="G4415" t="s">
        <v>1188</v>
      </c>
      <c r="H4415" t="s">
        <v>13</v>
      </c>
    </row>
    <row r="4416" spans="1:8" x14ac:dyDescent="0.25">
      <c r="A4416" s="1">
        <v>44009</v>
      </c>
      <c r="B4416" t="s">
        <v>3104</v>
      </c>
      <c r="C4416" t="s">
        <v>79</v>
      </c>
      <c r="D4416" t="s">
        <v>10</v>
      </c>
      <c r="E4416" t="s">
        <v>11</v>
      </c>
      <c r="F4416" s="2">
        <v>1</v>
      </c>
      <c r="G4416" t="s">
        <v>181</v>
      </c>
      <c r="H4416" t="s">
        <v>13</v>
      </c>
    </row>
    <row r="4417" spans="1:8" x14ac:dyDescent="0.25">
      <c r="A4417" s="1">
        <v>44008</v>
      </c>
      <c r="B4417" t="s">
        <v>3105</v>
      </c>
      <c r="C4417" t="s">
        <v>410</v>
      </c>
      <c r="D4417" t="s">
        <v>10</v>
      </c>
      <c r="E4417" t="s">
        <v>11</v>
      </c>
      <c r="F4417" s="2">
        <v>1</v>
      </c>
      <c r="G4417" t="s">
        <v>24</v>
      </c>
      <c r="H4417" t="s">
        <v>13</v>
      </c>
    </row>
    <row r="4418" spans="1:8" x14ac:dyDescent="0.25">
      <c r="A4418" s="1">
        <v>44007</v>
      </c>
      <c r="B4418" t="s">
        <v>3106</v>
      </c>
      <c r="C4418" t="s">
        <v>79</v>
      </c>
      <c r="D4418" t="s">
        <v>10</v>
      </c>
      <c r="E4418" t="s">
        <v>11</v>
      </c>
      <c r="F4418" s="2">
        <v>1</v>
      </c>
      <c r="G4418" t="s">
        <v>46</v>
      </c>
      <c r="H4418" t="s">
        <v>13</v>
      </c>
    </row>
    <row r="4419" spans="1:8" x14ac:dyDescent="0.25">
      <c r="A4419" s="1">
        <v>44007</v>
      </c>
      <c r="B4419" t="s">
        <v>3106</v>
      </c>
      <c r="C4419" t="s">
        <v>80</v>
      </c>
      <c r="D4419" t="s">
        <v>10</v>
      </c>
      <c r="E4419" t="s">
        <v>11</v>
      </c>
      <c r="F4419" s="2">
        <v>1</v>
      </c>
      <c r="G4419" t="s">
        <v>46</v>
      </c>
      <c r="H4419" t="s">
        <v>13</v>
      </c>
    </row>
    <row r="4420" spans="1:8" x14ac:dyDescent="0.25">
      <c r="A4420" s="1">
        <v>44007</v>
      </c>
      <c r="B4420" t="s">
        <v>3107</v>
      </c>
      <c r="C4420" t="s">
        <v>9</v>
      </c>
      <c r="D4420" t="s">
        <v>10</v>
      </c>
      <c r="E4420" t="s">
        <v>11</v>
      </c>
      <c r="F4420" s="2">
        <v>1</v>
      </c>
      <c r="G4420" t="s">
        <v>125</v>
      </c>
      <c r="H4420" t="s">
        <v>13</v>
      </c>
    </row>
    <row r="4421" spans="1:8" x14ac:dyDescent="0.25">
      <c r="A4421" s="1">
        <v>44006</v>
      </c>
      <c r="B4421" t="s">
        <v>3108</v>
      </c>
      <c r="C4421" t="s">
        <v>52</v>
      </c>
      <c r="D4421" t="s">
        <v>10</v>
      </c>
      <c r="E4421" t="s">
        <v>11</v>
      </c>
      <c r="F4421" s="2">
        <v>1</v>
      </c>
      <c r="G4421" t="s">
        <v>214</v>
      </c>
      <c r="H4421" t="s">
        <v>13</v>
      </c>
    </row>
    <row r="4422" spans="1:8" x14ac:dyDescent="0.25">
      <c r="A4422" s="1">
        <v>44006</v>
      </c>
      <c r="B4422" t="s">
        <v>3109</v>
      </c>
      <c r="C4422" t="s">
        <v>9</v>
      </c>
      <c r="D4422" t="s">
        <v>10</v>
      </c>
      <c r="E4422" t="s">
        <v>11</v>
      </c>
      <c r="F4422" s="2">
        <v>1</v>
      </c>
      <c r="G4422" t="s">
        <v>12</v>
      </c>
      <c r="H4422" t="s">
        <v>13</v>
      </c>
    </row>
    <row r="4423" spans="1:8" x14ac:dyDescent="0.25">
      <c r="A4423" s="1">
        <v>44006</v>
      </c>
      <c r="B4423" t="s">
        <v>3109</v>
      </c>
      <c r="C4423" t="s">
        <v>35</v>
      </c>
      <c r="D4423" t="s">
        <v>10</v>
      </c>
      <c r="E4423" t="s">
        <v>11</v>
      </c>
      <c r="F4423" s="2">
        <v>1</v>
      </c>
      <c r="G4423" t="s">
        <v>12</v>
      </c>
      <c r="H4423" t="s">
        <v>13</v>
      </c>
    </row>
    <row r="4424" spans="1:8" x14ac:dyDescent="0.25">
      <c r="A4424" s="1">
        <v>44005</v>
      </c>
      <c r="B4424" t="s">
        <v>3110</v>
      </c>
      <c r="C4424" t="s">
        <v>79</v>
      </c>
      <c r="D4424" t="s">
        <v>10</v>
      </c>
      <c r="E4424" t="s">
        <v>11</v>
      </c>
      <c r="F4424" s="2">
        <v>1</v>
      </c>
      <c r="G4424" t="s">
        <v>765</v>
      </c>
      <c r="H4424" t="s">
        <v>13</v>
      </c>
    </row>
    <row r="4425" spans="1:8" x14ac:dyDescent="0.25">
      <c r="A4425" s="1">
        <v>44005</v>
      </c>
      <c r="B4425" t="s">
        <v>3111</v>
      </c>
      <c r="C4425" t="s">
        <v>762</v>
      </c>
      <c r="D4425" t="s">
        <v>10</v>
      </c>
      <c r="E4425" t="s">
        <v>11</v>
      </c>
      <c r="F4425" s="2">
        <v>1</v>
      </c>
      <c r="G4425" t="s">
        <v>181</v>
      </c>
      <c r="H4425" t="s">
        <v>13</v>
      </c>
    </row>
    <row r="4426" spans="1:8" x14ac:dyDescent="0.25">
      <c r="A4426" s="1">
        <v>44005</v>
      </c>
      <c r="B4426" t="s">
        <v>3111</v>
      </c>
      <c r="C4426" t="s">
        <v>14</v>
      </c>
      <c r="D4426" t="s">
        <v>10</v>
      </c>
      <c r="E4426" t="s">
        <v>11</v>
      </c>
      <c r="F4426" s="2">
        <v>1</v>
      </c>
      <c r="G4426" t="s">
        <v>181</v>
      </c>
      <c r="H4426" t="s">
        <v>13</v>
      </c>
    </row>
    <row r="4427" spans="1:8" x14ac:dyDescent="0.25">
      <c r="A4427" s="1">
        <v>44005</v>
      </c>
      <c r="B4427" t="s">
        <v>3111</v>
      </c>
      <c r="C4427" t="s">
        <v>65</v>
      </c>
      <c r="D4427" t="s">
        <v>10</v>
      </c>
      <c r="E4427" t="s">
        <v>11</v>
      </c>
      <c r="F4427" s="2">
        <v>1</v>
      </c>
      <c r="G4427" t="s">
        <v>181</v>
      </c>
      <c r="H4427" t="s">
        <v>13</v>
      </c>
    </row>
    <row r="4428" spans="1:8" x14ac:dyDescent="0.25">
      <c r="A4428" s="1">
        <v>44004</v>
      </c>
      <c r="B4428" t="s">
        <v>3112</v>
      </c>
      <c r="C4428" t="s">
        <v>1534</v>
      </c>
      <c r="D4428" t="s">
        <v>10</v>
      </c>
      <c r="E4428" t="s">
        <v>11</v>
      </c>
      <c r="F4428" s="2">
        <v>1</v>
      </c>
      <c r="G4428" t="s">
        <v>194</v>
      </c>
      <c r="H4428" t="s">
        <v>13</v>
      </c>
    </row>
    <row r="4429" spans="1:8" x14ac:dyDescent="0.25">
      <c r="A4429" s="1">
        <v>44004</v>
      </c>
      <c r="B4429" t="s">
        <v>3112</v>
      </c>
      <c r="C4429" t="s">
        <v>47</v>
      </c>
      <c r="D4429" t="s">
        <v>10</v>
      </c>
      <c r="E4429" t="s">
        <v>11</v>
      </c>
      <c r="F4429" s="2">
        <v>1</v>
      </c>
      <c r="G4429" t="s">
        <v>194</v>
      </c>
      <c r="H4429" t="s">
        <v>13</v>
      </c>
    </row>
    <row r="4430" spans="1:8" x14ac:dyDescent="0.25">
      <c r="A4430" s="1">
        <v>44004</v>
      </c>
      <c r="B4430" t="s">
        <v>3112</v>
      </c>
      <c r="C4430" t="s">
        <v>151</v>
      </c>
      <c r="D4430" t="s">
        <v>10</v>
      </c>
      <c r="E4430" t="s">
        <v>11</v>
      </c>
      <c r="F4430" s="2">
        <v>1</v>
      </c>
      <c r="G4430" t="s">
        <v>194</v>
      </c>
      <c r="H4430" t="s">
        <v>13</v>
      </c>
    </row>
    <row r="4431" spans="1:8" x14ac:dyDescent="0.25">
      <c r="A4431" s="1">
        <v>44004</v>
      </c>
      <c r="B4431" t="s">
        <v>3112</v>
      </c>
      <c r="C4431" t="s">
        <v>453</v>
      </c>
      <c r="D4431" t="s">
        <v>10</v>
      </c>
      <c r="E4431" t="s">
        <v>11</v>
      </c>
      <c r="F4431" s="2">
        <v>1</v>
      </c>
      <c r="G4431" t="s">
        <v>194</v>
      </c>
      <c r="H4431" t="s">
        <v>13</v>
      </c>
    </row>
    <row r="4432" spans="1:8" x14ac:dyDescent="0.25">
      <c r="A4432" s="1">
        <v>44003</v>
      </c>
      <c r="B4432" t="s">
        <v>3113</v>
      </c>
      <c r="C4432" t="s">
        <v>35</v>
      </c>
      <c r="D4432" t="s">
        <v>10</v>
      </c>
      <c r="E4432" t="s">
        <v>11</v>
      </c>
      <c r="F4432" s="2">
        <v>1</v>
      </c>
      <c r="G4432" t="s">
        <v>77</v>
      </c>
      <c r="H4432" t="s">
        <v>13</v>
      </c>
    </row>
    <row r="4433" spans="1:8" x14ac:dyDescent="0.25">
      <c r="A4433" s="1">
        <v>44003</v>
      </c>
      <c r="B4433" t="s">
        <v>3113</v>
      </c>
      <c r="C4433" t="s">
        <v>35</v>
      </c>
      <c r="D4433" t="s">
        <v>10</v>
      </c>
      <c r="E4433" t="s">
        <v>11</v>
      </c>
      <c r="F4433" s="2">
        <v>1</v>
      </c>
      <c r="G4433" t="s">
        <v>77</v>
      </c>
      <c r="H4433" t="s">
        <v>13</v>
      </c>
    </row>
    <row r="4434" spans="1:8" x14ac:dyDescent="0.25">
      <c r="A4434" s="1">
        <v>44003</v>
      </c>
      <c r="B4434" t="s">
        <v>3113</v>
      </c>
      <c r="C4434" t="s">
        <v>47</v>
      </c>
      <c r="D4434" t="s">
        <v>10</v>
      </c>
      <c r="E4434" t="s">
        <v>11</v>
      </c>
      <c r="F4434" s="2">
        <v>1</v>
      </c>
      <c r="G4434" t="s">
        <v>77</v>
      </c>
      <c r="H4434" t="s">
        <v>13</v>
      </c>
    </row>
    <row r="4435" spans="1:8" x14ac:dyDescent="0.25">
      <c r="A4435" s="1">
        <v>44003</v>
      </c>
      <c r="B4435" t="s">
        <v>3113</v>
      </c>
      <c r="C4435" t="s">
        <v>47</v>
      </c>
      <c r="D4435" t="s">
        <v>10</v>
      </c>
      <c r="E4435" t="s">
        <v>11</v>
      </c>
      <c r="F4435" s="2">
        <v>1</v>
      </c>
      <c r="G4435" t="s">
        <v>77</v>
      </c>
      <c r="H4435" t="s">
        <v>13</v>
      </c>
    </row>
    <row r="4436" spans="1:8" x14ac:dyDescent="0.25">
      <c r="A4436" s="1">
        <v>44003</v>
      </c>
      <c r="B4436" t="s">
        <v>3113</v>
      </c>
      <c r="C4436" t="s">
        <v>1714</v>
      </c>
      <c r="D4436" t="s">
        <v>10</v>
      </c>
      <c r="E4436" t="s">
        <v>11</v>
      </c>
      <c r="F4436" s="2">
        <v>1</v>
      </c>
      <c r="G4436" t="s">
        <v>77</v>
      </c>
      <c r="H4436" t="s">
        <v>13</v>
      </c>
    </row>
    <row r="4437" spans="1:8" x14ac:dyDescent="0.25">
      <c r="A4437" s="1">
        <v>44003</v>
      </c>
      <c r="B4437" t="s">
        <v>3113</v>
      </c>
      <c r="C4437" t="s">
        <v>1714</v>
      </c>
      <c r="D4437" t="s">
        <v>10</v>
      </c>
      <c r="E4437" t="s">
        <v>11</v>
      </c>
      <c r="F4437" s="2">
        <v>1</v>
      </c>
      <c r="G4437" t="s">
        <v>77</v>
      </c>
      <c r="H4437" t="s">
        <v>13</v>
      </c>
    </row>
    <row r="4438" spans="1:8" x14ac:dyDescent="0.25">
      <c r="A4438" s="1">
        <v>44003</v>
      </c>
      <c r="B4438" t="s">
        <v>3113</v>
      </c>
      <c r="C4438" t="s">
        <v>264</v>
      </c>
      <c r="D4438" t="s">
        <v>10</v>
      </c>
      <c r="E4438" t="s">
        <v>11</v>
      </c>
      <c r="F4438" s="2">
        <v>1</v>
      </c>
      <c r="G4438" t="s">
        <v>77</v>
      </c>
      <c r="H4438" t="s">
        <v>13</v>
      </c>
    </row>
    <row r="4439" spans="1:8" x14ac:dyDescent="0.25">
      <c r="A4439" s="1">
        <v>44003</v>
      </c>
      <c r="B4439" t="s">
        <v>3113</v>
      </c>
      <c r="C4439" t="s">
        <v>264</v>
      </c>
      <c r="D4439" t="s">
        <v>10</v>
      </c>
      <c r="E4439" t="s">
        <v>11</v>
      </c>
      <c r="F4439" s="2">
        <v>1</v>
      </c>
      <c r="G4439" t="s">
        <v>77</v>
      </c>
      <c r="H4439" t="s">
        <v>13</v>
      </c>
    </row>
    <row r="4440" spans="1:8" x14ac:dyDescent="0.25">
      <c r="A4440" s="1">
        <v>44001</v>
      </c>
      <c r="B4440" t="s">
        <v>3114</v>
      </c>
      <c r="C4440" t="s">
        <v>80</v>
      </c>
      <c r="D4440" t="s">
        <v>10</v>
      </c>
      <c r="E4440" t="s">
        <v>11</v>
      </c>
      <c r="F4440" s="2">
        <v>1</v>
      </c>
      <c r="G4440" t="s">
        <v>181</v>
      </c>
      <c r="H4440" t="s">
        <v>13</v>
      </c>
    </row>
    <row r="4441" spans="1:8" x14ac:dyDescent="0.25">
      <c r="A4441" s="1">
        <v>44000</v>
      </c>
      <c r="B4441" t="s">
        <v>3115</v>
      </c>
      <c r="C4441" t="s">
        <v>9</v>
      </c>
      <c r="D4441" t="s">
        <v>10</v>
      </c>
      <c r="E4441" t="s">
        <v>11</v>
      </c>
      <c r="F4441" s="2">
        <v>1</v>
      </c>
      <c r="G4441" t="s">
        <v>793</v>
      </c>
      <c r="H4441" t="s">
        <v>13</v>
      </c>
    </row>
    <row r="4442" spans="1:8" x14ac:dyDescent="0.25">
      <c r="A4442" s="1">
        <v>44000</v>
      </c>
      <c r="B4442" t="s">
        <v>3115</v>
      </c>
      <c r="C4442" t="s">
        <v>16</v>
      </c>
      <c r="D4442" t="s">
        <v>10</v>
      </c>
      <c r="E4442" t="s">
        <v>11</v>
      </c>
      <c r="F4442" s="2">
        <v>1</v>
      </c>
      <c r="G4442" t="s">
        <v>793</v>
      </c>
      <c r="H4442" t="s">
        <v>13</v>
      </c>
    </row>
    <row r="4443" spans="1:8" x14ac:dyDescent="0.25">
      <c r="A4443" s="1">
        <v>44000</v>
      </c>
      <c r="B4443" t="s">
        <v>3116</v>
      </c>
      <c r="C4443" t="s">
        <v>42</v>
      </c>
      <c r="D4443" t="s">
        <v>10</v>
      </c>
      <c r="E4443" t="s">
        <v>11</v>
      </c>
      <c r="F4443" s="2">
        <v>1</v>
      </c>
      <c r="G4443" t="s">
        <v>553</v>
      </c>
      <c r="H4443" t="s">
        <v>13</v>
      </c>
    </row>
    <row r="4444" spans="1:8" x14ac:dyDescent="0.25">
      <c r="A4444" s="1">
        <v>43999</v>
      </c>
      <c r="B4444" t="s">
        <v>3117</v>
      </c>
      <c r="C4444" t="s">
        <v>76</v>
      </c>
      <c r="D4444" t="s">
        <v>10</v>
      </c>
      <c r="E4444" t="s">
        <v>11</v>
      </c>
      <c r="F4444" s="2">
        <v>1</v>
      </c>
      <c r="G4444" t="s">
        <v>1223</v>
      </c>
      <c r="H4444" t="s">
        <v>13</v>
      </c>
    </row>
    <row r="4445" spans="1:8" x14ac:dyDescent="0.25">
      <c r="A4445" s="1">
        <v>43999</v>
      </c>
      <c r="B4445" t="s">
        <v>3118</v>
      </c>
      <c r="C4445" t="s">
        <v>9</v>
      </c>
      <c r="D4445" t="s">
        <v>10</v>
      </c>
      <c r="E4445" t="s">
        <v>11</v>
      </c>
      <c r="F4445" s="2">
        <v>1</v>
      </c>
      <c r="G4445" t="s">
        <v>793</v>
      </c>
      <c r="H4445" t="s">
        <v>13</v>
      </c>
    </row>
    <row r="4446" spans="1:8" x14ac:dyDescent="0.25">
      <c r="A4446" s="1">
        <v>43999</v>
      </c>
      <c r="B4446" t="s">
        <v>3118</v>
      </c>
      <c r="C4446" t="s">
        <v>16</v>
      </c>
      <c r="D4446" t="s">
        <v>10</v>
      </c>
      <c r="E4446" t="s">
        <v>11</v>
      </c>
      <c r="F4446" s="2">
        <v>1</v>
      </c>
      <c r="G4446" t="s">
        <v>793</v>
      </c>
      <c r="H4446" t="s">
        <v>13</v>
      </c>
    </row>
    <row r="4447" spans="1:8" x14ac:dyDescent="0.25">
      <c r="A4447" s="1">
        <v>43997</v>
      </c>
      <c r="B4447" t="s">
        <v>3119</v>
      </c>
      <c r="C4447" t="s">
        <v>9</v>
      </c>
      <c r="D4447" t="s">
        <v>10</v>
      </c>
      <c r="E4447" t="s">
        <v>11</v>
      </c>
      <c r="F4447" s="2">
        <v>1</v>
      </c>
      <c r="G4447" t="s">
        <v>1958</v>
      </c>
      <c r="H4447" t="s">
        <v>13</v>
      </c>
    </row>
    <row r="4448" spans="1:8" x14ac:dyDescent="0.25">
      <c r="A4448" s="1">
        <v>43996</v>
      </c>
      <c r="B4448" t="s">
        <v>3120</v>
      </c>
      <c r="C4448" t="s">
        <v>16</v>
      </c>
      <c r="D4448" t="s">
        <v>10</v>
      </c>
      <c r="E4448" t="s">
        <v>11</v>
      </c>
      <c r="F4448" s="2">
        <v>1</v>
      </c>
      <c r="G4448" t="s">
        <v>46</v>
      </c>
      <c r="H4448" t="s">
        <v>13</v>
      </c>
    </row>
    <row r="4449" spans="1:8" x14ac:dyDescent="0.25">
      <c r="A4449" s="1">
        <v>43995</v>
      </c>
      <c r="B4449" t="s">
        <v>3121</v>
      </c>
      <c r="C4449" t="s">
        <v>9</v>
      </c>
      <c r="D4449" t="s">
        <v>10</v>
      </c>
      <c r="E4449" t="s">
        <v>11</v>
      </c>
      <c r="F4449" s="2">
        <v>1</v>
      </c>
      <c r="G4449" t="s">
        <v>46</v>
      </c>
      <c r="H4449" t="s">
        <v>13</v>
      </c>
    </row>
    <row r="4450" spans="1:8" x14ac:dyDescent="0.25">
      <c r="A4450" s="1">
        <v>43995</v>
      </c>
      <c r="B4450" t="s">
        <v>3122</v>
      </c>
      <c r="C4450" t="s">
        <v>79</v>
      </c>
      <c r="D4450" t="s">
        <v>10</v>
      </c>
      <c r="E4450" t="s">
        <v>11</v>
      </c>
      <c r="F4450" s="2">
        <v>1</v>
      </c>
      <c r="G4450" t="s">
        <v>181</v>
      </c>
      <c r="H4450" t="s">
        <v>13</v>
      </c>
    </row>
    <row r="4451" spans="1:8" x14ac:dyDescent="0.25">
      <c r="A4451" s="1">
        <v>43995</v>
      </c>
      <c r="B4451" t="s">
        <v>3122</v>
      </c>
      <c r="C4451" t="s">
        <v>80</v>
      </c>
      <c r="D4451" t="s">
        <v>10</v>
      </c>
      <c r="E4451" t="s">
        <v>11</v>
      </c>
      <c r="F4451" s="2">
        <v>1</v>
      </c>
      <c r="G4451" t="s">
        <v>181</v>
      </c>
      <c r="H4451" t="s">
        <v>13</v>
      </c>
    </row>
    <row r="4452" spans="1:8" x14ac:dyDescent="0.25">
      <c r="A4452" s="1">
        <v>43994</v>
      </c>
      <c r="B4452" t="s">
        <v>3123</v>
      </c>
      <c r="C4452" t="s">
        <v>47</v>
      </c>
      <c r="D4452" t="s">
        <v>10</v>
      </c>
      <c r="E4452" t="s">
        <v>11</v>
      </c>
      <c r="F4452" s="2">
        <v>1</v>
      </c>
      <c r="G4452" t="s">
        <v>498</v>
      </c>
      <c r="H4452" t="s">
        <v>13</v>
      </c>
    </row>
    <row r="4453" spans="1:8" x14ac:dyDescent="0.25">
      <c r="A4453" s="1">
        <v>43994</v>
      </c>
      <c r="B4453" t="s">
        <v>3124</v>
      </c>
      <c r="C4453" t="s">
        <v>9</v>
      </c>
      <c r="D4453" t="s">
        <v>10</v>
      </c>
      <c r="E4453" t="s">
        <v>11</v>
      </c>
      <c r="F4453" s="2">
        <v>1</v>
      </c>
      <c r="G4453" t="s">
        <v>2131</v>
      </c>
      <c r="H4453" t="s">
        <v>13</v>
      </c>
    </row>
    <row r="4454" spans="1:8" x14ac:dyDescent="0.25">
      <c r="A4454" s="1">
        <v>43992</v>
      </c>
      <c r="B4454" t="s">
        <v>3125</v>
      </c>
      <c r="C4454" t="s">
        <v>142</v>
      </c>
      <c r="D4454" t="s">
        <v>10</v>
      </c>
      <c r="E4454" t="s">
        <v>11</v>
      </c>
      <c r="F4454" s="2">
        <v>1</v>
      </c>
      <c r="G4454" t="s">
        <v>569</v>
      </c>
      <c r="H4454" t="s">
        <v>13</v>
      </c>
    </row>
    <row r="4455" spans="1:8" x14ac:dyDescent="0.25">
      <c r="A4455" s="1">
        <v>43992</v>
      </c>
      <c r="B4455" t="s">
        <v>3125</v>
      </c>
      <c r="C4455" t="s">
        <v>2313</v>
      </c>
      <c r="D4455" t="s">
        <v>10</v>
      </c>
      <c r="E4455" t="s">
        <v>11</v>
      </c>
      <c r="F4455" s="2">
        <v>1</v>
      </c>
      <c r="G4455" t="s">
        <v>569</v>
      </c>
      <c r="H4455" t="s">
        <v>13</v>
      </c>
    </row>
    <row r="4456" spans="1:8" x14ac:dyDescent="0.25">
      <c r="A4456" s="1">
        <v>43990</v>
      </c>
      <c r="B4456" t="s">
        <v>3126</v>
      </c>
      <c r="C4456" t="s">
        <v>1883</v>
      </c>
      <c r="D4456" t="s">
        <v>10</v>
      </c>
      <c r="E4456" t="s">
        <v>11</v>
      </c>
      <c r="F4456" s="2">
        <v>1</v>
      </c>
      <c r="G4456" t="s">
        <v>46</v>
      </c>
      <c r="H4456" t="s">
        <v>13</v>
      </c>
    </row>
    <row r="4457" spans="1:8" x14ac:dyDescent="0.25">
      <c r="A4457" s="1">
        <v>43989</v>
      </c>
      <c r="B4457" t="s">
        <v>3127</v>
      </c>
      <c r="C4457" t="s">
        <v>9</v>
      </c>
      <c r="D4457" t="s">
        <v>10</v>
      </c>
      <c r="E4457" t="s">
        <v>11</v>
      </c>
      <c r="F4457" s="2">
        <v>1</v>
      </c>
      <c r="G4457" t="s">
        <v>411</v>
      </c>
      <c r="H4457" t="s">
        <v>13</v>
      </c>
    </row>
    <row r="4458" spans="1:8" x14ac:dyDescent="0.25">
      <c r="A4458" s="1">
        <v>43989</v>
      </c>
      <c r="B4458" t="s">
        <v>3127</v>
      </c>
      <c r="C4458" t="s">
        <v>29</v>
      </c>
      <c r="D4458" t="s">
        <v>10</v>
      </c>
      <c r="E4458" t="s">
        <v>11</v>
      </c>
      <c r="F4458" s="2">
        <v>1</v>
      </c>
      <c r="G4458" t="s">
        <v>411</v>
      </c>
      <c r="H4458" t="s">
        <v>13</v>
      </c>
    </row>
    <row r="4459" spans="1:8" x14ac:dyDescent="0.25">
      <c r="A4459" s="1">
        <v>43989</v>
      </c>
      <c r="B4459" t="s">
        <v>3127</v>
      </c>
      <c r="C4459" t="s">
        <v>35</v>
      </c>
      <c r="D4459" t="s">
        <v>10</v>
      </c>
      <c r="E4459" t="s">
        <v>11</v>
      </c>
      <c r="F4459" s="2">
        <v>1</v>
      </c>
      <c r="G4459" t="s">
        <v>411</v>
      </c>
      <c r="H4459" t="s">
        <v>13</v>
      </c>
    </row>
    <row r="4460" spans="1:8" x14ac:dyDescent="0.25">
      <c r="A4460" s="1">
        <v>43985</v>
      </c>
      <c r="B4460" t="s">
        <v>3128</v>
      </c>
      <c r="C4460" t="s">
        <v>9</v>
      </c>
      <c r="D4460" t="s">
        <v>10</v>
      </c>
      <c r="E4460" t="s">
        <v>11</v>
      </c>
      <c r="F4460" s="2">
        <v>1</v>
      </c>
      <c r="G4460" t="s">
        <v>46</v>
      </c>
      <c r="H4460" t="s">
        <v>13</v>
      </c>
    </row>
    <row r="4461" spans="1:8" x14ac:dyDescent="0.25">
      <c r="A4461" s="1">
        <v>43985</v>
      </c>
      <c r="B4461" t="s">
        <v>3128</v>
      </c>
      <c r="C4461" t="s">
        <v>29</v>
      </c>
      <c r="D4461" t="s">
        <v>10</v>
      </c>
      <c r="E4461" t="s">
        <v>11</v>
      </c>
      <c r="F4461" s="2">
        <v>1</v>
      </c>
      <c r="G4461" t="s">
        <v>46</v>
      </c>
      <c r="H4461" t="s">
        <v>13</v>
      </c>
    </row>
    <row r="4462" spans="1:8" x14ac:dyDescent="0.25">
      <c r="A4462" s="1">
        <v>43985</v>
      </c>
      <c r="B4462" t="s">
        <v>3128</v>
      </c>
      <c r="C4462" t="s">
        <v>174</v>
      </c>
      <c r="D4462" t="s">
        <v>10</v>
      </c>
      <c r="E4462" t="s">
        <v>11</v>
      </c>
      <c r="F4462" s="2">
        <v>1</v>
      </c>
      <c r="G4462" t="s">
        <v>46</v>
      </c>
      <c r="H4462" t="s">
        <v>13</v>
      </c>
    </row>
    <row r="4463" spans="1:8" x14ac:dyDescent="0.25">
      <c r="A4463" s="1">
        <v>43984</v>
      </c>
      <c r="B4463" t="s">
        <v>3129</v>
      </c>
      <c r="C4463" t="s">
        <v>9</v>
      </c>
      <c r="D4463" t="s">
        <v>10</v>
      </c>
      <c r="E4463" t="s">
        <v>11</v>
      </c>
      <c r="F4463" s="2">
        <v>1</v>
      </c>
      <c r="G4463" t="s">
        <v>111</v>
      </c>
      <c r="H4463" t="s">
        <v>13</v>
      </c>
    </row>
    <row r="4464" spans="1:8" x14ac:dyDescent="0.25">
      <c r="A4464" s="1">
        <v>43984</v>
      </c>
      <c r="B4464" t="s">
        <v>3129</v>
      </c>
      <c r="C4464" t="s">
        <v>35</v>
      </c>
      <c r="D4464" t="s">
        <v>10</v>
      </c>
      <c r="E4464" t="s">
        <v>11</v>
      </c>
      <c r="F4464" s="2">
        <v>1</v>
      </c>
      <c r="G4464" t="s">
        <v>111</v>
      </c>
      <c r="H4464" t="s">
        <v>13</v>
      </c>
    </row>
    <row r="4465" spans="1:8" x14ac:dyDescent="0.25">
      <c r="A4465" s="1">
        <v>43983</v>
      </c>
      <c r="B4465" t="s">
        <v>3130</v>
      </c>
      <c r="C4465" t="s">
        <v>9</v>
      </c>
      <c r="D4465" t="s">
        <v>10</v>
      </c>
      <c r="E4465" t="s">
        <v>11</v>
      </c>
      <c r="F4465" s="2">
        <v>1</v>
      </c>
      <c r="G4465" t="s">
        <v>12</v>
      </c>
      <c r="H4465" t="s">
        <v>13</v>
      </c>
    </row>
    <row r="4466" spans="1:8" x14ac:dyDescent="0.25">
      <c r="A4466" s="1">
        <v>43982</v>
      </c>
      <c r="B4466" t="s">
        <v>3131</v>
      </c>
      <c r="C4466" t="s">
        <v>16</v>
      </c>
      <c r="D4466" t="s">
        <v>10</v>
      </c>
      <c r="E4466" t="s">
        <v>11</v>
      </c>
      <c r="F4466" s="2">
        <v>1</v>
      </c>
      <c r="G4466" t="s">
        <v>944</v>
      </c>
      <c r="H4466" t="s">
        <v>13</v>
      </c>
    </row>
    <row r="4467" spans="1:8" x14ac:dyDescent="0.25">
      <c r="A4467" s="1">
        <v>43982</v>
      </c>
      <c r="B4467" t="s">
        <v>3131</v>
      </c>
      <c r="C4467" t="s">
        <v>65</v>
      </c>
      <c r="D4467" t="s">
        <v>10</v>
      </c>
      <c r="E4467" t="s">
        <v>11</v>
      </c>
      <c r="F4467" s="2">
        <v>1</v>
      </c>
      <c r="G4467" t="s">
        <v>944</v>
      </c>
      <c r="H4467" t="s">
        <v>13</v>
      </c>
    </row>
    <row r="4468" spans="1:8" x14ac:dyDescent="0.25">
      <c r="A4468" s="1">
        <v>43981</v>
      </c>
      <c r="B4468" t="s">
        <v>3132</v>
      </c>
      <c r="C4468" t="s">
        <v>9</v>
      </c>
      <c r="D4468" t="s">
        <v>10</v>
      </c>
      <c r="E4468" t="s">
        <v>11</v>
      </c>
      <c r="F4468" s="2">
        <v>1</v>
      </c>
      <c r="G4468" t="s">
        <v>1024</v>
      </c>
      <c r="H4468" t="s">
        <v>13</v>
      </c>
    </row>
    <row r="4469" spans="1:8" x14ac:dyDescent="0.25">
      <c r="A4469" s="1">
        <v>43981</v>
      </c>
      <c r="B4469" t="s">
        <v>3132</v>
      </c>
      <c r="C4469" t="s">
        <v>14</v>
      </c>
      <c r="D4469" t="s">
        <v>10</v>
      </c>
      <c r="E4469" t="s">
        <v>11</v>
      </c>
      <c r="F4469" s="2">
        <v>1</v>
      </c>
      <c r="G4469" t="s">
        <v>1024</v>
      </c>
      <c r="H4469" t="s">
        <v>13</v>
      </c>
    </row>
    <row r="4470" spans="1:8" x14ac:dyDescent="0.25">
      <c r="A4470" s="1">
        <v>43981</v>
      </c>
      <c r="B4470" t="s">
        <v>3133</v>
      </c>
      <c r="C4470" t="s">
        <v>19</v>
      </c>
      <c r="D4470" t="s">
        <v>10</v>
      </c>
      <c r="E4470" t="s">
        <v>11</v>
      </c>
      <c r="F4470" s="2">
        <v>1</v>
      </c>
      <c r="G4470" t="s">
        <v>181</v>
      </c>
      <c r="H4470" t="s">
        <v>13</v>
      </c>
    </row>
    <row r="4471" spans="1:8" x14ac:dyDescent="0.25">
      <c r="A4471" s="1">
        <v>43980</v>
      </c>
      <c r="B4471" t="s">
        <v>3134</v>
      </c>
      <c r="C4471" t="s">
        <v>9</v>
      </c>
      <c r="D4471" t="s">
        <v>10</v>
      </c>
      <c r="E4471" t="s">
        <v>11</v>
      </c>
      <c r="F4471" s="2">
        <v>1</v>
      </c>
      <c r="G4471" t="s">
        <v>137</v>
      </c>
      <c r="H4471" t="s">
        <v>13</v>
      </c>
    </row>
    <row r="4472" spans="1:8" x14ac:dyDescent="0.25">
      <c r="A4472" s="1">
        <v>43980</v>
      </c>
      <c r="B4472" t="s">
        <v>3135</v>
      </c>
      <c r="C4472" t="s">
        <v>9</v>
      </c>
      <c r="D4472" t="s">
        <v>10</v>
      </c>
      <c r="E4472" t="s">
        <v>11</v>
      </c>
      <c r="F4472" s="2">
        <v>1</v>
      </c>
      <c r="G4472" t="s">
        <v>100</v>
      </c>
      <c r="H4472" t="s">
        <v>13</v>
      </c>
    </row>
    <row r="4473" spans="1:8" x14ac:dyDescent="0.25">
      <c r="A4473" s="1">
        <v>43980</v>
      </c>
      <c r="B4473" t="s">
        <v>3136</v>
      </c>
      <c r="C4473" t="s">
        <v>563</v>
      </c>
      <c r="D4473" t="s">
        <v>10</v>
      </c>
      <c r="E4473" t="s">
        <v>11</v>
      </c>
      <c r="F4473" s="2">
        <v>1</v>
      </c>
      <c r="G4473" t="s">
        <v>117</v>
      </c>
      <c r="H4473" t="s">
        <v>13</v>
      </c>
    </row>
    <row r="4474" spans="1:8" x14ac:dyDescent="0.25">
      <c r="A4474" s="1">
        <v>43980</v>
      </c>
      <c r="B4474" t="s">
        <v>3137</v>
      </c>
      <c r="C4474" t="s">
        <v>76</v>
      </c>
      <c r="D4474" t="s">
        <v>10</v>
      </c>
      <c r="E4474" t="s">
        <v>11</v>
      </c>
      <c r="F4474" s="2">
        <v>1</v>
      </c>
      <c r="G4474" t="s">
        <v>262</v>
      </c>
      <c r="H4474" t="s">
        <v>13</v>
      </c>
    </row>
    <row r="4475" spans="1:8" x14ac:dyDescent="0.25">
      <c r="A4475" s="1">
        <v>43978</v>
      </c>
      <c r="B4475" t="s">
        <v>3138</v>
      </c>
      <c r="C4475" t="s">
        <v>120</v>
      </c>
      <c r="D4475" t="s">
        <v>10</v>
      </c>
      <c r="E4475" t="s">
        <v>11</v>
      </c>
      <c r="F4475" s="2">
        <v>1</v>
      </c>
      <c r="G4475" t="s">
        <v>117</v>
      </c>
      <c r="H4475" t="s">
        <v>13</v>
      </c>
    </row>
    <row r="4476" spans="1:8" x14ac:dyDescent="0.25">
      <c r="A4476" s="1">
        <v>43978</v>
      </c>
      <c r="B4476" t="s">
        <v>3139</v>
      </c>
      <c r="C4476" t="s">
        <v>9</v>
      </c>
      <c r="D4476" t="s">
        <v>10</v>
      </c>
      <c r="E4476" t="s">
        <v>11</v>
      </c>
      <c r="F4476" s="2">
        <v>1</v>
      </c>
      <c r="G4476" t="s">
        <v>117</v>
      </c>
      <c r="H4476" t="s">
        <v>13</v>
      </c>
    </row>
    <row r="4477" spans="1:8" x14ac:dyDescent="0.25">
      <c r="A4477" s="1">
        <v>43978</v>
      </c>
      <c r="B4477" t="s">
        <v>3140</v>
      </c>
      <c r="C4477" t="s">
        <v>9</v>
      </c>
      <c r="D4477" t="s">
        <v>10</v>
      </c>
      <c r="E4477" t="s">
        <v>11</v>
      </c>
      <c r="F4477" s="2">
        <v>1</v>
      </c>
      <c r="G4477" t="s">
        <v>117</v>
      </c>
      <c r="H4477" t="s">
        <v>13</v>
      </c>
    </row>
    <row r="4478" spans="1:8" x14ac:dyDescent="0.25">
      <c r="A4478" s="1">
        <v>43978</v>
      </c>
      <c r="B4478" t="s">
        <v>3140</v>
      </c>
      <c r="C4478" t="s">
        <v>47</v>
      </c>
      <c r="D4478" t="s">
        <v>10</v>
      </c>
      <c r="E4478" t="s">
        <v>11</v>
      </c>
      <c r="F4478" s="2">
        <v>1</v>
      </c>
      <c r="G4478" t="s">
        <v>117</v>
      </c>
      <c r="H4478" t="s">
        <v>13</v>
      </c>
    </row>
    <row r="4479" spans="1:8" x14ac:dyDescent="0.25">
      <c r="A4479" s="1">
        <v>43978</v>
      </c>
      <c r="B4479" t="s">
        <v>3141</v>
      </c>
      <c r="C4479" t="s">
        <v>9</v>
      </c>
      <c r="D4479" t="s">
        <v>10</v>
      </c>
      <c r="E4479" t="s">
        <v>11</v>
      </c>
      <c r="F4479" s="2">
        <v>1</v>
      </c>
      <c r="G4479" t="s">
        <v>137</v>
      </c>
      <c r="H4479" t="s">
        <v>13</v>
      </c>
    </row>
    <row r="4480" spans="1:8" x14ac:dyDescent="0.25">
      <c r="A4480" s="1">
        <v>43976</v>
      </c>
      <c r="B4480" t="s">
        <v>3142</v>
      </c>
      <c r="C4480" t="s">
        <v>394</v>
      </c>
      <c r="D4480" t="s">
        <v>10</v>
      </c>
      <c r="E4480" t="s">
        <v>11</v>
      </c>
      <c r="F4480" s="2">
        <v>1</v>
      </c>
      <c r="G4480" t="s">
        <v>12</v>
      </c>
      <c r="H4480" t="s">
        <v>13</v>
      </c>
    </row>
    <row r="4481" spans="1:8" x14ac:dyDescent="0.25">
      <c r="A4481" s="1">
        <v>43975</v>
      </c>
      <c r="B4481" t="s">
        <v>3143</v>
      </c>
      <c r="C4481" t="s">
        <v>79</v>
      </c>
      <c r="D4481" t="s">
        <v>10</v>
      </c>
      <c r="E4481" t="s">
        <v>11</v>
      </c>
      <c r="F4481" s="2">
        <v>1</v>
      </c>
      <c r="G4481" t="s">
        <v>20</v>
      </c>
      <c r="H4481" t="s">
        <v>13</v>
      </c>
    </row>
    <row r="4482" spans="1:8" x14ac:dyDescent="0.25">
      <c r="A4482" s="1">
        <v>43975</v>
      </c>
      <c r="B4482" t="s">
        <v>3143</v>
      </c>
      <c r="C4482" t="s">
        <v>80</v>
      </c>
      <c r="D4482" t="s">
        <v>10</v>
      </c>
      <c r="E4482" t="s">
        <v>11</v>
      </c>
      <c r="F4482" s="2">
        <v>1</v>
      </c>
      <c r="G4482" t="s">
        <v>20</v>
      </c>
      <c r="H4482" t="s">
        <v>13</v>
      </c>
    </row>
    <row r="4483" spans="1:8" x14ac:dyDescent="0.25">
      <c r="A4483" s="1">
        <v>43975</v>
      </c>
      <c r="B4483" t="s">
        <v>3144</v>
      </c>
      <c r="C4483" t="s">
        <v>19</v>
      </c>
      <c r="D4483" t="s">
        <v>10</v>
      </c>
      <c r="E4483" t="s">
        <v>11</v>
      </c>
      <c r="F4483" s="2">
        <v>1</v>
      </c>
      <c r="G4483" t="s">
        <v>739</v>
      </c>
      <c r="H4483" t="s">
        <v>13</v>
      </c>
    </row>
    <row r="4484" spans="1:8" x14ac:dyDescent="0.25">
      <c r="A4484" s="1">
        <v>43972</v>
      </c>
      <c r="B4484" t="s">
        <v>3145</v>
      </c>
      <c r="C4484" t="s">
        <v>9</v>
      </c>
      <c r="D4484" t="s">
        <v>10</v>
      </c>
      <c r="E4484" t="s">
        <v>11</v>
      </c>
      <c r="F4484" s="2">
        <v>1</v>
      </c>
      <c r="G4484" t="s">
        <v>100</v>
      </c>
      <c r="H4484" t="s">
        <v>13</v>
      </c>
    </row>
    <row r="4485" spans="1:8" x14ac:dyDescent="0.25">
      <c r="A4485" s="1">
        <v>43971</v>
      </c>
      <c r="B4485" t="s">
        <v>3146</v>
      </c>
      <c r="C4485" t="s">
        <v>76</v>
      </c>
      <c r="D4485" t="s">
        <v>10</v>
      </c>
      <c r="E4485" t="s">
        <v>11</v>
      </c>
      <c r="F4485" s="2">
        <v>1</v>
      </c>
      <c r="G4485" t="s">
        <v>673</v>
      </c>
      <c r="H4485" t="s">
        <v>13</v>
      </c>
    </row>
    <row r="4486" spans="1:8" x14ac:dyDescent="0.25">
      <c r="A4486" s="1">
        <v>43971</v>
      </c>
      <c r="B4486" t="s">
        <v>3147</v>
      </c>
      <c r="C4486" t="s">
        <v>120</v>
      </c>
      <c r="D4486" t="s">
        <v>10</v>
      </c>
      <c r="E4486" t="s">
        <v>11</v>
      </c>
      <c r="F4486" s="2">
        <v>1</v>
      </c>
      <c r="G4486" t="s">
        <v>111</v>
      </c>
      <c r="H4486" t="s">
        <v>13</v>
      </c>
    </row>
    <row r="4487" spans="1:8" x14ac:dyDescent="0.25">
      <c r="A4487" s="1">
        <v>43970</v>
      </c>
      <c r="B4487" t="s">
        <v>3148</v>
      </c>
      <c r="C4487" t="s">
        <v>1383</v>
      </c>
      <c r="D4487" t="s">
        <v>10</v>
      </c>
      <c r="E4487" t="s">
        <v>11</v>
      </c>
      <c r="F4487" s="2">
        <v>1</v>
      </c>
      <c r="G4487" t="s">
        <v>20</v>
      </c>
      <c r="H4487" t="s">
        <v>13</v>
      </c>
    </row>
    <row r="4488" spans="1:8" x14ac:dyDescent="0.25">
      <c r="A4488" s="1">
        <v>43970</v>
      </c>
      <c r="B4488" t="s">
        <v>3148</v>
      </c>
      <c r="C4488" t="s">
        <v>1383</v>
      </c>
      <c r="D4488" t="s">
        <v>10</v>
      </c>
      <c r="E4488" t="s">
        <v>11</v>
      </c>
      <c r="F4488" s="2">
        <v>1</v>
      </c>
      <c r="G4488" t="s">
        <v>20</v>
      </c>
      <c r="H4488" t="s">
        <v>13</v>
      </c>
    </row>
    <row r="4489" spans="1:8" x14ac:dyDescent="0.25">
      <c r="A4489" s="1">
        <v>43969</v>
      </c>
      <c r="B4489" t="s">
        <v>3149</v>
      </c>
      <c r="C4489" t="s">
        <v>379</v>
      </c>
      <c r="D4489" t="s">
        <v>10</v>
      </c>
      <c r="E4489" t="s">
        <v>11</v>
      </c>
      <c r="F4489" s="2">
        <v>1</v>
      </c>
      <c r="G4489" t="s">
        <v>181</v>
      </c>
      <c r="H4489" t="s">
        <v>13</v>
      </c>
    </row>
    <row r="4490" spans="1:8" x14ac:dyDescent="0.25">
      <c r="A4490" s="1">
        <v>43969</v>
      </c>
      <c r="B4490" t="s">
        <v>3149</v>
      </c>
      <c r="C4490" t="s">
        <v>379</v>
      </c>
      <c r="D4490" t="s">
        <v>10</v>
      </c>
      <c r="E4490" t="s">
        <v>11</v>
      </c>
      <c r="F4490" s="2">
        <v>1</v>
      </c>
      <c r="G4490" t="s">
        <v>181</v>
      </c>
      <c r="H4490" t="s">
        <v>13</v>
      </c>
    </row>
    <row r="4491" spans="1:8" x14ac:dyDescent="0.25">
      <c r="A4491" s="1">
        <v>43969</v>
      </c>
      <c r="B4491" t="s">
        <v>3149</v>
      </c>
      <c r="C4491" t="s">
        <v>282</v>
      </c>
      <c r="D4491" t="s">
        <v>10</v>
      </c>
      <c r="E4491" t="s">
        <v>11</v>
      </c>
      <c r="F4491" s="2">
        <v>1</v>
      </c>
      <c r="G4491" t="s">
        <v>181</v>
      </c>
      <c r="H4491" t="s">
        <v>13</v>
      </c>
    </row>
    <row r="4492" spans="1:8" x14ac:dyDescent="0.25">
      <c r="A4492" s="1">
        <v>43969</v>
      </c>
      <c r="B4492" t="s">
        <v>3149</v>
      </c>
      <c r="C4492" t="s">
        <v>282</v>
      </c>
      <c r="D4492" t="s">
        <v>10</v>
      </c>
      <c r="E4492" t="s">
        <v>11</v>
      </c>
      <c r="F4492" s="2">
        <v>1</v>
      </c>
      <c r="G4492" t="s">
        <v>181</v>
      </c>
      <c r="H4492" t="s">
        <v>13</v>
      </c>
    </row>
    <row r="4493" spans="1:8" x14ac:dyDescent="0.25">
      <c r="A4493" s="1">
        <v>43969</v>
      </c>
      <c r="B4493" t="s">
        <v>3149</v>
      </c>
      <c r="C4493" t="s">
        <v>453</v>
      </c>
      <c r="D4493" t="s">
        <v>10</v>
      </c>
      <c r="E4493" t="s">
        <v>11</v>
      </c>
      <c r="F4493" s="2">
        <v>1</v>
      </c>
      <c r="G4493" t="s">
        <v>181</v>
      </c>
      <c r="H4493" t="s">
        <v>13</v>
      </c>
    </row>
    <row r="4494" spans="1:8" x14ac:dyDescent="0.25">
      <c r="A4494" s="1">
        <v>43969</v>
      </c>
      <c r="B4494" t="s">
        <v>3149</v>
      </c>
      <c r="C4494" t="s">
        <v>453</v>
      </c>
      <c r="D4494" t="s">
        <v>10</v>
      </c>
      <c r="E4494" t="s">
        <v>11</v>
      </c>
      <c r="F4494" s="2">
        <v>1</v>
      </c>
      <c r="G4494" t="s">
        <v>181</v>
      </c>
      <c r="H4494" t="s">
        <v>13</v>
      </c>
    </row>
    <row r="4495" spans="1:8" x14ac:dyDescent="0.25">
      <c r="A4495" s="1">
        <v>43969</v>
      </c>
      <c r="B4495" t="s">
        <v>3150</v>
      </c>
      <c r="C4495" t="s">
        <v>76</v>
      </c>
      <c r="D4495" t="s">
        <v>10</v>
      </c>
      <c r="E4495" t="s">
        <v>11</v>
      </c>
      <c r="F4495" s="2">
        <v>1</v>
      </c>
      <c r="G4495" t="s">
        <v>1544</v>
      </c>
      <c r="H4495" t="s">
        <v>13</v>
      </c>
    </row>
    <row r="4496" spans="1:8" x14ac:dyDescent="0.25">
      <c r="A4496" s="1">
        <v>43967</v>
      </c>
      <c r="B4496" t="s">
        <v>3151</v>
      </c>
      <c r="C4496" t="s">
        <v>79</v>
      </c>
      <c r="D4496" t="s">
        <v>10</v>
      </c>
      <c r="E4496" t="s">
        <v>11</v>
      </c>
      <c r="F4496" s="2">
        <v>1</v>
      </c>
      <c r="G4496" t="s">
        <v>157</v>
      </c>
      <c r="H4496" t="s">
        <v>13</v>
      </c>
    </row>
    <row r="4497" spans="1:8" x14ac:dyDescent="0.25">
      <c r="A4497" s="1">
        <v>43967</v>
      </c>
      <c r="B4497" t="s">
        <v>3151</v>
      </c>
      <c r="C4497" t="s">
        <v>80</v>
      </c>
      <c r="D4497" t="s">
        <v>10</v>
      </c>
      <c r="E4497" t="s">
        <v>11</v>
      </c>
      <c r="F4497" s="2">
        <v>1</v>
      </c>
      <c r="G4497" t="s">
        <v>157</v>
      </c>
      <c r="H4497" t="s">
        <v>13</v>
      </c>
    </row>
    <row r="4498" spans="1:8" x14ac:dyDescent="0.25">
      <c r="A4498" s="1">
        <v>43967</v>
      </c>
      <c r="B4498" t="s">
        <v>3152</v>
      </c>
      <c r="C4498" t="s">
        <v>3153</v>
      </c>
      <c r="D4498" t="s">
        <v>10</v>
      </c>
      <c r="E4498" t="s">
        <v>11</v>
      </c>
      <c r="F4498" s="2">
        <v>1</v>
      </c>
      <c r="G4498" t="s">
        <v>12</v>
      </c>
      <c r="H4498" t="s">
        <v>13</v>
      </c>
    </row>
    <row r="4499" spans="1:8" x14ac:dyDescent="0.25">
      <c r="A4499" s="1">
        <v>43967</v>
      </c>
      <c r="B4499" t="s">
        <v>3154</v>
      </c>
      <c r="C4499" t="s">
        <v>47</v>
      </c>
      <c r="D4499" t="s">
        <v>10</v>
      </c>
      <c r="E4499" t="s">
        <v>11</v>
      </c>
      <c r="F4499" s="2">
        <v>1</v>
      </c>
      <c r="G4499" t="s">
        <v>529</v>
      </c>
      <c r="H4499" t="s">
        <v>13</v>
      </c>
    </row>
    <row r="4500" spans="1:8" x14ac:dyDescent="0.25">
      <c r="A4500" s="1">
        <v>43966</v>
      </c>
      <c r="B4500" t="s">
        <v>3155</v>
      </c>
      <c r="C4500" t="s">
        <v>9</v>
      </c>
      <c r="D4500" t="s">
        <v>10</v>
      </c>
      <c r="E4500" t="s">
        <v>11</v>
      </c>
      <c r="F4500" s="2">
        <v>1</v>
      </c>
      <c r="G4500" t="s">
        <v>624</v>
      </c>
      <c r="H4500" t="s">
        <v>13</v>
      </c>
    </row>
    <row r="4501" spans="1:8" x14ac:dyDescent="0.25">
      <c r="A4501" s="1">
        <v>43966</v>
      </c>
      <c r="B4501" t="s">
        <v>3155</v>
      </c>
      <c r="C4501" t="s">
        <v>9</v>
      </c>
      <c r="D4501" t="s">
        <v>10</v>
      </c>
      <c r="E4501" t="s">
        <v>11</v>
      </c>
      <c r="F4501" s="2">
        <v>1</v>
      </c>
      <c r="G4501" t="s">
        <v>624</v>
      </c>
      <c r="H4501" t="s">
        <v>13</v>
      </c>
    </row>
    <row r="4502" spans="1:8" x14ac:dyDescent="0.25">
      <c r="A4502" s="1">
        <v>43966</v>
      </c>
      <c r="B4502" t="s">
        <v>3155</v>
      </c>
      <c r="C4502" t="s">
        <v>118</v>
      </c>
      <c r="D4502" t="s">
        <v>10</v>
      </c>
      <c r="E4502" t="s">
        <v>11</v>
      </c>
      <c r="F4502" s="2">
        <v>1</v>
      </c>
      <c r="G4502" t="s">
        <v>624</v>
      </c>
      <c r="H4502" t="s">
        <v>13</v>
      </c>
    </row>
    <row r="4503" spans="1:8" x14ac:dyDescent="0.25">
      <c r="A4503" s="1">
        <v>43966</v>
      </c>
      <c r="B4503" t="s">
        <v>3155</v>
      </c>
      <c r="C4503" t="s">
        <v>118</v>
      </c>
      <c r="D4503" t="s">
        <v>10</v>
      </c>
      <c r="E4503" t="s">
        <v>11</v>
      </c>
      <c r="F4503" s="2">
        <v>1</v>
      </c>
      <c r="G4503" t="s">
        <v>624</v>
      </c>
      <c r="H4503" t="s">
        <v>13</v>
      </c>
    </row>
    <row r="4504" spans="1:8" x14ac:dyDescent="0.25">
      <c r="A4504" s="1">
        <v>43966</v>
      </c>
      <c r="B4504" t="s">
        <v>3155</v>
      </c>
      <c r="C4504" t="s">
        <v>142</v>
      </c>
      <c r="D4504" t="s">
        <v>10</v>
      </c>
      <c r="E4504" t="s">
        <v>11</v>
      </c>
      <c r="F4504" s="2">
        <v>1</v>
      </c>
      <c r="G4504" t="s">
        <v>624</v>
      </c>
      <c r="H4504" t="s">
        <v>13</v>
      </c>
    </row>
    <row r="4505" spans="1:8" x14ac:dyDescent="0.25">
      <c r="A4505" s="1">
        <v>43966</v>
      </c>
      <c r="B4505" t="s">
        <v>3155</v>
      </c>
      <c r="C4505" t="s">
        <v>142</v>
      </c>
      <c r="D4505" t="s">
        <v>10</v>
      </c>
      <c r="E4505" t="s">
        <v>11</v>
      </c>
      <c r="F4505" s="2">
        <v>1</v>
      </c>
      <c r="G4505" t="s">
        <v>624</v>
      </c>
      <c r="H4505" t="s">
        <v>13</v>
      </c>
    </row>
    <row r="4506" spans="1:8" x14ac:dyDescent="0.25">
      <c r="A4506" s="1">
        <v>43962</v>
      </c>
      <c r="B4506" t="s">
        <v>3156</v>
      </c>
      <c r="C4506" t="s">
        <v>19</v>
      </c>
      <c r="D4506" t="s">
        <v>10</v>
      </c>
      <c r="E4506" t="s">
        <v>11</v>
      </c>
      <c r="F4506" s="2">
        <v>1</v>
      </c>
      <c r="G4506" t="s">
        <v>483</v>
      </c>
      <c r="H4506" t="s">
        <v>13</v>
      </c>
    </row>
    <row r="4507" spans="1:8" x14ac:dyDescent="0.25">
      <c r="A4507" s="1">
        <v>43962</v>
      </c>
      <c r="B4507" t="s">
        <v>3157</v>
      </c>
      <c r="C4507" t="s">
        <v>47</v>
      </c>
      <c r="D4507" t="s">
        <v>10</v>
      </c>
      <c r="E4507" t="s">
        <v>11</v>
      </c>
      <c r="F4507" s="2">
        <v>1</v>
      </c>
      <c r="G4507" t="s">
        <v>197</v>
      </c>
      <c r="H4507" t="s">
        <v>13</v>
      </c>
    </row>
    <row r="4508" spans="1:8" x14ac:dyDescent="0.25">
      <c r="A4508" s="1">
        <v>43961</v>
      </c>
      <c r="B4508" t="s">
        <v>3158</v>
      </c>
      <c r="C4508" t="s">
        <v>9</v>
      </c>
      <c r="D4508" t="s">
        <v>10</v>
      </c>
      <c r="E4508" t="s">
        <v>11</v>
      </c>
      <c r="F4508" s="2">
        <v>1</v>
      </c>
      <c r="G4508" t="s">
        <v>40</v>
      </c>
      <c r="H4508" t="s">
        <v>13</v>
      </c>
    </row>
    <row r="4509" spans="1:8" x14ac:dyDescent="0.25">
      <c r="A4509" s="1">
        <v>43960</v>
      </c>
      <c r="B4509" t="s">
        <v>3159</v>
      </c>
      <c r="C4509" t="s">
        <v>9</v>
      </c>
      <c r="D4509" t="s">
        <v>10</v>
      </c>
      <c r="E4509" t="s">
        <v>11</v>
      </c>
      <c r="F4509" s="2">
        <v>1</v>
      </c>
      <c r="G4509" t="s">
        <v>20</v>
      </c>
      <c r="H4509" t="s">
        <v>13</v>
      </c>
    </row>
    <row r="4510" spans="1:8" x14ac:dyDescent="0.25">
      <c r="A4510" s="1">
        <v>43960</v>
      </c>
      <c r="B4510" t="s">
        <v>3159</v>
      </c>
      <c r="C4510" t="s">
        <v>35</v>
      </c>
      <c r="D4510" t="s">
        <v>10</v>
      </c>
      <c r="E4510" t="s">
        <v>11</v>
      </c>
      <c r="F4510" s="2">
        <v>1</v>
      </c>
      <c r="G4510" t="s">
        <v>20</v>
      </c>
      <c r="H4510" t="s">
        <v>13</v>
      </c>
    </row>
    <row r="4511" spans="1:8" x14ac:dyDescent="0.25">
      <c r="A4511" s="1">
        <v>43960</v>
      </c>
      <c r="B4511" t="s">
        <v>3160</v>
      </c>
      <c r="C4511" t="s">
        <v>9</v>
      </c>
      <c r="D4511" t="s">
        <v>10</v>
      </c>
      <c r="E4511" t="s">
        <v>11</v>
      </c>
      <c r="F4511" s="2">
        <v>1</v>
      </c>
      <c r="G4511" t="s">
        <v>20</v>
      </c>
      <c r="H4511" t="s">
        <v>13</v>
      </c>
    </row>
    <row r="4512" spans="1:8" x14ac:dyDescent="0.25">
      <c r="A4512" s="1">
        <v>43960</v>
      </c>
      <c r="B4512" t="s">
        <v>3160</v>
      </c>
      <c r="C4512" t="s">
        <v>29</v>
      </c>
      <c r="D4512" t="s">
        <v>10</v>
      </c>
      <c r="E4512" t="s">
        <v>11</v>
      </c>
      <c r="F4512" s="2">
        <v>1</v>
      </c>
      <c r="G4512" t="s">
        <v>20</v>
      </c>
      <c r="H4512" t="s">
        <v>13</v>
      </c>
    </row>
    <row r="4513" spans="1:8" x14ac:dyDescent="0.25">
      <c r="A4513" s="1">
        <v>43960</v>
      </c>
      <c r="B4513" t="s">
        <v>3160</v>
      </c>
      <c r="C4513" t="s">
        <v>35</v>
      </c>
      <c r="D4513" t="s">
        <v>10</v>
      </c>
      <c r="E4513" t="s">
        <v>11</v>
      </c>
      <c r="F4513" s="2">
        <v>1</v>
      </c>
      <c r="G4513" t="s">
        <v>20</v>
      </c>
      <c r="H4513" t="s">
        <v>13</v>
      </c>
    </row>
    <row r="4514" spans="1:8" x14ac:dyDescent="0.25">
      <c r="A4514" s="1">
        <v>43959</v>
      </c>
      <c r="B4514" t="s">
        <v>3161</v>
      </c>
      <c r="C4514" t="s">
        <v>28</v>
      </c>
      <c r="D4514" t="s">
        <v>10</v>
      </c>
      <c r="E4514" t="s">
        <v>11</v>
      </c>
      <c r="F4514" s="2">
        <v>1</v>
      </c>
      <c r="G4514" t="s">
        <v>83</v>
      </c>
      <c r="H4514" t="s">
        <v>13</v>
      </c>
    </row>
    <row r="4515" spans="1:8" x14ac:dyDescent="0.25">
      <c r="A4515" s="1">
        <v>43959</v>
      </c>
      <c r="B4515" t="s">
        <v>3162</v>
      </c>
      <c r="C4515" t="s">
        <v>115</v>
      </c>
      <c r="D4515" t="s">
        <v>10</v>
      </c>
      <c r="E4515" t="s">
        <v>11</v>
      </c>
      <c r="F4515" s="2">
        <v>1</v>
      </c>
      <c r="G4515" t="s">
        <v>197</v>
      </c>
      <c r="H4515" t="s">
        <v>13</v>
      </c>
    </row>
    <row r="4516" spans="1:8" x14ac:dyDescent="0.25">
      <c r="A4516" s="1">
        <v>43956</v>
      </c>
      <c r="B4516" t="s">
        <v>3163</v>
      </c>
      <c r="C4516" t="s">
        <v>9</v>
      </c>
      <c r="D4516" t="s">
        <v>10</v>
      </c>
      <c r="E4516" t="s">
        <v>11</v>
      </c>
      <c r="F4516" s="2">
        <v>1</v>
      </c>
      <c r="G4516" t="s">
        <v>37</v>
      </c>
      <c r="H4516" t="s">
        <v>13</v>
      </c>
    </row>
    <row r="4517" spans="1:8" x14ac:dyDescent="0.25">
      <c r="A4517" s="1">
        <v>43956</v>
      </c>
      <c r="B4517" t="s">
        <v>3164</v>
      </c>
      <c r="C4517" t="s">
        <v>9</v>
      </c>
      <c r="D4517" t="s">
        <v>10</v>
      </c>
      <c r="E4517" t="s">
        <v>11</v>
      </c>
      <c r="F4517" s="2">
        <v>1</v>
      </c>
      <c r="G4517" t="s">
        <v>181</v>
      </c>
      <c r="H4517" t="s">
        <v>13</v>
      </c>
    </row>
    <row r="4518" spans="1:8" x14ac:dyDescent="0.25">
      <c r="A4518" s="1">
        <v>43956</v>
      </c>
      <c r="B4518" t="s">
        <v>3164</v>
      </c>
      <c r="C4518" t="s">
        <v>92</v>
      </c>
      <c r="D4518" t="s">
        <v>10</v>
      </c>
      <c r="E4518" t="s">
        <v>11</v>
      </c>
      <c r="F4518" s="2">
        <v>1</v>
      </c>
      <c r="G4518" t="s">
        <v>181</v>
      </c>
      <c r="H4518" t="s">
        <v>13</v>
      </c>
    </row>
    <row r="4519" spans="1:8" x14ac:dyDescent="0.25">
      <c r="A4519" s="1">
        <v>43956</v>
      </c>
      <c r="B4519" t="s">
        <v>3164</v>
      </c>
      <c r="C4519" t="s">
        <v>35</v>
      </c>
      <c r="D4519" t="s">
        <v>10</v>
      </c>
      <c r="E4519" t="s">
        <v>11</v>
      </c>
      <c r="F4519" s="2">
        <v>1</v>
      </c>
      <c r="G4519" t="s">
        <v>181</v>
      </c>
      <c r="H4519" t="s">
        <v>13</v>
      </c>
    </row>
    <row r="4520" spans="1:8" x14ac:dyDescent="0.25">
      <c r="A4520" s="1">
        <v>43955</v>
      </c>
      <c r="B4520" t="s">
        <v>3165</v>
      </c>
      <c r="C4520" t="s">
        <v>780</v>
      </c>
      <c r="D4520" t="s">
        <v>26</v>
      </c>
      <c r="E4520" t="s">
        <v>11</v>
      </c>
      <c r="F4520" s="2">
        <v>1</v>
      </c>
      <c r="G4520" t="s">
        <v>20</v>
      </c>
      <c r="H4520" t="s">
        <v>13</v>
      </c>
    </row>
    <row r="4521" spans="1:8" x14ac:dyDescent="0.25">
      <c r="A4521" s="1">
        <v>43955</v>
      </c>
      <c r="B4521" t="s">
        <v>3165</v>
      </c>
      <c r="C4521" t="s">
        <v>1043</v>
      </c>
      <c r="D4521" t="s">
        <v>26</v>
      </c>
      <c r="E4521" t="s">
        <v>11</v>
      </c>
      <c r="F4521" s="2">
        <v>1</v>
      </c>
      <c r="G4521" t="s">
        <v>20</v>
      </c>
      <c r="H4521" t="s">
        <v>13</v>
      </c>
    </row>
    <row r="4522" spans="1:8" x14ac:dyDescent="0.25">
      <c r="A4522" s="1">
        <v>43955</v>
      </c>
      <c r="B4522" t="s">
        <v>3166</v>
      </c>
      <c r="C4522" t="s">
        <v>79</v>
      </c>
      <c r="D4522" t="s">
        <v>10</v>
      </c>
      <c r="E4522" t="s">
        <v>11</v>
      </c>
      <c r="F4522" s="2">
        <v>1</v>
      </c>
      <c r="G4522" t="s">
        <v>37</v>
      </c>
      <c r="H4522" t="s">
        <v>13</v>
      </c>
    </row>
    <row r="4523" spans="1:8" x14ac:dyDescent="0.25">
      <c r="A4523" s="1">
        <v>43955</v>
      </c>
      <c r="B4523" t="s">
        <v>3166</v>
      </c>
      <c r="C4523" t="s">
        <v>80</v>
      </c>
      <c r="D4523" t="s">
        <v>10</v>
      </c>
      <c r="E4523" t="s">
        <v>11</v>
      </c>
      <c r="F4523" s="2">
        <v>1</v>
      </c>
      <c r="G4523" t="s">
        <v>37</v>
      </c>
      <c r="H4523" t="s">
        <v>13</v>
      </c>
    </row>
    <row r="4524" spans="1:8" x14ac:dyDescent="0.25">
      <c r="A4524" s="1">
        <v>43954</v>
      </c>
      <c r="B4524" t="s">
        <v>3167</v>
      </c>
      <c r="C4524" t="s">
        <v>16</v>
      </c>
      <c r="D4524" t="s">
        <v>10</v>
      </c>
      <c r="E4524" t="s">
        <v>11</v>
      </c>
      <c r="F4524" s="2">
        <v>1</v>
      </c>
      <c r="G4524" t="s">
        <v>100</v>
      </c>
      <c r="H4524" t="s">
        <v>13</v>
      </c>
    </row>
    <row r="4525" spans="1:8" x14ac:dyDescent="0.25">
      <c r="A4525" s="1">
        <v>43954</v>
      </c>
      <c r="B4525" t="s">
        <v>3167</v>
      </c>
      <c r="C4525" t="s">
        <v>1082</v>
      </c>
      <c r="D4525" t="s">
        <v>10</v>
      </c>
      <c r="E4525" t="s">
        <v>11</v>
      </c>
      <c r="F4525" s="2">
        <v>1</v>
      </c>
      <c r="G4525" t="s">
        <v>100</v>
      </c>
      <c r="H4525" t="s">
        <v>13</v>
      </c>
    </row>
    <row r="4526" spans="1:8" x14ac:dyDescent="0.25">
      <c r="A4526" s="1">
        <v>43953</v>
      </c>
      <c r="B4526" t="s">
        <v>3168</v>
      </c>
      <c r="C4526" t="s">
        <v>9</v>
      </c>
      <c r="D4526" t="s">
        <v>10</v>
      </c>
      <c r="E4526" t="s">
        <v>11</v>
      </c>
      <c r="F4526" s="2">
        <v>1</v>
      </c>
      <c r="G4526" t="s">
        <v>157</v>
      </c>
      <c r="H4526" t="s">
        <v>13</v>
      </c>
    </row>
    <row r="4527" spans="1:8" x14ac:dyDescent="0.25">
      <c r="A4527" s="1">
        <v>43953</v>
      </c>
      <c r="B4527" t="s">
        <v>3169</v>
      </c>
      <c r="C4527" t="s">
        <v>271</v>
      </c>
      <c r="D4527" t="s">
        <v>10</v>
      </c>
      <c r="E4527" t="s">
        <v>11</v>
      </c>
      <c r="F4527" s="2">
        <v>1</v>
      </c>
      <c r="G4527" t="s">
        <v>197</v>
      </c>
      <c r="H4527" t="s">
        <v>13</v>
      </c>
    </row>
    <row r="4528" spans="1:8" x14ac:dyDescent="0.25">
      <c r="A4528" s="1">
        <v>43952</v>
      </c>
      <c r="B4528" t="s">
        <v>3170</v>
      </c>
      <c r="C4528" t="s">
        <v>322</v>
      </c>
      <c r="D4528" t="s">
        <v>10</v>
      </c>
      <c r="E4528" t="s">
        <v>11</v>
      </c>
      <c r="F4528" s="2">
        <v>1</v>
      </c>
      <c r="G4528" t="s">
        <v>20</v>
      </c>
      <c r="H4528" t="s">
        <v>13</v>
      </c>
    </row>
    <row r="4529" spans="1:8" x14ac:dyDescent="0.25">
      <c r="A4529" s="1">
        <v>43952</v>
      </c>
      <c r="B4529" t="s">
        <v>3171</v>
      </c>
      <c r="C4529" t="s">
        <v>47</v>
      </c>
      <c r="D4529" t="s">
        <v>10</v>
      </c>
      <c r="E4529" t="s">
        <v>11</v>
      </c>
      <c r="F4529" s="2">
        <v>1</v>
      </c>
      <c r="G4529" t="s">
        <v>650</v>
      </c>
      <c r="H4529" t="s">
        <v>13</v>
      </c>
    </row>
    <row r="4530" spans="1:8" x14ac:dyDescent="0.25">
      <c r="A4530" s="1">
        <v>43952</v>
      </c>
      <c r="B4530" t="s">
        <v>3172</v>
      </c>
      <c r="C4530" t="s">
        <v>14</v>
      </c>
      <c r="D4530" t="s">
        <v>10</v>
      </c>
      <c r="E4530" t="s">
        <v>11</v>
      </c>
      <c r="F4530" s="2">
        <v>1</v>
      </c>
      <c r="G4530" t="s">
        <v>53</v>
      </c>
      <c r="H4530" t="s">
        <v>13</v>
      </c>
    </row>
    <row r="4531" spans="1:8" x14ac:dyDescent="0.25">
      <c r="A4531" s="1">
        <v>43951</v>
      </c>
      <c r="B4531" t="s">
        <v>3173</v>
      </c>
      <c r="C4531" t="s">
        <v>76</v>
      </c>
      <c r="D4531" t="s">
        <v>10</v>
      </c>
      <c r="E4531" t="s">
        <v>11</v>
      </c>
      <c r="F4531" s="2">
        <v>1</v>
      </c>
      <c r="G4531" t="s">
        <v>1209</v>
      </c>
      <c r="H4531" t="s">
        <v>13</v>
      </c>
    </row>
    <row r="4532" spans="1:8" x14ac:dyDescent="0.25">
      <c r="A4532" s="1">
        <v>43951</v>
      </c>
      <c r="B4532" t="s">
        <v>3174</v>
      </c>
      <c r="C4532" t="s">
        <v>439</v>
      </c>
      <c r="D4532" t="s">
        <v>10</v>
      </c>
      <c r="E4532" t="s">
        <v>11</v>
      </c>
      <c r="F4532" s="2">
        <v>1</v>
      </c>
      <c r="G4532" t="s">
        <v>100</v>
      </c>
      <c r="H4532" t="s">
        <v>13</v>
      </c>
    </row>
    <row r="4533" spans="1:8" x14ac:dyDescent="0.25">
      <c r="A4533" s="1">
        <v>43950</v>
      </c>
      <c r="B4533" t="s">
        <v>3175</v>
      </c>
      <c r="C4533" t="s">
        <v>47</v>
      </c>
      <c r="D4533" t="s">
        <v>10</v>
      </c>
      <c r="E4533" t="s">
        <v>11</v>
      </c>
      <c r="F4533" s="2">
        <v>1</v>
      </c>
      <c r="G4533" t="s">
        <v>37</v>
      </c>
      <c r="H4533" t="s">
        <v>13</v>
      </c>
    </row>
    <row r="4534" spans="1:8" x14ac:dyDescent="0.25">
      <c r="A4534" s="1">
        <v>43950</v>
      </c>
      <c r="B4534" t="s">
        <v>3175</v>
      </c>
      <c r="C4534" t="s">
        <v>47</v>
      </c>
      <c r="D4534" t="s">
        <v>10</v>
      </c>
      <c r="E4534" t="s">
        <v>11</v>
      </c>
      <c r="F4534" s="2">
        <v>1</v>
      </c>
      <c r="G4534" t="s">
        <v>37</v>
      </c>
      <c r="H4534" t="s">
        <v>13</v>
      </c>
    </row>
    <row r="4535" spans="1:8" x14ac:dyDescent="0.25">
      <c r="A4535" s="1">
        <v>43949</v>
      </c>
      <c r="B4535" t="s">
        <v>3176</v>
      </c>
      <c r="C4535" t="s">
        <v>9</v>
      </c>
      <c r="D4535" t="s">
        <v>10</v>
      </c>
      <c r="E4535" t="s">
        <v>11</v>
      </c>
      <c r="F4535" s="2">
        <v>1</v>
      </c>
      <c r="G4535" t="s">
        <v>27</v>
      </c>
      <c r="H4535" t="s">
        <v>13</v>
      </c>
    </row>
    <row r="4536" spans="1:8" x14ac:dyDescent="0.25">
      <c r="A4536" s="1">
        <v>43949</v>
      </c>
      <c r="B4536" t="s">
        <v>3176</v>
      </c>
      <c r="C4536" t="s">
        <v>64</v>
      </c>
      <c r="D4536" t="s">
        <v>10</v>
      </c>
      <c r="E4536" t="s">
        <v>11</v>
      </c>
      <c r="F4536" s="2">
        <v>1</v>
      </c>
      <c r="G4536" t="s">
        <v>27</v>
      </c>
      <c r="H4536" t="s">
        <v>13</v>
      </c>
    </row>
    <row r="4537" spans="1:8" x14ac:dyDescent="0.25">
      <c r="A4537" s="1">
        <v>43948</v>
      </c>
      <c r="B4537" t="s">
        <v>3177</v>
      </c>
      <c r="C4537" t="s">
        <v>79</v>
      </c>
      <c r="D4537" t="s">
        <v>10</v>
      </c>
      <c r="E4537" t="s">
        <v>11</v>
      </c>
      <c r="F4537" s="2">
        <v>1</v>
      </c>
      <c r="G4537" t="s">
        <v>181</v>
      </c>
      <c r="H4537" t="s">
        <v>13</v>
      </c>
    </row>
    <row r="4538" spans="1:8" x14ac:dyDescent="0.25">
      <c r="A4538" s="1">
        <v>43948</v>
      </c>
      <c r="B4538" t="s">
        <v>3177</v>
      </c>
      <c r="C4538" t="s">
        <v>80</v>
      </c>
      <c r="D4538" t="s">
        <v>10</v>
      </c>
      <c r="E4538" t="s">
        <v>11</v>
      </c>
      <c r="F4538" s="2">
        <v>1</v>
      </c>
      <c r="G4538" t="s">
        <v>181</v>
      </c>
      <c r="H4538" t="s">
        <v>13</v>
      </c>
    </row>
    <row r="4539" spans="1:8" x14ac:dyDescent="0.25">
      <c r="A4539" s="1">
        <v>43948</v>
      </c>
      <c r="B4539" t="s">
        <v>3178</v>
      </c>
      <c r="C4539" t="s">
        <v>9</v>
      </c>
      <c r="D4539" t="s">
        <v>10</v>
      </c>
      <c r="E4539" t="s">
        <v>11</v>
      </c>
      <c r="F4539" s="2">
        <v>1</v>
      </c>
      <c r="G4539" t="s">
        <v>20</v>
      </c>
      <c r="H4539" t="s">
        <v>13</v>
      </c>
    </row>
    <row r="4540" spans="1:8" x14ac:dyDescent="0.25">
      <c r="A4540" s="1">
        <v>43948</v>
      </c>
      <c r="B4540" t="s">
        <v>3178</v>
      </c>
      <c r="C4540" t="s">
        <v>481</v>
      </c>
      <c r="D4540" t="s">
        <v>10</v>
      </c>
      <c r="E4540" t="s">
        <v>11</v>
      </c>
      <c r="F4540" s="2">
        <v>1</v>
      </c>
      <c r="G4540" t="s">
        <v>20</v>
      </c>
      <c r="H4540" t="s">
        <v>13</v>
      </c>
    </row>
    <row r="4541" spans="1:8" x14ac:dyDescent="0.25">
      <c r="A4541" s="1">
        <v>43948</v>
      </c>
      <c r="B4541" t="s">
        <v>3178</v>
      </c>
      <c r="C4541" t="s">
        <v>35</v>
      </c>
      <c r="D4541" t="s">
        <v>10</v>
      </c>
      <c r="E4541" t="s">
        <v>11</v>
      </c>
      <c r="F4541" s="2">
        <v>1</v>
      </c>
      <c r="G4541" t="s">
        <v>20</v>
      </c>
      <c r="H4541" t="s">
        <v>13</v>
      </c>
    </row>
    <row r="4542" spans="1:8" x14ac:dyDescent="0.25">
      <c r="A4542" s="1">
        <v>43948</v>
      </c>
      <c r="B4542" t="s">
        <v>3179</v>
      </c>
      <c r="C4542" t="s">
        <v>9</v>
      </c>
      <c r="D4542" t="s">
        <v>10</v>
      </c>
      <c r="E4542" t="s">
        <v>11</v>
      </c>
      <c r="F4542" s="2">
        <v>1</v>
      </c>
      <c r="G4542" t="s">
        <v>63</v>
      </c>
      <c r="H4542" t="s">
        <v>13</v>
      </c>
    </row>
    <row r="4543" spans="1:8" x14ac:dyDescent="0.25">
      <c r="A4543" s="1">
        <v>43948</v>
      </c>
      <c r="B4543" t="s">
        <v>3179</v>
      </c>
      <c r="C4543" t="s">
        <v>47</v>
      </c>
      <c r="D4543" t="s">
        <v>10</v>
      </c>
      <c r="E4543" t="s">
        <v>11</v>
      </c>
      <c r="F4543" s="2">
        <v>1</v>
      </c>
      <c r="G4543" t="s">
        <v>63</v>
      </c>
      <c r="H4543" t="s">
        <v>13</v>
      </c>
    </row>
    <row r="4544" spans="1:8" x14ac:dyDescent="0.25">
      <c r="A4544" s="1">
        <v>43948</v>
      </c>
      <c r="B4544" t="s">
        <v>3180</v>
      </c>
      <c r="C4544" t="s">
        <v>9</v>
      </c>
      <c r="D4544" t="s">
        <v>10</v>
      </c>
      <c r="E4544" t="s">
        <v>11</v>
      </c>
      <c r="F4544" s="2">
        <v>1</v>
      </c>
      <c r="G4544" t="s">
        <v>157</v>
      </c>
      <c r="H4544" t="s">
        <v>13</v>
      </c>
    </row>
    <row r="4545" spans="1:8" x14ac:dyDescent="0.25">
      <c r="A4545" s="1">
        <v>43946</v>
      </c>
      <c r="B4545" t="s">
        <v>3181</v>
      </c>
      <c r="C4545" t="s">
        <v>9</v>
      </c>
      <c r="D4545" t="s">
        <v>10</v>
      </c>
      <c r="E4545" t="s">
        <v>11</v>
      </c>
      <c r="F4545" s="2">
        <v>1</v>
      </c>
      <c r="G4545" t="s">
        <v>181</v>
      </c>
      <c r="H4545" t="s">
        <v>13</v>
      </c>
    </row>
    <row r="4546" spans="1:8" x14ac:dyDescent="0.25">
      <c r="A4546" s="1">
        <v>43946</v>
      </c>
      <c r="B4546" t="s">
        <v>3181</v>
      </c>
      <c r="C4546" t="s">
        <v>14</v>
      </c>
      <c r="D4546" t="s">
        <v>10</v>
      </c>
      <c r="E4546" t="s">
        <v>11</v>
      </c>
      <c r="F4546" s="2">
        <v>1</v>
      </c>
      <c r="G4546" t="s">
        <v>181</v>
      </c>
      <c r="H4546" t="s">
        <v>13</v>
      </c>
    </row>
    <row r="4547" spans="1:8" x14ac:dyDescent="0.25">
      <c r="A4547" s="1">
        <v>43946</v>
      </c>
      <c r="B4547" t="s">
        <v>3182</v>
      </c>
      <c r="C4547" t="s">
        <v>47</v>
      </c>
      <c r="D4547" t="s">
        <v>10</v>
      </c>
      <c r="E4547" t="s">
        <v>11</v>
      </c>
      <c r="F4547" s="2">
        <v>1</v>
      </c>
      <c r="G4547" t="s">
        <v>72</v>
      </c>
      <c r="H4547" t="s">
        <v>13</v>
      </c>
    </row>
    <row r="4548" spans="1:8" x14ac:dyDescent="0.25">
      <c r="A4548" s="1">
        <v>43944</v>
      </c>
      <c r="B4548" t="s">
        <v>3183</v>
      </c>
      <c r="C4548" t="s">
        <v>9</v>
      </c>
      <c r="D4548" t="s">
        <v>10</v>
      </c>
      <c r="E4548" t="s">
        <v>11</v>
      </c>
      <c r="F4548" s="2">
        <v>1</v>
      </c>
      <c r="G4548" t="s">
        <v>462</v>
      </c>
      <c r="H4548" t="s">
        <v>13</v>
      </c>
    </row>
    <row r="4549" spans="1:8" x14ac:dyDescent="0.25">
      <c r="A4549" s="1">
        <v>43944</v>
      </c>
      <c r="B4549" t="s">
        <v>3183</v>
      </c>
      <c r="C4549" t="s">
        <v>47</v>
      </c>
      <c r="D4549" t="s">
        <v>10</v>
      </c>
      <c r="E4549" t="s">
        <v>11</v>
      </c>
      <c r="F4549" s="2">
        <v>1</v>
      </c>
      <c r="G4549" t="s">
        <v>462</v>
      </c>
      <c r="H4549" t="s">
        <v>13</v>
      </c>
    </row>
    <row r="4550" spans="1:8" x14ac:dyDescent="0.25">
      <c r="A4550" s="1">
        <v>43942</v>
      </c>
      <c r="B4550" t="s">
        <v>3184</v>
      </c>
      <c r="C4550" t="s">
        <v>79</v>
      </c>
      <c r="D4550" t="s">
        <v>10</v>
      </c>
      <c r="E4550" t="s">
        <v>11</v>
      </c>
      <c r="F4550" s="2">
        <v>1</v>
      </c>
      <c r="G4550" t="s">
        <v>181</v>
      </c>
      <c r="H4550" t="s">
        <v>13</v>
      </c>
    </row>
    <row r="4551" spans="1:8" x14ac:dyDescent="0.25">
      <c r="A4551" s="1">
        <v>43942</v>
      </c>
      <c r="B4551" t="s">
        <v>3184</v>
      </c>
      <c r="C4551" t="s">
        <v>80</v>
      </c>
      <c r="D4551" t="s">
        <v>10</v>
      </c>
      <c r="E4551" t="s">
        <v>11</v>
      </c>
      <c r="F4551" s="2">
        <v>1</v>
      </c>
      <c r="G4551" t="s">
        <v>181</v>
      </c>
      <c r="H4551" t="s">
        <v>13</v>
      </c>
    </row>
    <row r="4552" spans="1:8" x14ac:dyDescent="0.25">
      <c r="A4552" s="1">
        <v>43942</v>
      </c>
      <c r="B4552" t="s">
        <v>3185</v>
      </c>
      <c r="C4552" t="s">
        <v>56</v>
      </c>
      <c r="D4552" t="s">
        <v>10</v>
      </c>
      <c r="E4552" t="s">
        <v>11</v>
      </c>
      <c r="F4552" s="2">
        <v>1</v>
      </c>
      <c r="G4552" t="s">
        <v>100</v>
      </c>
      <c r="H4552" t="s">
        <v>13</v>
      </c>
    </row>
    <row r="4553" spans="1:8" x14ac:dyDescent="0.25">
      <c r="A4553" s="1">
        <v>43941</v>
      </c>
      <c r="B4553" t="s">
        <v>3186</v>
      </c>
      <c r="C4553" t="s">
        <v>9</v>
      </c>
      <c r="D4553" t="s">
        <v>10</v>
      </c>
      <c r="E4553" t="s">
        <v>11</v>
      </c>
      <c r="F4553" s="2">
        <v>1</v>
      </c>
      <c r="G4553" t="s">
        <v>46</v>
      </c>
      <c r="H4553" t="s">
        <v>13</v>
      </c>
    </row>
    <row r="4554" spans="1:8" x14ac:dyDescent="0.25">
      <c r="A4554" s="1">
        <v>43940</v>
      </c>
      <c r="B4554" t="s">
        <v>3187</v>
      </c>
      <c r="C4554" t="s">
        <v>19</v>
      </c>
      <c r="D4554" t="s">
        <v>10</v>
      </c>
      <c r="E4554" t="s">
        <v>11</v>
      </c>
      <c r="F4554" s="2">
        <v>1</v>
      </c>
      <c r="G4554" t="s">
        <v>46</v>
      </c>
      <c r="H4554" t="s">
        <v>13</v>
      </c>
    </row>
    <row r="4555" spans="1:8" x14ac:dyDescent="0.25">
      <c r="A4555" s="1">
        <v>43940</v>
      </c>
      <c r="B4555" t="s">
        <v>3188</v>
      </c>
      <c r="C4555" t="s">
        <v>413</v>
      </c>
      <c r="D4555" t="s">
        <v>10</v>
      </c>
      <c r="E4555" t="s">
        <v>11</v>
      </c>
      <c r="F4555" s="2">
        <v>1</v>
      </c>
      <c r="G4555" t="s">
        <v>125</v>
      </c>
      <c r="H4555" t="s">
        <v>13</v>
      </c>
    </row>
    <row r="4556" spans="1:8" x14ac:dyDescent="0.25">
      <c r="A4556" s="1">
        <v>43940</v>
      </c>
      <c r="B4556" t="s">
        <v>3189</v>
      </c>
      <c r="C4556" t="s">
        <v>9</v>
      </c>
      <c r="D4556" t="s">
        <v>26</v>
      </c>
      <c r="E4556" t="s">
        <v>11</v>
      </c>
      <c r="F4556" s="2">
        <v>1</v>
      </c>
      <c r="G4556" t="s">
        <v>31</v>
      </c>
      <c r="H4556" t="s">
        <v>13</v>
      </c>
    </row>
    <row r="4557" spans="1:8" x14ac:dyDescent="0.25">
      <c r="A4557" s="1">
        <v>43940</v>
      </c>
      <c r="B4557" t="s">
        <v>3189</v>
      </c>
      <c r="C4557" t="s">
        <v>35</v>
      </c>
      <c r="D4557" t="s">
        <v>26</v>
      </c>
      <c r="E4557" t="s">
        <v>11</v>
      </c>
      <c r="F4557" s="2">
        <v>1</v>
      </c>
      <c r="G4557" t="s">
        <v>31</v>
      </c>
      <c r="H4557" t="s">
        <v>13</v>
      </c>
    </row>
    <row r="4558" spans="1:8" x14ac:dyDescent="0.25">
      <c r="A4558" s="1">
        <v>43940</v>
      </c>
      <c r="B4558" t="s">
        <v>3190</v>
      </c>
      <c r="C4558" t="s">
        <v>9</v>
      </c>
      <c r="D4558" t="s">
        <v>10</v>
      </c>
      <c r="E4558" t="s">
        <v>11</v>
      </c>
      <c r="F4558" s="2">
        <v>1</v>
      </c>
      <c r="G4558" t="s">
        <v>1544</v>
      </c>
      <c r="H4558" t="s">
        <v>13</v>
      </c>
    </row>
    <row r="4559" spans="1:8" x14ac:dyDescent="0.25">
      <c r="A4559" s="1">
        <v>43939</v>
      </c>
      <c r="B4559" t="s">
        <v>3191</v>
      </c>
      <c r="C4559" t="s">
        <v>115</v>
      </c>
      <c r="D4559" t="s">
        <v>10</v>
      </c>
      <c r="E4559" t="s">
        <v>11</v>
      </c>
      <c r="F4559" s="2">
        <v>1</v>
      </c>
      <c r="G4559" t="s">
        <v>181</v>
      </c>
      <c r="H4559" t="s">
        <v>13</v>
      </c>
    </row>
    <row r="4560" spans="1:8" x14ac:dyDescent="0.25">
      <c r="A4560" s="1">
        <v>43939</v>
      </c>
      <c r="B4560" t="s">
        <v>3191</v>
      </c>
      <c r="C4560" t="s">
        <v>413</v>
      </c>
      <c r="D4560" t="s">
        <v>10</v>
      </c>
      <c r="E4560" t="s">
        <v>11</v>
      </c>
      <c r="F4560" s="2">
        <v>1</v>
      </c>
      <c r="G4560" t="s">
        <v>181</v>
      </c>
      <c r="H4560" t="s">
        <v>13</v>
      </c>
    </row>
    <row r="4561" spans="1:8" x14ac:dyDescent="0.25">
      <c r="A4561" s="1">
        <v>43938</v>
      </c>
      <c r="B4561" t="s">
        <v>3192</v>
      </c>
      <c r="C4561" t="s">
        <v>9</v>
      </c>
      <c r="D4561" t="s">
        <v>10</v>
      </c>
      <c r="E4561" t="s">
        <v>11</v>
      </c>
      <c r="F4561" s="2">
        <v>1</v>
      </c>
      <c r="G4561" t="s">
        <v>145</v>
      </c>
      <c r="H4561" t="s">
        <v>13</v>
      </c>
    </row>
    <row r="4562" spans="1:8" x14ac:dyDescent="0.25">
      <c r="A4562" s="1">
        <v>43938</v>
      </c>
      <c r="B4562" t="s">
        <v>3192</v>
      </c>
      <c r="C4562" t="s">
        <v>118</v>
      </c>
      <c r="D4562" t="s">
        <v>10</v>
      </c>
      <c r="E4562" t="s">
        <v>11</v>
      </c>
      <c r="F4562" s="2">
        <v>1</v>
      </c>
      <c r="G4562" t="s">
        <v>145</v>
      </c>
      <c r="H4562" t="s">
        <v>13</v>
      </c>
    </row>
    <row r="4563" spans="1:8" x14ac:dyDescent="0.25">
      <c r="A4563" s="1">
        <v>43938</v>
      </c>
      <c r="B4563" t="s">
        <v>3192</v>
      </c>
      <c r="C4563" t="s">
        <v>151</v>
      </c>
      <c r="D4563" t="s">
        <v>10</v>
      </c>
      <c r="E4563" t="s">
        <v>11</v>
      </c>
      <c r="F4563" s="2">
        <v>1</v>
      </c>
      <c r="G4563" t="s">
        <v>145</v>
      </c>
      <c r="H4563" t="s">
        <v>13</v>
      </c>
    </row>
    <row r="4564" spans="1:8" x14ac:dyDescent="0.25">
      <c r="A4564" s="1">
        <v>43937</v>
      </c>
      <c r="B4564" t="s">
        <v>3193</v>
      </c>
      <c r="C4564" t="s">
        <v>79</v>
      </c>
      <c r="D4564" t="s">
        <v>10</v>
      </c>
      <c r="E4564" t="s">
        <v>11</v>
      </c>
      <c r="F4564" s="2">
        <v>1</v>
      </c>
      <c r="G4564" t="s">
        <v>181</v>
      </c>
      <c r="H4564" t="s">
        <v>13</v>
      </c>
    </row>
    <row r="4565" spans="1:8" x14ac:dyDescent="0.25">
      <c r="A4565" s="1">
        <v>43937</v>
      </c>
      <c r="B4565" t="s">
        <v>3193</v>
      </c>
      <c r="C4565" t="s">
        <v>80</v>
      </c>
      <c r="D4565" t="s">
        <v>10</v>
      </c>
      <c r="E4565" t="s">
        <v>11</v>
      </c>
      <c r="F4565" s="2">
        <v>1</v>
      </c>
      <c r="G4565" t="s">
        <v>181</v>
      </c>
      <c r="H4565" t="s">
        <v>13</v>
      </c>
    </row>
    <row r="4566" spans="1:8" x14ac:dyDescent="0.25">
      <c r="A4566" s="1">
        <v>43937</v>
      </c>
      <c r="B4566" t="s">
        <v>3194</v>
      </c>
      <c r="C4566" t="s">
        <v>79</v>
      </c>
      <c r="D4566" t="s">
        <v>10</v>
      </c>
      <c r="E4566" t="s">
        <v>11</v>
      </c>
      <c r="F4566" s="2">
        <v>1</v>
      </c>
      <c r="G4566" t="s">
        <v>100</v>
      </c>
      <c r="H4566" t="s">
        <v>13</v>
      </c>
    </row>
    <row r="4567" spans="1:8" x14ac:dyDescent="0.25">
      <c r="A4567" s="1">
        <v>43937</v>
      </c>
      <c r="B4567" t="s">
        <v>3194</v>
      </c>
      <c r="C4567" t="s">
        <v>80</v>
      </c>
      <c r="D4567" t="s">
        <v>10</v>
      </c>
      <c r="E4567" t="s">
        <v>11</v>
      </c>
      <c r="F4567" s="2">
        <v>1</v>
      </c>
      <c r="G4567" t="s">
        <v>100</v>
      </c>
      <c r="H4567" t="s">
        <v>13</v>
      </c>
    </row>
    <row r="4568" spans="1:8" x14ac:dyDescent="0.25">
      <c r="A4568" s="1">
        <v>43936</v>
      </c>
      <c r="B4568" t="s">
        <v>3195</v>
      </c>
      <c r="C4568" t="s">
        <v>79</v>
      </c>
      <c r="D4568" t="s">
        <v>10</v>
      </c>
      <c r="E4568" t="s">
        <v>11</v>
      </c>
      <c r="F4568" s="2">
        <v>1</v>
      </c>
      <c r="G4568" t="s">
        <v>157</v>
      </c>
      <c r="H4568" t="s">
        <v>13</v>
      </c>
    </row>
    <row r="4569" spans="1:8" x14ac:dyDescent="0.25">
      <c r="A4569" s="1">
        <v>43936</v>
      </c>
      <c r="B4569" t="s">
        <v>3195</v>
      </c>
      <c r="C4569" t="s">
        <v>80</v>
      </c>
      <c r="D4569" t="s">
        <v>10</v>
      </c>
      <c r="E4569" t="s">
        <v>11</v>
      </c>
      <c r="F4569" s="2">
        <v>1</v>
      </c>
      <c r="G4569" t="s">
        <v>157</v>
      </c>
      <c r="H4569" t="s">
        <v>13</v>
      </c>
    </row>
    <row r="4570" spans="1:8" x14ac:dyDescent="0.25">
      <c r="A4570" s="1">
        <v>43936</v>
      </c>
      <c r="B4570" t="s">
        <v>3196</v>
      </c>
      <c r="C4570" t="s">
        <v>19</v>
      </c>
      <c r="D4570" t="s">
        <v>10</v>
      </c>
      <c r="E4570" t="s">
        <v>11</v>
      </c>
      <c r="F4570" s="2">
        <v>1</v>
      </c>
      <c r="G4570" t="s">
        <v>63</v>
      </c>
      <c r="H4570" t="s">
        <v>13</v>
      </c>
    </row>
    <row r="4571" spans="1:8" x14ac:dyDescent="0.25">
      <c r="A4571" s="1">
        <v>43936</v>
      </c>
      <c r="B4571" t="s">
        <v>3196</v>
      </c>
      <c r="C4571" t="s">
        <v>689</v>
      </c>
      <c r="D4571" t="s">
        <v>10</v>
      </c>
      <c r="E4571" t="s">
        <v>11</v>
      </c>
      <c r="F4571" s="2">
        <v>1</v>
      </c>
      <c r="G4571" t="s">
        <v>63</v>
      </c>
      <c r="H4571" t="s">
        <v>13</v>
      </c>
    </row>
    <row r="4572" spans="1:8" x14ac:dyDescent="0.25">
      <c r="A4572" s="1">
        <v>43935</v>
      </c>
      <c r="B4572" t="s">
        <v>3197</v>
      </c>
      <c r="C4572" t="s">
        <v>9</v>
      </c>
      <c r="D4572" t="s">
        <v>10</v>
      </c>
      <c r="E4572" t="s">
        <v>11</v>
      </c>
      <c r="F4572" s="2">
        <v>1</v>
      </c>
      <c r="G4572" t="s">
        <v>37</v>
      </c>
      <c r="H4572" t="s">
        <v>13</v>
      </c>
    </row>
    <row r="4573" spans="1:8" x14ac:dyDescent="0.25">
      <c r="A4573" s="1">
        <v>43935</v>
      </c>
      <c r="B4573" t="s">
        <v>3197</v>
      </c>
      <c r="C4573" t="s">
        <v>518</v>
      </c>
      <c r="D4573" t="s">
        <v>10</v>
      </c>
      <c r="E4573" t="s">
        <v>11</v>
      </c>
      <c r="F4573" s="2">
        <v>1</v>
      </c>
      <c r="G4573" t="s">
        <v>37</v>
      </c>
      <c r="H4573" t="s">
        <v>13</v>
      </c>
    </row>
    <row r="4574" spans="1:8" x14ac:dyDescent="0.25">
      <c r="A4574" s="1">
        <v>43935</v>
      </c>
      <c r="B4574" t="s">
        <v>3198</v>
      </c>
      <c r="C4574" t="s">
        <v>19</v>
      </c>
      <c r="D4574" t="s">
        <v>10</v>
      </c>
      <c r="E4574" t="s">
        <v>11</v>
      </c>
      <c r="F4574" s="2">
        <v>1</v>
      </c>
      <c r="G4574" t="s">
        <v>46</v>
      </c>
      <c r="H4574" t="s">
        <v>13</v>
      </c>
    </row>
    <row r="4575" spans="1:8" x14ac:dyDescent="0.25">
      <c r="A4575" s="1">
        <v>43935</v>
      </c>
      <c r="B4575" t="s">
        <v>3198</v>
      </c>
      <c r="C4575" t="s">
        <v>79</v>
      </c>
      <c r="D4575" t="s">
        <v>10</v>
      </c>
      <c r="E4575" t="s">
        <v>11</v>
      </c>
      <c r="F4575" s="2">
        <v>1</v>
      </c>
      <c r="G4575" t="s">
        <v>46</v>
      </c>
      <c r="H4575" t="s">
        <v>13</v>
      </c>
    </row>
    <row r="4576" spans="1:8" x14ac:dyDescent="0.25">
      <c r="A4576" s="1">
        <v>43935</v>
      </c>
      <c r="B4576" t="s">
        <v>3198</v>
      </c>
      <c r="C4576" t="s">
        <v>103</v>
      </c>
      <c r="D4576" t="s">
        <v>10</v>
      </c>
      <c r="E4576" t="s">
        <v>11</v>
      </c>
      <c r="F4576" s="2">
        <v>1</v>
      </c>
      <c r="G4576" t="s">
        <v>46</v>
      </c>
      <c r="H4576" t="s">
        <v>13</v>
      </c>
    </row>
    <row r="4577" spans="1:8" x14ac:dyDescent="0.25">
      <c r="A4577" s="1">
        <v>43932</v>
      </c>
      <c r="B4577" t="s">
        <v>3199</v>
      </c>
      <c r="C4577" t="s">
        <v>3200</v>
      </c>
      <c r="D4577" t="s">
        <v>10</v>
      </c>
      <c r="E4577" t="s">
        <v>11</v>
      </c>
      <c r="F4577" s="2">
        <v>1</v>
      </c>
      <c r="G4577" t="s">
        <v>17</v>
      </c>
      <c r="H4577" t="s">
        <v>13</v>
      </c>
    </row>
    <row r="4578" spans="1:8" x14ac:dyDescent="0.25">
      <c r="A4578" s="1">
        <v>43932</v>
      </c>
      <c r="B4578" t="s">
        <v>3201</v>
      </c>
      <c r="C4578" t="s">
        <v>79</v>
      </c>
      <c r="D4578" t="s">
        <v>10</v>
      </c>
      <c r="E4578" t="s">
        <v>11</v>
      </c>
      <c r="F4578" s="2">
        <v>1</v>
      </c>
      <c r="G4578" t="s">
        <v>31</v>
      </c>
      <c r="H4578" t="s">
        <v>13</v>
      </c>
    </row>
    <row r="4579" spans="1:8" x14ac:dyDescent="0.25">
      <c r="A4579" s="1">
        <v>43931</v>
      </c>
      <c r="B4579" t="s">
        <v>3202</v>
      </c>
      <c r="C4579" t="s">
        <v>9</v>
      </c>
      <c r="D4579" t="s">
        <v>10</v>
      </c>
      <c r="E4579" t="s">
        <v>11</v>
      </c>
      <c r="F4579" s="2">
        <v>1</v>
      </c>
      <c r="G4579" t="s">
        <v>40</v>
      </c>
      <c r="H4579" t="s">
        <v>13</v>
      </c>
    </row>
    <row r="4580" spans="1:8" x14ac:dyDescent="0.25">
      <c r="A4580" s="1">
        <v>43929</v>
      </c>
      <c r="B4580" t="s">
        <v>3203</v>
      </c>
      <c r="C4580" t="s">
        <v>79</v>
      </c>
      <c r="D4580" t="s">
        <v>10</v>
      </c>
      <c r="E4580" t="s">
        <v>11</v>
      </c>
      <c r="F4580" s="2">
        <v>1</v>
      </c>
      <c r="G4580" t="s">
        <v>72</v>
      </c>
      <c r="H4580" t="s">
        <v>13</v>
      </c>
    </row>
    <row r="4581" spans="1:8" x14ac:dyDescent="0.25">
      <c r="A4581" s="1">
        <v>43929</v>
      </c>
      <c r="B4581" t="s">
        <v>3203</v>
      </c>
      <c r="C4581" t="s">
        <v>80</v>
      </c>
      <c r="D4581" t="s">
        <v>10</v>
      </c>
      <c r="E4581" t="s">
        <v>11</v>
      </c>
      <c r="F4581" s="2">
        <v>1</v>
      </c>
      <c r="G4581" t="s">
        <v>72</v>
      </c>
      <c r="H4581" t="s">
        <v>13</v>
      </c>
    </row>
    <row r="4582" spans="1:8" x14ac:dyDescent="0.25">
      <c r="A4582" s="1">
        <v>43927</v>
      </c>
      <c r="B4582" t="s">
        <v>3204</v>
      </c>
      <c r="C4582" t="s">
        <v>60</v>
      </c>
      <c r="D4582" t="s">
        <v>10</v>
      </c>
      <c r="E4582" t="s">
        <v>11</v>
      </c>
      <c r="F4582" s="2">
        <v>1</v>
      </c>
      <c r="G4582" t="s">
        <v>1209</v>
      </c>
      <c r="H4582" t="s">
        <v>13</v>
      </c>
    </row>
    <row r="4583" spans="1:8" x14ac:dyDescent="0.25">
      <c r="A4583" s="1">
        <v>43925</v>
      </c>
      <c r="B4583" t="s">
        <v>3205</v>
      </c>
      <c r="C4583" t="s">
        <v>812</v>
      </c>
      <c r="D4583" t="s">
        <v>10</v>
      </c>
      <c r="E4583" t="s">
        <v>11</v>
      </c>
      <c r="F4583" s="2">
        <v>1</v>
      </c>
      <c r="G4583" t="s">
        <v>2561</v>
      </c>
      <c r="H4583" t="s">
        <v>13</v>
      </c>
    </row>
    <row r="4584" spans="1:8" x14ac:dyDescent="0.25">
      <c r="A4584" s="1">
        <v>43925</v>
      </c>
      <c r="B4584" t="s">
        <v>3205</v>
      </c>
      <c r="C4584" t="s">
        <v>1259</v>
      </c>
      <c r="D4584" t="s">
        <v>10</v>
      </c>
      <c r="E4584" t="s">
        <v>11</v>
      </c>
      <c r="F4584" s="2">
        <v>1</v>
      </c>
      <c r="G4584" t="s">
        <v>2561</v>
      </c>
      <c r="H4584" t="s">
        <v>13</v>
      </c>
    </row>
    <row r="4585" spans="1:8" x14ac:dyDescent="0.25">
      <c r="A4585" s="1">
        <v>43925</v>
      </c>
      <c r="B4585" t="s">
        <v>3206</v>
      </c>
      <c r="C4585" t="s">
        <v>379</v>
      </c>
      <c r="D4585" t="s">
        <v>10</v>
      </c>
      <c r="E4585" t="s">
        <v>11</v>
      </c>
      <c r="F4585" s="2">
        <v>1</v>
      </c>
      <c r="G4585" t="s">
        <v>72</v>
      </c>
      <c r="H4585" t="s">
        <v>13</v>
      </c>
    </row>
    <row r="4586" spans="1:8" x14ac:dyDescent="0.25">
      <c r="A4586" s="1">
        <v>43925</v>
      </c>
      <c r="B4586" t="s">
        <v>3206</v>
      </c>
      <c r="C4586" t="s">
        <v>379</v>
      </c>
      <c r="D4586" t="s">
        <v>10</v>
      </c>
      <c r="E4586" t="s">
        <v>11</v>
      </c>
      <c r="F4586" s="2">
        <v>1</v>
      </c>
      <c r="G4586" t="s">
        <v>72</v>
      </c>
      <c r="H4586" t="s">
        <v>13</v>
      </c>
    </row>
    <row r="4587" spans="1:8" x14ac:dyDescent="0.25">
      <c r="A4587" s="1">
        <v>43925</v>
      </c>
      <c r="B4587" t="s">
        <v>3206</v>
      </c>
      <c r="C4587" t="s">
        <v>453</v>
      </c>
      <c r="D4587" t="s">
        <v>10</v>
      </c>
      <c r="E4587" t="s">
        <v>11</v>
      </c>
      <c r="F4587" s="2">
        <v>1</v>
      </c>
      <c r="G4587" t="s">
        <v>72</v>
      </c>
      <c r="H4587" t="s">
        <v>13</v>
      </c>
    </row>
    <row r="4588" spans="1:8" x14ac:dyDescent="0.25">
      <c r="A4588" s="1">
        <v>43925</v>
      </c>
      <c r="B4588" t="s">
        <v>3206</v>
      </c>
      <c r="C4588" t="s">
        <v>453</v>
      </c>
      <c r="D4588" t="s">
        <v>10</v>
      </c>
      <c r="E4588" t="s">
        <v>11</v>
      </c>
      <c r="F4588" s="2">
        <v>1</v>
      </c>
      <c r="G4588" t="s">
        <v>72</v>
      </c>
      <c r="H4588" t="s">
        <v>13</v>
      </c>
    </row>
    <row r="4589" spans="1:8" x14ac:dyDescent="0.25">
      <c r="A4589" s="1">
        <v>43923</v>
      </c>
      <c r="B4589" t="s">
        <v>3207</v>
      </c>
      <c r="C4589" t="s">
        <v>29</v>
      </c>
      <c r="D4589" t="s">
        <v>10</v>
      </c>
      <c r="E4589" t="s">
        <v>11</v>
      </c>
      <c r="F4589" s="2">
        <v>1</v>
      </c>
      <c r="G4589" t="s">
        <v>46</v>
      </c>
      <c r="H4589" t="s">
        <v>13</v>
      </c>
    </row>
    <row r="4590" spans="1:8" x14ac:dyDescent="0.25">
      <c r="A4590" s="1">
        <v>43923</v>
      </c>
      <c r="B4590" t="s">
        <v>3208</v>
      </c>
      <c r="C4590" t="s">
        <v>52</v>
      </c>
      <c r="D4590" t="s">
        <v>10</v>
      </c>
      <c r="E4590" t="s">
        <v>11</v>
      </c>
      <c r="F4590" s="2">
        <v>1</v>
      </c>
      <c r="G4590" t="s">
        <v>12</v>
      </c>
      <c r="H4590" t="s">
        <v>13</v>
      </c>
    </row>
    <row r="4591" spans="1:8" x14ac:dyDescent="0.25">
      <c r="A4591" s="1">
        <v>43923</v>
      </c>
      <c r="B4591" t="s">
        <v>3208</v>
      </c>
      <c r="C4591" t="s">
        <v>47</v>
      </c>
      <c r="D4591" t="s">
        <v>10</v>
      </c>
      <c r="E4591" t="s">
        <v>11</v>
      </c>
      <c r="F4591" s="2">
        <v>1</v>
      </c>
      <c r="G4591" t="s">
        <v>12</v>
      </c>
      <c r="H4591" t="s">
        <v>13</v>
      </c>
    </row>
    <row r="4592" spans="1:8" x14ac:dyDescent="0.25">
      <c r="A4592" s="1">
        <v>43922</v>
      </c>
      <c r="B4592" t="s">
        <v>3209</v>
      </c>
      <c r="C4592" t="s">
        <v>9</v>
      </c>
      <c r="D4592" t="s">
        <v>10</v>
      </c>
      <c r="E4592" t="s">
        <v>11</v>
      </c>
      <c r="F4592" s="2">
        <v>1</v>
      </c>
      <c r="G4592" t="s">
        <v>135</v>
      </c>
      <c r="H4592" t="s">
        <v>13</v>
      </c>
    </row>
    <row r="4593" spans="1:8" x14ac:dyDescent="0.25">
      <c r="A4593" s="1">
        <v>43920</v>
      </c>
      <c r="B4593" t="s">
        <v>3210</v>
      </c>
      <c r="C4593" t="s">
        <v>14</v>
      </c>
      <c r="D4593" t="s">
        <v>10</v>
      </c>
      <c r="E4593" t="s">
        <v>11</v>
      </c>
      <c r="F4593" s="2">
        <v>1</v>
      </c>
      <c r="G4593" t="s">
        <v>27</v>
      </c>
      <c r="H4593" t="s">
        <v>13</v>
      </c>
    </row>
    <row r="4594" spans="1:8" x14ac:dyDescent="0.25">
      <c r="A4594" s="1">
        <v>43919</v>
      </c>
      <c r="B4594" t="s">
        <v>3211</v>
      </c>
      <c r="C4594" t="s">
        <v>9</v>
      </c>
      <c r="D4594" t="s">
        <v>10</v>
      </c>
      <c r="E4594" t="s">
        <v>11</v>
      </c>
      <c r="F4594" s="2">
        <v>1</v>
      </c>
      <c r="G4594" t="s">
        <v>37</v>
      </c>
      <c r="H4594" t="s">
        <v>13</v>
      </c>
    </row>
    <row r="4595" spans="1:8" x14ac:dyDescent="0.25">
      <c r="A4595" s="1">
        <v>43919</v>
      </c>
      <c r="B4595" t="s">
        <v>3211</v>
      </c>
      <c r="C4595" t="s">
        <v>47</v>
      </c>
      <c r="D4595" t="s">
        <v>10</v>
      </c>
      <c r="E4595" t="s">
        <v>11</v>
      </c>
      <c r="F4595" s="2">
        <v>1</v>
      </c>
      <c r="G4595" t="s">
        <v>37</v>
      </c>
      <c r="H4595" t="s">
        <v>13</v>
      </c>
    </row>
    <row r="4596" spans="1:8" x14ac:dyDescent="0.25">
      <c r="A4596" s="1">
        <v>43918</v>
      </c>
      <c r="B4596" t="s">
        <v>3212</v>
      </c>
      <c r="C4596" t="s">
        <v>9</v>
      </c>
      <c r="D4596" t="s">
        <v>10</v>
      </c>
      <c r="E4596" t="s">
        <v>11</v>
      </c>
      <c r="F4596" s="2">
        <v>1</v>
      </c>
      <c r="G4596" t="s">
        <v>77</v>
      </c>
      <c r="H4596" t="s">
        <v>13</v>
      </c>
    </row>
    <row r="4597" spans="1:8" x14ac:dyDescent="0.25">
      <c r="A4597" s="1">
        <v>43918</v>
      </c>
      <c r="B4597" t="s">
        <v>3212</v>
      </c>
      <c r="C4597" t="s">
        <v>47</v>
      </c>
      <c r="D4597" t="s">
        <v>10</v>
      </c>
      <c r="E4597" t="s">
        <v>11</v>
      </c>
      <c r="F4597" s="2">
        <v>1</v>
      </c>
      <c r="G4597" t="s">
        <v>77</v>
      </c>
      <c r="H4597" t="s">
        <v>13</v>
      </c>
    </row>
    <row r="4598" spans="1:8" x14ac:dyDescent="0.25">
      <c r="A4598" s="1">
        <v>43918</v>
      </c>
      <c r="B4598" t="s">
        <v>3213</v>
      </c>
      <c r="C4598" t="s">
        <v>35</v>
      </c>
      <c r="D4598" t="s">
        <v>10</v>
      </c>
      <c r="E4598" t="s">
        <v>11</v>
      </c>
      <c r="F4598" s="2">
        <v>1</v>
      </c>
      <c r="G4598" t="s">
        <v>165</v>
      </c>
      <c r="H4598" t="s">
        <v>13</v>
      </c>
    </row>
    <row r="4599" spans="1:8" x14ac:dyDescent="0.25">
      <c r="A4599" s="1">
        <v>43917</v>
      </c>
      <c r="B4599" t="s">
        <v>3214</v>
      </c>
      <c r="C4599" t="s">
        <v>9</v>
      </c>
      <c r="D4599" t="s">
        <v>10</v>
      </c>
      <c r="E4599" t="s">
        <v>11</v>
      </c>
      <c r="F4599" s="2">
        <v>1</v>
      </c>
      <c r="G4599" t="s">
        <v>77</v>
      </c>
      <c r="H4599" t="s">
        <v>13</v>
      </c>
    </row>
    <row r="4600" spans="1:8" x14ac:dyDescent="0.25">
      <c r="A4600" s="1">
        <v>43915</v>
      </c>
      <c r="B4600" t="s">
        <v>3215</v>
      </c>
      <c r="C4600" t="s">
        <v>780</v>
      </c>
      <c r="D4600" t="s">
        <v>10</v>
      </c>
      <c r="E4600" t="s">
        <v>11</v>
      </c>
      <c r="F4600" s="2">
        <v>1</v>
      </c>
      <c r="G4600" t="s">
        <v>555</v>
      </c>
      <c r="H4600" t="s">
        <v>13</v>
      </c>
    </row>
    <row r="4601" spans="1:8" x14ac:dyDescent="0.25">
      <c r="A4601" s="1">
        <v>43914</v>
      </c>
      <c r="B4601" t="s">
        <v>3216</v>
      </c>
      <c r="C4601" t="s">
        <v>140</v>
      </c>
      <c r="D4601" t="s">
        <v>10</v>
      </c>
      <c r="E4601" t="s">
        <v>11</v>
      </c>
      <c r="F4601" s="2">
        <v>1</v>
      </c>
      <c r="G4601" t="s">
        <v>1207</v>
      </c>
      <c r="H4601" t="s">
        <v>13</v>
      </c>
    </row>
    <row r="4602" spans="1:8" x14ac:dyDescent="0.25">
      <c r="A4602" s="1">
        <v>43913</v>
      </c>
      <c r="B4602" t="s">
        <v>3217</v>
      </c>
      <c r="C4602" t="s">
        <v>47</v>
      </c>
      <c r="D4602" t="s">
        <v>10</v>
      </c>
      <c r="E4602" t="s">
        <v>11</v>
      </c>
      <c r="F4602" s="2">
        <v>1</v>
      </c>
      <c r="G4602" t="s">
        <v>1405</v>
      </c>
      <c r="H4602" t="s">
        <v>13</v>
      </c>
    </row>
    <row r="4603" spans="1:8" x14ac:dyDescent="0.25">
      <c r="A4603" s="1">
        <v>43913</v>
      </c>
      <c r="B4603" t="s">
        <v>3218</v>
      </c>
      <c r="C4603" t="s">
        <v>14</v>
      </c>
      <c r="D4603" t="s">
        <v>10</v>
      </c>
      <c r="E4603" t="s">
        <v>11</v>
      </c>
      <c r="F4603" s="2">
        <v>1</v>
      </c>
      <c r="G4603" t="s">
        <v>72</v>
      </c>
      <c r="H4603" t="s">
        <v>13</v>
      </c>
    </row>
    <row r="4604" spans="1:8" x14ac:dyDescent="0.25">
      <c r="A4604" s="1">
        <v>43913</v>
      </c>
      <c r="B4604" t="s">
        <v>3219</v>
      </c>
      <c r="C4604" t="s">
        <v>1153</v>
      </c>
      <c r="D4604" t="s">
        <v>10</v>
      </c>
      <c r="E4604" t="s">
        <v>11</v>
      </c>
      <c r="F4604" s="2">
        <v>1</v>
      </c>
      <c r="G4604" t="s">
        <v>20</v>
      </c>
      <c r="H4604" t="s">
        <v>13</v>
      </c>
    </row>
    <row r="4605" spans="1:8" x14ac:dyDescent="0.25">
      <c r="A4605" s="1">
        <v>43913</v>
      </c>
      <c r="B4605" t="s">
        <v>3219</v>
      </c>
      <c r="C4605" t="s">
        <v>47</v>
      </c>
      <c r="D4605" t="s">
        <v>10</v>
      </c>
      <c r="E4605" t="s">
        <v>11</v>
      </c>
      <c r="F4605" s="2">
        <v>1</v>
      </c>
      <c r="G4605" t="s">
        <v>20</v>
      </c>
      <c r="H4605" t="s">
        <v>13</v>
      </c>
    </row>
    <row r="4606" spans="1:8" x14ac:dyDescent="0.25">
      <c r="A4606" s="1">
        <v>43913</v>
      </c>
      <c r="B4606" t="s">
        <v>3220</v>
      </c>
      <c r="C4606" t="s">
        <v>42</v>
      </c>
      <c r="D4606" t="s">
        <v>10</v>
      </c>
      <c r="E4606" t="s">
        <v>11</v>
      </c>
      <c r="F4606" s="2">
        <v>1</v>
      </c>
      <c r="G4606" t="s">
        <v>205</v>
      </c>
      <c r="H4606" t="s">
        <v>13</v>
      </c>
    </row>
    <row r="4607" spans="1:8" x14ac:dyDescent="0.25">
      <c r="A4607" s="1">
        <v>43911</v>
      </c>
      <c r="B4607" t="s">
        <v>3221</v>
      </c>
      <c r="C4607" t="s">
        <v>2313</v>
      </c>
      <c r="D4607" t="s">
        <v>10</v>
      </c>
      <c r="E4607" t="s">
        <v>11</v>
      </c>
      <c r="F4607" s="2">
        <v>1</v>
      </c>
      <c r="G4607" t="s">
        <v>856</v>
      </c>
      <c r="H4607" t="s">
        <v>13</v>
      </c>
    </row>
    <row r="4608" spans="1:8" x14ac:dyDescent="0.25">
      <c r="A4608" s="1">
        <v>43910</v>
      </c>
      <c r="B4608" t="s">
        <v>3222</v>
      </c>
      <c r="C4608" t="s">
        <v>222</v>
      </c>
      <c r="D4608" t="s">
        <v>10</v>
      </c>
      <c r="E4608" t="s">
        <v>11</v>
      </c>
      <c r="F4608" s="2">
        <v>1</v>
      </c>
      <c r="G4608" t="s">
        <v>2683</v>
      </c>
      <c r="H4608" t="s">
        <v>13</v>
      </c>
    </row>
    <row r="4609" spans="1:8" x14ac:dyDescent="0.25">
      <c r="A4609" s="1">
        <v>43910</v>
      </c>
      <c r="B4609" t="s">
        <v>3223</v>
      </c>
      <c r="C4609" t="s">
        <v>149</v>
      </c>
      <c r="D4609" t="s">
        <v>10</v>
      </c>
      <c r="E4609" t="s">
        <v>11</v>
      </c>
      <c r="F4609" s="2">
        <v>2</v>
      </c>
      <c r="G4609" t="s">
        <v>46</v>
      </c>
      <c r="H4609" t="s">
        <v>13</v>
      </c>
    </row>
    <row r="4610" spans="1:8" x14ac:dyDescent="0.25">
      <c r="A4610" s="1">
        <v>43910</v>
      </c>
      <c r="B4610" t="s">
        <v>3223</v>
      </c>
      <c r="C4610" t="s">
        <v>149</v>
      </c>
      <c r="D4610" t="s">
        <v>10</v>
      </c>
      <c r="E4610" t="s">
        <v>11</v>
      </c>
      <c r="F4610" s="2">
        <v>2</v>
      </c>
      <c r="G4610" t="s">
        <v>46</v>
      </c>
      <c r="H4610" t="s">
        <v>13</v>
      </c>
    </row>
    <row r="4611" spans="1:8" x14ac:dyDescent="0.25">
      <c r="A4611" s="1">
        <v>43910</v>
      </c>
      <c r="B4611" t="s">
        <v>3224</v>
      </c>
      <c r="C4611" t="s">
        <v>222</v>
      </c>
      <c r="D4611" t="s">
        <v>10</v>
      </c>
      <c r="E4611" t="s">
        <v>11</v>
      </c>
      <c r="F4611" s="2">
        <v>1</v>
      </c>
      <c r="G4611" t="s">
        <v>53</v>
      </c>
      <c r="H4611" t="s">
        <v>13</v>
      </c>
    </row>
    <row r="4612" spans="1:8" x14ac:dyDescent="0.25">
      <c r="A4612" s="1">
        <v>43908</v>
      </c>
      <c r="B4612" t="s">
        <v>3225</v>
      </c>
      <c r="C4612" t="s">
        <v>9</v>
      </c>
      <c r="D4612" t="s">
        <v>10</v>
      </c>
      <c r="E4612" t="s">
        <v>11</v>
      </c>
      <c r="F4612" s="2">
        <v>1</v>
      </c>
      <c r="G4612" t="s">
        <v>131</v>
      </c>
      <c r="H4612" t="s">
        <v>13</v>
      </c>
    </row>
    <row r="4613" spans="1:8" x14ac:dyDescent="0.25">
      <c r="A4613" s="1">
        <v>43907</v>
      </c>
      <c r="B4613" t="s">
        <v>3226</v>
      </c>
      <c r="C4613" t="s">
        <v>60</v>
      </c>
      <c r="D4613" t="s">
        <v>10</v>
      </c>
      <c r="E4613" t="s">
        <v>11</v>
      </c>
      <c r="F4613" s="2">
        <v>1</v>
      </c>
      <c r="G4613" t="s">
        <v>31</v>
      </c>
      <c r="H4613" t="s">
        <v>13</v>
      </c>
    </row>
    <row r="4614" spans="1:8" x14ac:dyDescent="0.25">
      <c r="A4614" s="1">
        <v>43906</v>
      </c>
      <c r="B4614" t="s">
        <v>3227</v>
      </c>
      <c r="C4614" t="s">
        <v>835</v>
      </c>
      <c r="D4614" t="s">
        <v>10</v>
      </c>
      <c r="E4614" t="s">
        <v>11</v>
      </c>
      <c r="F4614" s="2">
        <v>1</v>
      </c>
      <c r="G4614" t="s">
        <v>20</v>
      </c>
      <c r="H4614" t="s">
        <v>13</v>
      </c>
    </row>
    <row r="4615" spans="1:8" x14ac:dyDescent="0.25">
      <c r="A4615" s="1">
        <v>43906</v>
      </c>
      <c r="B4615" t="s">
        <v>3228</v>
      </c>
      <c r="C4615" t="s">
        <v>35</v>
      </c>
      <c r="D4615" t="s">
        <v>10</v>
      </c>
      <c r="E4615" t="s">
        <v>11</v>
      </c>
      <c r="F4615" s="2">
        <v>1</v>
      </c>
      <c r="G4615" t="s">
        <v>100</v>
      </c>
      <c r="H4615" t="s">
        <v>13</v>
      </c>
    </row>
    <row r="4616" spans="1:8" x14ac:dyDescent="0.25">
      <c r="A4616" s="1">
        <v>43906</v>
      </c>
      <c r="B4616" t="s">
        <v>3228</v>
      </c>
      <c r="C4616" t="s">
        <v>47</v>
      </c>
      <c r="D4616" t="s">
        <v>10</v>
      </c>
      <c r="E4616" t="s">
        <v>11</v>
      </c>
      <c r="F4616" s="2">
        <v>1</v>
      </c>
      <c r="G4616" t="s">
        <v>100</v>
      </c>
      <c r="H4616" t="s">
        <v>13</v>
      </c>
    </row>
    <row r="4617" spans="1:8" x14ac:dyDescent="0.25">
      <c r="A4617" s="1">
        <v>43906</v>
      </c>
      <c r="B4617" t="s">
        <v>3228</v>
      </c>
      <c r="C4617" t="s">
        <v>151</v>
      </c>
      <c r="D4617" t="s">
        <v>10</v>
      </c>
      <c r="E4617" t="s">
        <v>11</v>
      </c>
      <c r="F4617" s="2">
        <v>1</v>
      </c>
      <c r="G4617" t="s">
        <v>100</v>
      </c>
      <c r="H4617" t="s">
        <v>13</v>
      </c>
    </row>
    <row r="4618" spans="1:8" x14ac:dyDescent="0.25">
      <c r="A4618" s="1">
        <v>43905</v>
      </c>
      <c r="B4618" t="s">
        <v>3229</v>
      </c>
      <c r="C4618" t="s">
        <v>9</v>
      </c>
      <c r="D4618" t="s">
        <v>10</v>
      </c>
      <c r="E4618" t="s">
        <v>11</v>
      </c>
      <c r="F4618" s="2">
        <v>1</v>
      </c>
      <c r="G4618" t="s">
        <v>100</v>
      </c>
      <c r="H4618" t="s">
        <v>13</v>
      </c>
    </row>
    <row r="4619" spans="1:8" x14ac:dyDescent="0.25">
      <c r="A4619" s="1">
        <v>43905</v>
      </c>
      <c r="B4619" t="s">
        <v>3229</v>
      </c>
      <c r="C4619" t="s">
        <v>64</v>
      </c>
      <c r="D4619" t="s">
        <v>10</v>
      </c>
      <c r="E4619" t="s">
        <v>11</v>
      </c>
      <c r="F4619" s="2">
        <v>1</v>
      </c>
      <c r="G4619" t="s">
        <v>100</v>
      </c>
      <c r="H4619" t="s">
        <v>13</v>
      </c>
    </row>
    <row r="4620" spans="1:8" x14ac:dyDescent="0.25">
      <c r="A4620" s="1">
        <v>43905</v>
      </c>
      <c r="B4620" t="s">
        <v>3230</v>
      </c>
      <c r="C4620" t="s">
        <v>52</v>
      </c>
      <c r="D4620" t="s">
        <v>10</v>
      </c>
      <c r="E4620" t="s">
        <v>11</v>
      </c>
      <c r="F4620" s="2">
        <v>1</v>
      </c>
      <c r="G4620" t="s">
        <v>40</v>
      </c>
      <c r="H4620" t="s">
        <v>13</v>
      </c>
    </row>
    <row r="4621" spans="1:8" x14ac:dyDescent="0.25">
      <c r="A4621" s="1">
        <v>43905</v>
      </c>
      <c r="B4621" t="s">
        <v>3230</v>
      </c>
      <c r="C4621" t="s">
        <v>14</v>
      </c>
      <c r="D4621" t="s">
        <v>10</v>
      </c>
      <c r="E4621" t="s">
        <v>11</v>
      </c>
      <c r="F4621" s="2">
        <v>1</v>
      </c>
      <c r="G4621" t="s">
        <v>40</v>
      </c>
      <c r="H4621" t="s">
        <v>13</v>
      </c>
    </row>
    <row r="4622" spans="1:8" x14ac:dyDescent="0.25">
      <c r="A4622" s="1">
        <v>43905</v>
      </c>
      <c r="B4622" t="s">
        <v>3231</v>
      </c>
      <c r="C4622" t="s">
        <v>16</v>
      </c>
      <c r="D4622" t="s">
        <v>10</v>
      </c>
      <c r="E4622" t="s">
        <v>11</v>
      </c>
      <c r="F4622" s="2">
        <v>1</v>
      </c>
      <c r="G4622" t="s">
        <v>100</v>
      </c>
      <c r="H4622" t="s">
        <v>13</v>
      </c>
    </row>
    <row r="4623" spans="1:8" x14ac:dyDescent="0.25">
      <c r="A4623" s="1">
        <v>43904</v>
      </c>
      <c r="B4623" t="s">
        <v>3232</v>
      </c>
      <c r="C4623" t="s">
        <v>16</v>
      </c>
      <c r="D4623" t="s">
        <v>10</v>
      </c>
      <c r="E4623" t="s">
        <v>11</v>
      </c>
      <c r="F4623" s="2">
        <v>1</v>
      </c>
      <c r="G4623" t="s">
        <v>72</v>
      </c>
      <c r="H4623" t="s">
        <v>13</v>
      </c>
    </row>
    <row r="4624" spans="1:8" x14ac:dyDescent="0.25">
      <c r="A4624" s="1">
        <v>43904</v>
      </c>
      <c r="B4624" t="s">
        <v>3233</v>
      </c>
      <c r="C4624" t="s">
        <v>9</v>
      </c>
      <c r="D4624" t="s">
        <v>10</v>
      </c>
      <c r="E4624" t="s">
        <v>11</v>
      </c>
      <c r="F4624" s="2">
        <v>1</v>
      </c>
      <c r="G4624" t="s">
        <v>17</v>
      </c>
      <c r="H4624" t="s">
        <v>13</v>
      </c>
    </row>
    <row r="4625" spans="1:8" x14ac:dyDescent="0.25">
      <c r="A4625" s="1">
        <v>43904</v>
      </c>
      <c r="B4625" t="s">
        <v>3233</v>
      </c>
      <c r="C4625" t="s">
        <v>35</v>
      </c>
      <c r="D4625" t="s">
        <v>10</v>
      </c>
      <c r="E4625" t="s">
        <v>11</v>
      </c>
      <c r="F4625" s="2">
        <v>1</v>
      </c>
      <c r="G4625" t="s">
        <v>17</v>
      </c>
      <c r="H4625" t="s">
        <v>13</v>
      </c>
    </row>
    <row r="4626" spans="1:8" x14ac:dyDescent="0.25">
      <c r="A4626" s="1">
        <v>43904</v>
      </c>
      <c r="B4626" t="s">
        <v>3233</v>
      </c>
      <c r="C4626" t="s">
        <v>47</v>
      </c>
      <c r="D4626" t="s">
        <v>10</v>
      </c>
      <c r="E4626" t="s">
        <v>11</v>
      </c>
      <c r="F4626" s="2">
        <v>1</v>
      </c>
      <c r="G4626" t="s">
        <v>17</v>
      </c>
      <c r="H4626" t="s">
        <v>13</v>
      </c>
    </row>
    <row r="4627" spans="1:8" x14ac:dyDescent="0.25">
      <c r="A4627" s="1">
        <v>43903</v>
      </c>
      <c r="B4627" t="s">
        <v>3234</v>
      </c>
      <c r="C4627" t="s">
        <v>58</v>
      </c>
      <c r="D4627" t="s">
        <v>10</v>
      </c>
      <c r="E4627" t="s">
        <v>11</v>
      </c>
      <c r="F4627" s="2">
        <v>1</v>
      </c>
      <c r="G4627" t="s">
        <v>111</v>
      </c>
      <c r="H4627" t="s">
        <v>13</v>
      </c>
    </row>
    <row r="4628" spans="1:8" x14ac:dyDescent="0.25">
      <c r="A4628" s="1">
        <v>43902</v>
      </c>
      <c r="B4628" t="s">
        <v>3235</v>
      </c>
      <c r="C4628" t="s">
        <v>19</v>
      </c>
      <c r="D4628" t="s">
        <v>10</v>
      </c>
      <c r="E4628" t="s">
        <v>11</v>
      </c>
      <c r="F4628" s="2">
        <v>1</v>
      </c>
      <c r="G4628" t="s">
        <v>72</v>
      </c>
      <c r="H4628" t="s">
        <v>13</v>
      </c>
    </row>
    <row r="4629" spans="1:8" x14ac:dyDescent="0.25">
      <c r="A4629" s="1">
        <v>43902</v>
      </c>
      <c r="B4629" t="s">
        <v>3236</v>
      </c>
      <c r="C4629" t="s">
        <v>35</v>
      </c>
      <c r="D4629" t="s">
        <v>10</v>
      </c>
      <c r="E4629" t="s">
        <v>11</v>
      </c>
      <c r="F4629" s="2">
        <v>1</v>
      </c>
      <c r="G4629" t="s">
        <v>100</v>
      </c>
      <c r="H4629" t="s">
        <v>13</v>
      </c>
    </row>
    <row r="4630" spans="1:8" x14ac:dyDescent="0.25">
      <c r="A4630" s="1">
        <v>43902</v>
      </c>
      <c r="B4630" t="s">
        <v>3237</v>
      </c>
      <c r="C4630" t="s">
        <v>9</v>
      </c>
      <c r="D4630" t="s">
        <v>10</v>
      </c>
      <c r="E4630" t="s">
        <v>11</v>
      </c>
      <c r="F4630" s="2">
        <v>1</v>
      </c>
      <c r="G4630" t="s">
        <v>125</v>
      </c>
      <c r="H4630" t="s">
        <v>13</v>
      </c>
    </row>
    <row r="4631" spans="1:8" x14ac:dyDescent="0.25">
      <c r="A4631" s="1">
        <v>43902</v>
      </c>
      <c r="B4631" t="s">
        <v>3238</v>
      </c>
      <c r="C4631" t="s">
        <v>9</v>
      </c>
      <c r="D4631" t="s">
        <v>10</v>
      </c>
      <c r="E4631" t="s">
        <v>11</v>
      </c>
      <c r="F4631" s="2">
        <v>1</v>
      </c>
      <c r="G4631" t="s">
        <v>125</v>
      </c>
      <c r="H4631" t="s">
        <v>13</v>
      </c>
    </row>
    <row r="4632" spans="1:8" x14ac:dyDescent="0.25">
      <c r="A4632" s="1">
        <v>43902</v>
      </c>
      <c r="B4632" t="s">
        <v>3238</v>
      </c>
      <c r="C4632" t="s">
        <v>35</v>
      </c>
      <c r="D4632" t="s">
        <v>10</v>
      </c>
      <c r="E4632" t="s">
        <v>11</v>
      </c>
      <c r="F4632" s="2">
        <v>1</v>
      </c>
      <c r="G4632" t="s">
        <v>125</v>
      </c>
      <c r="H4632" t="s">
        <v>13</v>
      </c>
    </row>
    <row r="4633" spans="1:8" x14ac:dyDescent="0.25">
      <c r="A4633" s="1">
        <v>43901</v>
      </c>
      <c r="B4633" t="s">
        <v>3239</v>
      </c>
      <c r="C4633" t="s">
        <v>35</v>
      </c>
      <c r="D4633" t="s">
        <v>10</v>
      </c>
      <c r="E4633" t="s">
        <v>11</v>
      </c>
      <c r="F4633" s="2">
        <v>1</v>
      </c>
      <c r="G4633" t="s">
        <v>1263</v>
      </c>
      <c r="H4633" t="s">
        <v>13</v>
      </c>
    </row>
    <row r="4634" spans="1:8" x14ac:dyDescent="0.25">
      <c r="A4634" s="1">
        <v>43901</v>
      </c>
      <c r="B4634" t="s">
        <v>3240</v>
      </c>
      <c r="C4634" t="s">
        <v>47</v>
      </c>
      <c r="D4634" t="s">
        <v>10</v>
      </c>
      <c r="E4634" t="s">
        <v>11</v>
      </c>
      <c r="F4634" s="2">
        <v>1</v>
      </c>
      <c r="G4634" t="s">
        <v>145</v>
      </c>
      <c r="H4634" t="s">
        <v>13</v>
      </c>
    </row>
    <row r="4635" spans="1:8" x14ac:dyDescent="0.25">
      <c r="A4635" s="1">
        <v>43900</v>
      </c>
      <c r="B4635" t="s">
        <v>3241</v>
      </c>
      <c r="C4635" t="s">
        <v>80</v>
      </c>
      <c r="D4635" t="s">
        <v>10</v>
      </c>
      <c r="E4635" t="s">
        <v>11</v>
      </c>
      <c r="F4635" s="2">
        <v>1</v>
      </c>
      <c r="G4635" t="s">
        <v>20</v>
      </c>
      <c r="H4635" t="s">
        <v>13</v>
      </c>
    </row>
    <row r="4636" spans="1:8" x14ac:dyDescent="0.25">
      <c r="A4636" s="1">
        <v>43900</v>
      </c>
      <c r="B4636" t="s">
        <v>3242</v>
      </c>
      <c r="C4636" t="s">
        <v>19</v>
      </c>
      <c r="D4636" t="s">
        <v>10</v>
      </c>
      <c r="E4636" t="s">
        <v>11</v>
      </c>
      <c r="F4636" s="2">
        <v>1</v>
      </c>
      <c r="G4636" t="s">
        <v>197</v>
      </c>
      <c r="H4636" t="s">
        <v>13</v>
      </c>
    </row>
    <row r="4637" spans="1:8" x14ac:dyDescent="0.25">
      <c r="A4637" s="1">
        <v>43900</v>
      </c>
      <c r="B4637" t="s">
        <v>3243</v>
      </c>
      <c r="C4637" t="s">
        <v>47</v>
      </c>
      <c r="D4637" t="s">
        <v>10</v>
      </c>
      <c r="E4637" t="s">
        <v>11</v>
      </c>
      <c r="F4637" s="2">
        <v>1</v>
      </c>
      <c r="G4637" t="s">
        <v>46</v>
      </c>
      <c r="H4637" t="s">
        <v>13</v>
      </c>
    </row>
    <row r="4638" spans="1:8" x14ac:dyDescent="0.25">
      <c r="A4638" s="1">
        <v>43900</v>
      </c>
      <c r="B4638" t="s">
        <v>3244</v>
      </c>
      <c r="C4638" t="s">
        <v>76</v>
      </c>
      <c r="D4638" t="s">
        <v>10</v>
      </c>
      <c r="E4638" t="s">
        <v>11</v>
      </c>
      <c r="F4638" s="2">
        <v>1</v>
      </c>
      <c r="G4638" t="s">
        <v>673</v>
      </c>
      <c r="H4638" t="s">
        <v>13</v>
      </c>
    </row>
    <row r="4639" spans="1:8" x14ac:dyDescent="0.25">
      <c r="A4639" s="1">
        <v>43900</v>
      </c>
      <c r="B4639" t="s">
        <v>3245</v>
      </c>
      <c r="C4639" t="s">
        <v>9</v>
      </c>
      <c r="D4639" t="s">
        <v>10</v>
      </c>
      <c r="E4639" t="s">
        <v>11</v>
      </c>
      <c r="F4639" s="2">
        <v>1</v>
      </c>
      <c r="G4639" t="s">
        <v>571</v>
      </c>
      <c r="H4639" t="s">
        <v>13</v>
      </c>
    </row>
    <row r="4640" spans="1:8" x14ac:dyDescent="0.25">
      <c r="A4640" s="1">
        <v>43899</v>
      </c>
      <c r="B4640" t="s">
        <v>3246</v>
      </c>
      <c r="C4640" t="s">
        <v>9</v>
      </c>
      <c r="D4640" t="s">
        <v>10</v>
      </c>
      <c r="E4640" t="s">
        <v>11</v>
      </c>
      <c r="F4640" s="2">
        <v>1</v>
      </c>
      <c r="G4640" t="s">
        <v>135</v>
      </c>
      <c r="H4640" t="s">
        <v>13</v>
      </c>
    </row>
    <row r="4641" spans="1:8" x14ac:dyDescent="0.25">
      <c r="A4641" s="1">
        <v>43899</v>
      </c>
      <c r="B4641" t="s">
        <v>3247</v>
      </c>
      <c r="C4641" t="s">
        <v>19</v>
      </c>
      <c r="D4641" t="s">
        <v>10</v>
      </c>
      <c r="E4641" t="s">
        <v>11</v>
      </c>
      <c r="F4641" s="2">
        <v>1</v>
      </c>
      <c r="G4641" t="s">
        <v>1650</v>
      </c>
      <c r="H4641" t="s">
        <v>13</v>
      </c>
    </row>
    <row r="4642" spans="1:8" x14ac:dyDescent="0.25">
      <c r="A4642" s="1">
        <v>43899</v>
      </c>
      <c r="B4642" t="s">
        <v>3248</v>
      </c>
      <c r="C4642" t="s">
        <v>115</v>
      </c>
      <c r="D4642" t="s">
        <v>10</v>
      </c>
      <c r="E4642" t="s">
        <v>11</v>
      </c>
      <c r="F4642" s="2">
        <v>1</v>
      </c>
      <c r="G4642" t="s">
        <v>197</v>
      </c>
      <c r="H4642" t="s">
        <v>13</v>
      </c>
    </row>
    <row r="4643" spans="1:8" x14ac:dyDescent="0.25">
      <c r="A4643" s="1">
        <v>43898</v>
      </c>
      <c r="B4643" t="s">
        <v>3249</v>
      </c>
      <c r="C4643" t="s">
        <v>9</v>
      </c>
      <c r="D4643" t="s">
        <v>10</v>
      </c>
      <c r="E4643" t="s">
        <v>11</v>
      </c>
      <c r="F4643" s="2">
        <v>1</v>
      </c>
      <c r="G4643" t="s">
        <v>100</v>
      </c>
      <c r="H4643" t="s">
        <v>13</v>
      </c>
    </row>
    <row r="4644" spans="1:8" x14ac:dyDescent="0.25">
      <c r="A4644" s="1">
        <v>43898</v>
      </c>
      <c r="B4644" t="s">
        <v>3249</v>
      </c>
      <c r="C4644" t="s">
        <v>271</v>
      </c>
      <c r="D4644" t="s">
        <v>10</v>
      </c>
      <c r="E4644" t="s">
        <v>11</v>
      </c>
      <c r="F4644" s="2">
        <v>1</v>
      </c>
      <c r="G4644" t="s">
        <v>100</v>
      </c>
      <c r="H4644" t="s">
        <v>13</v>
      </c>
    </row>
    <row r="4645" spans="1:8" x14ac:dyDescent="0.25">
      <c r="A4645" s="1">
        <v>43898</v>
      </c>
      <c r="B4645" t="s">
        <v>3250</v>
      </c>
      <c r="C4645" t="s">
        <v>9</v>
      </c>
      <c r="D4645" t="s">
        <v>10</v>
      </c>
      <c r="E4645" t="s">
        <v>11</v>
      </c>
      <c r="F4645" s="2">
        <v>1</v>
      </c>
      <c r="G4645" t="s">
        <v>100</v>
      </c>
      <c r="H4645" t="s">
        <v>13</v>
      </c>
    </row>
    <row r="4646" spans="1:8" x14ac:dyDescent="0.25">
      <c r="A4646" s="1">
        <v>43898</v>
      </c>
      <c r="B4646" t="s">
        <v>3250</v>
      </c>
      <c r="C4646" t="s">
        <v>35</v>
      </c>
      <c r="D4646" t="s">
        <v>10</v>
      </c>
      <c r="E4646" t="s">
        <v>11</v>
      </c>
      <c r="F4646" s="2">
        <v>1</v>
      </c>
      <c r="G4646" t="s">
        <v>100</v>
      </c>
      <c r="H4646" t="s">
        <v>13</v>
      </c>
    </row>
    <row r="4647" spans="1:8" x14ac:dyDescent="0.25">
      <c r="A4647" s="1">
        <v>43897</v>
      </c>
      <c r="B4647" t="s">
        <v>3251</v>
      </c>
      <c r="C4647" t="s">
        <v>35</v>
      </c>
      <c r="D4647" t="s">
        <v>10</v>
      </c>
      <c r="E4647" t="s">
        <v>11</v>
      </c>
      <c r="F4647" s="2">
        <v>1</v>
      </c>
      <c r="G4647" t="s">
        <v>31</v>
      </c>
      <c r="H4647" t="s">
        <v>13</v>
      </c>
    </row>
    <row r="4648" spans="1:8" x14ac:dyDescent="0.25">
      <c r="A4648" s="1">
        <v>43897</v>
      </c>
      <c r="B4648" t="s">
        <v>3251</v>
      </c>
      <c r="C4648" t="s">
        <v>14</v>
      </c>
      <c r="D4648" t="s">
        <v>10</v>
      </c>
      <c r="E4648" t="s">
        <v>11</v>
      </c>
      <c r="F4648" s="2">
        <v>1</v>
      </c>
      <c r="G4648" t="s">
        <v>31</v>
      </c>
      <c r="H4648" t="s">
        <v>13</v>
      </c>
    </row>
    <row r="4649" spans="1:8" x14ac:dyDescent="0.25">
      <c r="A4649" s="1">
        <v>43896</v>
      </c>
      <c r="B4649" t="s">
        <v>3252</v>
      </c>
      <c r="C4649" t="s">
        <v>52</v>
      </c>
      <c r="D4649" t="s">
        <v>10</v>
      </c>
      <c r="E4649" t="s">
        <v>11</v>
      </c>
      <c r="F4649" s="2">
        <v>1</v>
      </c>
      <c r="G4649" t="s">
        <v>111</v>
      </c>
      <c r="H4649" t="s">
        <v>13</v>
      </c>
    </row>
    <row r="4650" spans="1:8" x14ac:dyDescent="0.25">
      <c r="A4650" s="1">
        <v>43895</v>
      </c>
      <c r="B4650" t="s">
        <v>3253</v>
      </c>
      <c r="C4650" t="s">
        <v>9</v>
      </c>
      <c r="D4650" t="s">
        <v>10</v>
      </c>
      <c r="E4650" t="s">
        <v>11</v>
      </c>
      <c r="F4650" s="2">
        <v>1</v>
      </c>
      <c r="G4650" t="s">
        <v>492</v>
      </c>
      <c r="H4650" t="s">
        <v>13</v>
      </c>
    </row>
    <row r="4651" spans="1:8" x14ac:dyDescent="0.25">
      <c r="A4651" s="1">
        <v>43895</v>
      </c>
      <c r="B4651" t="s">
        <v>3253</v>
      </c>
      <c r="C4651" t="s">
        <v>47</v>
      </c>
      <c r="D4651" t="s">
        <v>10</v>
      </c>
      <c r="E4651" t="s">
        <v>11</v>
      </c>
      <c r="F4651" s="2">
        <v>1</v>
      </c>
      <c r="G4651" t="s">
        <v>492</v>
      </c>
      <c r="H4651" t="s">
        <v>13</v>
      </c>
    </row>
    <row r="4652" spans="1:8" x14ac:dyDescent="0.25">
      <c r="A4652" s="1">
        <v>43895</v>
      </c>
      <c r="B4652" t="s">
        <v>3254</v>
      </c>
      <c r="C4652" t="s">
        <v>9</v>
      </c>
      <c r="D4652" t="s">
        <v>10</v>
      </c>
      <c r="E4652" t="s">
        <v>11</v>
      </c>
      <c r="F4652" s="2">
        <v>1</v>
      </c>
      <c r="G4652" t="s">
        <v>197</v>
      </c>
      <c r="H4652" t="s">
        <v>13</v>
      </c>
    </row>
    <row r="4653" spans="1:8" x14ac:dyDescent="0.25">
      <c r="A4653" s="1">
        <v>43895</v>
      </c>
      <c r="B4653" t="s">
        <v>3254</v>
      </c>
      <c r="C4653" t="s">
        <v>115</v>
      </c>
      <c r="D4653" t="s">
        <v>10</v>
      </c>
      <c r="E4653" t="s">
        <v>11</v>
      </c>
      <c r="F4653" s="2">
        <v>1</v>
      </c>
      <c r="G4653" t="s">
        <v>197</v>
      </c>
      <c r="H4653" t="s">
        <v>13</v>
      </c>
    </row>
    <row r="4654" spans="1:8" x14ac:dyDescent="0.25">
      <c r="A4654" s="1">
        <v>43894</v>
      </c>
      <c r="B4654" t="s">
        <v>3255</v>
      </c>
      <c r="C4654" t="s">
        <v>379</v>
      </c>
      <c r="D4654" t="s">
        <v>10</v>
      </c>
      <c r="E4654" t="s">
        <v>11</v>
      </c>
      <c r="F4654" s="2">
        <v>1</v>
      </c>
      <c r="G4654" t="s">
        <v>72</v>
      </c>
      <c r="H4654" t="s">
        <v>13</v>
      </c>
    </row>
    <row r="4655" spans="1:8" x14ac:dyDescent="0.25">
      <c r="A4655" s="1">
        <v>43894</v>
      </c>
      <c r="B4655" t="s">
        <v>3256</v>
      </c>
      <c r="C4655" t="s">
        <v>60</v>
      </c>
      <c r="D4655" t="s">
        <v>10</v>
      </c>
      <c r="E4655" t="s">
        <v>11</v>
      </c>
      <c r="F4655" s="2">
        <v>1</v>
      </c>
      <c r="G4655" t="s">
        <v>2059</v>
      </c>
      <c r="H4655" t="s">
        <v>13</v>
      </c>
    </row>
    <row r="4656" spans="1:8" x14ac:dyDescent="0.25">
      <c r="A4656" s="1">
        <v>43894</v>
      </c>
      <c r="B4656" t="s">
        <v>3257</v>
      </c>
      <c r="C4656" t="s">
        <v>9</v>
      </c>
      <c r="D4656" t="s">
        <v>10</v>
      </c>
      <c r="E4656" t="s">
        <v>11</v>
      </c>
      <c r="F4656" s="2">
        <v>1</v>
      </c>
      <c r="G4656" t="s">
        <v>72</v>
      </c>
      <c r="H4656" t="s">
        <v>13</v>
      </c>
    </row>
    <row r="4657" spans="1:8" x14ac:dyDescent="0.25">
      <c r="A4657" s="1">
        <v>43894</v>
      </c>
      <c r="B4657" t="s">
        <v>3257</v>
      </c>
      <c r="C4657" t="s">
        <v>47</v>
      </c>
      <c r="D4657" t="s">
        <v>10</v>
      </c>
      <c r="E4657" t="s">
        <v>11</v>
      </c>
      <c r="F4657" s="2">
        <v>1</v>
      </c>
      <c r="G4657" t="s">
        <v>72</v>
      </c>
      <c r="H4657" t="s">
        <v>13</v>
      </c>
    </row>
    <row r="4658" spans="1:8" x14ac:dyDescent="0.25">
      <c r="A4658" s="1">
        <v>43893</v>
      </c>
      <c r="B4658" t="s">
        <v>3258</v>
      </c>
      <c r="C4658" t="s">
        <v>9</v>
      </c>
      <c r="D4658" t="s">
        <v>10</v>
      </c>
      <c r="E4658" t="s">
        <v>11</v>
      </c>
      <c r="F4658" s="2">
        <v>1</v>
      </c>
      <c r="G4658" t="s">
        <v>70</v>
      </c>
      <c r="H4658" t="s">
        <v>13</v>
      </c>
    </row>
    <row r="4659" spans="1:8" x14ac:dyDescent="0.25">
      <c r="A4659" s="1">
        <v>43893</v>
      </c>
      <c r="B4659" t="s">
        <v>3258</v>
      </c>
      <c r="C4659" t="s">
        <v>52</v>
      </c>
      <c r="D4659" t="s">
        <v>10</v>
      </c>
      <c r="E4659" t="s">
        <v>11</v>
      </c>
      <c r="F4659" s="2">
        <v>1</v>
      </c>
      <c r="G4659" t="s">
        <v>70</v>
      </c>
      <c r="H4659" t="s">
        <v>13</v>
      </c>
    </row>
    <row r="4660" spans="1:8" x14ac:dyDescent="0.25">
      <c r="A4660" s="1">
        <v>43893</v>
      </c>
      <c r="B4660" t="s">
        <v>3258</v>
      </c>
      <c r="C4660" t="s">
        <v>16</v>
      </c>
      <c r="D4660" t="s">
        <v>10</v>
      </c>
      <c r="E4660" t="s">
        <v>11</v>
      </c>
      <c r="F4660" s="2">
        <v>1</v>
      </c>
      <c r="G4660" t="s">
        <v>70</v>
      </c>
      <c r="H4660" t="s">
        <v>13</v>
      </c>
    </row>
    <row r="4661" spans="1:8" x14ac:dyDescent="0.25">
      <c r="A4661" s="1">
        <v>43892</v>
      </c>
      <c r="B4661" t="s">
        <v>3259</v>
      </c>
      <c r="C4661" t="s">
        <v>115</v>
      </c>
      <c r="D4661" t="s">
        <v>10</v>
      </c>
      <c r="E4661" t="s">
        <v>11</v>
      </c>
      <c r="F4661" s="2">
        <v>1</v>
      </c>
      <c r="G4661" t="s">
        <v>20</v>
      </c>
      <c r="H4661" t="s">
        <v>13</v>
      </c>
    </row>
    <row r="4662" spans="1:8" x14ac:dyDescent="0.25">
      <c r="A4662" s="1">
        <v>43890</v>
      </c>
      <c r="B4662" t="s">
        <v>3260</v>
      </c>
      <c r="C4662" t="s">
        <v>79</v>
      </c>
      <c r="D4662" t="s">
        <v>10</v>
      </c>
      <c r="E4662" t="s">
        <v>11</v>
      </c>
      <c r="F4662" s="2">
        <v>1</v>
      </c>
      <c r="G4662" t="s">
        <v>216</v>
      </c>
      <c r="H4662" t="s">
        <v>13</v>
      </c>
    </row>
    <row r="4663" spans="1:8" x14ac:dyDescent="0.25">
      <c r="A4663" s="1">
        <v>43890</v>
      </c>
      <c r="B4663" t="s">
        <v>3261</v>
      </c>
      <c r="C4663" t="s">
        <v>999</v>
      </c>
      <c r="D4663" t="s">
        <v>26</v>
      </c>
      <c r="E4663" t="s">
        <v>11</v>
      </c>
      <c r="F4663" s="2">
        <v>1</v>
      </c>
      <c r="G4663" t="s">
        <v>244</v>
      </c>
      <c r="H4663" t="s">
        <v>13</v>
      </c>
    </row>
    <row r="4664" spans="1:8" x14ac:dyDescent="0.25">
      <c r="A4664" s="1">
        <v>43890</v>
      </c>
      <c r="B4664" t="s">
        <v>3261</v>
      </c>
      <c r="C4664" t="s">
        <v>999</v>
      </c>
      <c r="D4664" t="s">
        <v>10</v>
      </c>
      <c r="E4664" t="s">
        <v>11</v>
      </c>
      <c r="F4664" s="2">
        <v>1</v>
      </c>
      <c r="G4664" t="s">
        <v>244</v>
      </c>
      <c r="H4664" t="s">
        <v>13</v>
      </c>
    </row>
    <row r="4665" spans="1:8" x14ac:dyDescent="0.25">
      <c r="A4665" s="1">
        <v>43890</v>
      </c>
      <c r="B4665" t="s">
        <v>3262</v>
      </c>
      <c r="C4665" t="s">
        <v>52</v>
      </c>
      <c r="D4665" t="s">
        <v>10</v>
      </c>
      <c r="E4665" t="s">
        <v>11</v>
      </c>
      <c r="F4665" s="2">
        <v>1</v>
      </c>
      <c r="G4665" t="s">
        <v>135</v>
      </c>
      <c r="H4665" t="s">
        <v>13</v>
      </c>
    </row>
    <row r="4666" spans="1:8" x14ac:dyDescent="0.25">
      <c r="A4666" s="1">
        <v>43889</v>
      </c>
      <c r="B4666" t="s">
        <v>3263</v>
      </c>
      <c r="C4666" t="s">
        <v>118</v>
      </c>
      <c r="D4666" t="s">
        <v>10</v>
      </c>
      <c r="E4666" t="s">
        <v>11</v>
      </c>
      <c r="F4666" s="2">
        <v>1</v>
      </c>
      <c r="G4666" t="s">
        <v>20</v>
      </c>
      <c r="H4666" t="s">
        <v>13</v>
      </c>
    </row>
    <row r="4667" spans="1:8" x14ac:dyDescent="0.25">
      <c r="A4667" s="1">
        <v>43889</v>
      </c>
      <c r="B4667" t="s">
        <v>3263</v>
      </c>
      <c r="C4667" t="s">
        <v>35</v>
      </c>
      <c r="D4667" t="s">
        <v>10</v>
      </c>
      <c r="E4667" t="s">
        <v>11</v>
      </c>
      <c r="F4667" s="2">
        <v>1</v>
      </c>
      <c r="G4667" t="s">
        <v>20</v>
      </c>
      <c r="H4667" t="s">
        <v>13</v>
      </c>
    </row>
    <row r="4668" spans="1:8" x14ac:dyDescent="0.25">
      <c r="A4668" s="1">
        <v>43889</v>
      </c>
      <c r="B4668" t="s">
        <v>3263</v>
      </c>
      <c r="C4668" t="s">
        <v>14</v>
      </c>
      <c r="D4668" t="s">
        <v>10</v>
      </c>
      <c r="E4668" t="s">
        <v>11</v>
      </c>
      <c r="F4668" s="2">
        <v>1</v>
      </c>
      <c r="G4668" t="s">
        <v>20</v>
      </c>
      <c r="H4668" t="s">
        <v>13</v>
      </c>
    </row>
    <row r="4669" spans="1:8" x14ac:dyDescent="0.25">
      <c r="A4669" s="1">
        <v>43889</v>
      </c>
      <c r="B4669" t="s">
        <v>3264</v>
      </c>
      <c r="C4669" t="s">
        <v>118</v>
      </c>
      <c r="D4669" t="s">
        <v>10</v>
      </c>
      <c r="E4669" t="s">
        <v>11</v>
      </c>
      <c r="F4669" s="2">
        <v>1</v>
      </c>
      <c r="G4669" t="s">
        <v>953</v>
      </c>
      <c r="H4669" t="s">
        <v>13</v>
      </c>
    </row>
    <row r="4670" spans="1:8" x14ac:dyDescent="0.25">
      <c r="A4670" s="1">
        <v>43888</v>
      </c>
      <c r="B4670" t="s">
        <v>3265</v>
      </c>
      <c r="C4670" t="s">
        <v>16</v>
      </c>
      <c r="D4670" t="s">
        <v>10</v>
      </c>
      <c r="E4670" t="s">
        <v>11</v>
      </c>
      <c r="F4670" s="2">
        <v>1</v>
      </c>
      <c r="G4670" t="s">
        <v>1188</v>
      </c>
      <c r="H4670" t="s">
        <v>13</v>
      </c>
    </row>
    <row r="4671" spans="1:8" x14ac:dyDescent="0.25">
      <c r="A4671" s="1">
        <v>43888</v>
      </c>
      <c r="B4671" t="s">
        <v>3266</v>
      </c>
      <c r="C4671" t="s">
        <v>76</v>
      </c>
      <c r="D4671" t="s">
        <v>10</v>
      </c>
      <c r="E4671" t="s">
        <v>11</v>
      </c>
      <c r="F4671" s="2">
        <v>1</v>
      </c>
      <c r="G4671" t="s">
        <v>3267</v>
      </c>
      <c r="H4671" t="s">
        <v>13</v>
      </c>
    </row>
    <row r="4672" spans="1:8" x14ac:dyDescent="0.25">
      <c r="A4672" s="1">
        <v>43888</v>
      </c>
      <c r="B4672" t="s">
        <v>3268</v>
      </c>
      <c r="C4672" t="s">
        <v>271</v>
      </c>
      <c r="D4672" t="s">
        <v>10</v>
      </c>
      <c r="E4672" t="s">
        <v>11</v>
      </c>
      <c r="F4672" s="2">
        <v>1</v>
      </c>
      <c r="G4672" t="s">
        <v>135</v>
      </c>
      <c r="H4672" t="s">
        <v>13</v>
      </c>
    </row>
    <row r="4673" spans="1:8" x14ac:dyDescent="0.25">
      <c r="A4673" s="1">
        <v>43887</v>
      </c>
      <c r="B4673" t="s">
        <v>3269</v>
      </c>
      <c r="C4673" t="s">
        <v>47</v>
      </c>
      <c r="D4673" t="s">
        <v>10</v>
      </c>
      <c r="E4673" t="s">
        <v>11</v>
      </c>
      <c r="F4673" s="2">
        <v>1</v>
      </c>
      <c r="G4673" t="s">
        <v>496</v>
      </c>
      <c r="H4673" t="s">
        <v>13</v>
      </c>
    </row>
    <row r="4674" spans="1:8" x14ac:dyDescent="0.25">
      <c r="A4674" s="1">
        <v>43887</v>
      </c>
      <c r="B4674" t="s">
        <v>3270</v>
      </c>
      <c r="C4674" t="s">
        <v>9</v>
      </c>
      <c r="D4674" t="s">
        <v>10</v>
      </c>
      <c r="E4674" t="s">
        <v>11</v>
      </c>
      <c r="F4674" s="2">
        <v>1</v>
      </c>
      <c r="G4674" t="s">
        <v>125</v>
      </c>
      <c r="H4674" t="s">
        <v>13</v>
      </c>
    </row>
    <row r="4675" spans="1:8" x14ac:dyDescent="0.25">
      <c r="A4675" s="1">
        <v>43887</v>
      </c>
      <c r="B4675" t="s">
        <v>3271</v>
      </c>
      <c r="C4675" t="s">
        <v>9</v>
      </c>
      <c r="D4675" t="s">
        <v>10</v>
      </c>
      <c r="E4675" t="s">
        <v>11</v>
      </c>
      <c r="F4675" s="2">
        <v>1</v>
      </c>
      <c r="G4675" t="s">
        <v>496</v>
      </c>
      <c r="H4675" t="s">
        <v>13</v>
      </c>
    </row>
    <row r="4676" spans="1:8" x14ac:dyDescent="0.25">
      <c r="A4676" s="1">
        <v>43886</v>
      </c>
      <c r="B4676" t="s">
        <v>3272</v>
      </c>
      <c r="C4676" t="s">
        <v>47</v>
      </c>
      <c r="D4676" t="s">
        <v>10</v>
      </c>
      <c r="E4676" t="s">
        <v>11</v>
      </c>
      <c r="F4676" s="2">
        <v>1</v>
      </c>
      <c r="G4676" t="s">
        <v>22</v>
      </c>
      <c r="H4676" t="s">
        <v>13</v>
      </c>
    </row>
    <row r="4677" spans="1:8" x14ac:dyDescent="0.25">
      <c r="A4677" s="1">
        <v>43886</v>
      </c>
      <c r="B4677" t="s">
        <v>3272</v>
      </c>
      <c r="C4677" t="s">
        <v>264</v>
      </c>
      <c r="D4677" t="s">
        <v>10</v>
      </c>
      <c r="E4677" t="s">
        <v>11</v>
      </c>
      <c r="F4677" s="2">
        <v>1</v>
      </c>
      <c r="G4677" t="s">
        <v>22</v>
      </c>
      <c r="H4677" t="s">
        <v>13</v>
      </c>
    </row>
    <row r="4678" spans="1:8" x14ac:dyDescent="0.25">
      <c r="A4678" s="1">
        <v>43886</v>
      </c>
      <c r="B4678" t="s">
        <v>3273</v>
      </c>
      <c r="C4678" t="s">
        <v>9</v>
      </c>
      <c r="D4678" t="s">
        <v>10</v>
      </c>
      <c r="E4678" t="s">
        <v>11</v>
      </c>
      <c r="F4678" s="2">
        <v>1</v>
      </c>
      <c r="G4678" t="s">
        <v>574</v>
      </c>
      <c r="H4678" t="s">
        <v>13</v>
      </c>
    </row>
    <row r="4679" spans="1:8" x14ac:dyDescent="0.25">
      <c r="A4679" s="1">
        <v>43886</v>
      </c>
      <c r="B4679" t="s">
        <v>3274</v>
      </c>
      <c r="C4679" t="s">
        <v>14</v>
      </c>
      <c r="D4679" t="s">
        <v>10</v>
      </c>
      <c r="E4679" t="s">
        <v>11</v>
      </c>
      <c r="F4679" s="2">
        <v>1</v>
      </c>
      <c r="G4679" t="s">
        <v>20</v>
      </c>
      <c r="H4679" t="s">
        <v>13</v>
      </c>
    </row>
    <row r="4680" spans="1:8" x14ac:dyDescent="0.25">
      <c r="A4680" s="1">
        <v>43885</v>
      </c>
      <c r="B4680" t="s">
        <v>3275</v>
      </c>
      <c r="C4680" t="s">
        <v>35</v>
      </c>
      <c r="D4680" t="s">
        <v>10</v>
      </c>
      <c r="E4680" t="s">
        <v>11</v>
      </c>
      <c r="F4680" s="2">
        <v>1</v>
      </c>
      <c r="G4680" t="s">
        <v>216</v>
      </c>
      <c r="H4680" t="s">
        <v>13</v>
      </c>
    </row>
    <row r="4681" spans="1:8" x14ac:dyDescent="0.25">
      <c r="A4681" s="1">
        <v>43885</v>
      </c>
      <c r="B4681" t="s">
        <v>3276</v>
      </c>
      <c r="C4681" t="s">
        <v>1236</v>
      </c>
      <c r="D4681" t="s">
        <v>10</v>
      </c>
      <c r="E4681" t="s">
        <v>11</v>
      </c>
      <c r="F4681" s="2">
        <v>1</v>
      </c>
      <c r="G4681" t="s">
        <v>100</v>
      </c>
      <c r="H4681" t="s">
        <v>13</v>
      </c>
    </row>
    <row r="4682" spans="1:8" x14ac:dyDescent="0.25">
      <c r="A4682" s="1">
        <v>43884</v>
      </c>
      <c r="B4682" t="s">
        <v>3277</v>
      </c>
      <c r="C4682" t="s">
        <v>118</v>
      </c>
      <c r="D4682" t="s">
        <v>10</v>
      </c>
      <c r="E4682" t="s">
        <v>11</v>
      </c>
      <c r="F4682" s="2">
        <v>1</v>
      </c>
      <c r="G4682" t="s">
        <v>699</v>
      </c>
      <c r="H4682" t="s">
        <v>13</v>
      </c>
    </row>
    <row r="4683" spans="1:8" x14ac:dyDescent="0.25">
      <c r="A4683" s="1">
        <v>43884</v>
      </c>
      <c r="B4683" t="s">
        <v>3277</v>
      </c>
      <c r="C4683" t="s">
        <v>142</v>
      </c>
      <c r="D4683" t="s">
        <v>10</v>
      </c>
      <c r="E4683" t="s">
        <v>11</v>
      </c>
      <c r="F4683" s="2">
        <v>1</v>
      </c>
      <c r="G4683" t="s">
        <v>699</v>
      </c>
      <c r="H4683" t="s">
        <v>13</v>
      </c>
    </row>
    <row r="4684" spans="1:8" x14ac:dyDescent="0.25">
      <c r="A4684" s="1">
        <v>43884</v>
      </c>
      <c r="B4684" t="s">
        <v>3277</v>
      </c>
      <c r="C4684" t="s">
        <v>151</v>
      </c>
      <c r="D4684" t="s">
        <v>10</v>
      </c>
      <c r="E4684" t="s">
        <v>11</v>
      </c>
      <c r="F4684" s="2">
        <v>1</v>
      </c>
      <c r="G4684" t="s">
        <v>699</v>
      </c>
      <c r="H4684" t="s">
        <v>13</v>
      </c>
    </row>
    <row r="4685" spans="1:8" x14ac:dyDescent="0.25">
      <c r="A4685" s="1">
        <v>43884</v>
      </c>
      <c r="B4685" t="s">
        <v>3278</v>
      </c>
      <c r="C4685" t="s">
        <v>9</v>
      </c>
      <c r="D4685" t="s">
        <v>10</v>
      </c>
      <c r="E4685" t="s">
        <v>11</v>
      </c>
      <c r="F4685" s="2">
        <v>1</v>
      </c>
      <c r="G4685" t="s">
        <v>83</v>
      </c>
      <c r="H4685" t="s">
        <v>13</v>
      </c>
    </row>
    <row r="4686" spans="1:8" x14ac:dyDescent="0.25">
      <c r="A4686" s="1">
        <v>43884</v>
      </c>
      <c r="B4686" t="s">
        <v>3278</v>
      </c>
      <c r="C4686" t="s">
        <v>35</v>
      </c>
      <c r="D4686" t="s">
        <v>10</v>
      </c>
      <c r="E4686" t="s">
        <v>11</v>
      </c>
      <c r="F4686" s="2">
        <v>1</v>
      </c>
      <c r="G4686" t="s">
        <v>83</v>
      </c>
      <c r="H4686" t="s">
        <v>13</v>
      </c>
    </row>
    <row r="4687" spans="1:8" x14ac:dyDescent="0.25">
      <c r="A4687" s="1">
        <v>43884</v>
      </c>
      <c r="B4687" t="s">
        <v>3279</v>
      </c>
      <c r="C4687" t="s">
        <v>47</v>
      </c>
      <c r="D4687" t="s">
        <v>10</v>
      </c>
      <c r="E4687" t="s">
        <v>11</v>
      </c>
      <c r="F4687" s="2">
        <v>1</v>
      </c>
      <c r="G4687" t="s">
        <v>46</v>
      </c>
      <c r="H4687" t="s">
        <v>13</v>
      </c>
    </row>
    <row r="4688" spans="1:8" x14ac:dyDescent="0.25">
      <c r="A4688" s="1">
        <v>43884</v>
      </c>
      <c r="B4688" t="s">
        <v>3280</v>
      </c>
      <c r="C4688" t="s">
        <v>1512</v>
      </c>
      <c r="D4688" t="s">
        <v>10</v>
      </c>
      <c r="E4688" t="s">
        <v>11</v>
      </c>
      <c r="F4688" s="2">
        <v>1</v>
      </c>
      <c r="G4688" t="s">
        <v>181</v>
      </c>
      <c r="H4688" t="s">
        <v>13</v>
      </c>
    </row>
    <row r="4689" spans="1:8" x14ac:dyDescent="0.25">
      <c r="A4689" s="1">
        <v>43883</v>
      </c>
      <c r="B4689" t="s">
        <v>3281</v>
      </c>
      <c r="C4689" t="s">
        <v>14</v>
      </c>
      <c r="D4689" t="s">
        <v>10</v>
      </c>
      <c r="E4689" t="s">
        <v>11</v>
      </c>
      <c r="F4689" s="2">
        <v>1</v>
      </c>
      <c r="G4689" t="s">
        <v>131</v>
      </c>
      <c r="H4689" t="s">
        <v>13</v>
      </c>
    </row>
    <row r="4690" spans="1:8" x14ac:dyDescent="0.25">
      <c r="A4690" s="1">
        <v>43883</v>
      </c>
      <c r="B4690" t="s">
        <v>3282</v>
      </c>
      <c r="C4690" t="s">
        <v>115</v>
      </c>
      <c r="D4690" t="s">
        <v>10</v>
      </c>
      <c r="E4690" t="s">
        <v>11</v>
      </c>
      <c r="F4690" s="2">
        <v>1</v>
      </c>
      <c r="G4690" t="s">
        <v>878</v>
      </c>
      <c r="H4690" t="s">
        <v>13</v>
      </c>
    </row>
    <row r="4691" spans="1:8" x14ac:dyDescent="0.25">
      <c r="A4691" s="1">
        <v>43881</v>
      </c>
      <c r="B4691" t="s">
        <v>3283</v>
      </c>
      <c r="C4691" t="s">
        <v>19</v>
      </c>
      <c r="D4691" t="s">
        <v>10</v>
      </c>
      <c r="E4691" t="s">
        <v>11</v>
      </c>
      <c r="F4691" s="2">
        <v>1</v>
      </c>
      <c r="G4691" t="s">
        <v>100</v>
      </c>
      <c r="H4691" t="s">
        <v>13</v>
      </c>
    </row>
    <row r="4692" spans="1:8" x14ac:dyDescent="0.25">
      <c r="A4692" s="1">
        <v>43881</v>
      </c>
      <c r="B4692" t="s">
        <v>3283</v>
      </c>
      <c r="C4692" t="s">
        <v>52</v>
      </c>
      <c r="D4692" t="s">
        <v>10</v>
      </c>
      <c r="E4692" t="s">
        <v>11</v>
      </c>
      <c r="F4692" s="2">
        <v>1</v>
      </c>
      <c r="G4692" t="s">
        <v>100</v>
      </c>
      <c r="H4692" t="s">
        <v>13</v>
      </c>
    </row>
    <row r="4693" spans="1:8" x14ac:dyDescent="0.25">
      <c r="A4693" s="1">
        <v>43881</v>
      </c>
      <c r="B4693" t="s">
        <v>3284</v>
      </c>
      <c r="C4693" t="s">
        <v>1043</v>
      </c>
      <c r="D4693" t="s">
        <v>10</v>
      </c>
      <c r="E4693" t="s">
        <v>11</v>
      </c>
      <c r="F4693" s="2">
        <v>1</v>
      </c>
      <c r="G4693" t="s">
        <v>411</v>
      </c>
      <c r="H4693" t="s">
        <v>13</v>
      </c>
    </row>
    <row r="4694" spans="1:8" x14ac:dyDescent="0.25">
      <c r="A4694" s="1">
        <v>43880</v>
      </c>
      <c r="B4694" t="s">
        <v>3285</v>
      </c>
      <c r="C4694" t="s">
        <v>9</v>
      </c>
      <c r="D4694" t="s">
        <v>10</v>
      </c>
      <c r="E4694" t="s">
        <v>11</v>
      </c>
      <c r="F4694" s="2">
        <v>1</v>
      </c>
      <c r="G4694" t="s">
        <v>100</v>
      </c>
      <c r="H4694" t="s">
        <v>13</v>
      </c>
    </row>
    <row r="4695" spans="1:8" x14ac:dyDescent="0.25">
      <c r="A4695" s="1">
        <v>43880</v>
      </c>
      <c r="B4695" t="s">
        <v>3285</v>
      </c>
      <c r="C4695" t="s">
        <v>28</v>
      </c>
      <c r="D4695" t="s">
        <v>10</v>
      </c>
      <c r="E4695" t="s">
        <v>11</v>
      </c>
      <c r="F4695" s="2">
        <v>1</v>
      </c>
      <c r="G4695" t="s">
        <v>100</v>
      </c>
      <c r="H4695" t="s">
        <v>13</v>
      </c>
    </row>
    <row r="4696" spans="1:8" x14ac:dyDescent="0.25">
      <c r="A4696" s="1">
        <v>43880</v>
      </c>
      <c r="B4696" t="s">
        <v>3285</v>
      </c>
      <c r="C4696" t="s">
        <v>1883</v>
      </c>
      <c r="D4696" t="s">
        <v>10</v>
      </c>
      <c r="E4696" t="s">
        <v>11</v>
      </c>
      <c r="F4696" s="2">
        <v>1</v>
      </c>
      <c r="G4696" t="s">
        <v>100</v>
      </c>
      <c r="H4696" t="s">
        <v>13</v>
      </c>
    </row>
    <row r="4697" spans="1:8" x14ac:dyDescent="0.25">
      <c r="A4697" s="1">
        <v>43880</v>
      </c>
      <c r="B4697" t="s">
        <v>3286</v>
      </c>
      <c r="C4697" t="s">
        <v>174</v>
      </c>
      <c r="D4697" t="s">
        <v>10</v>
      </c>
      <c r="E4697" t="s">
        <v>11</v>
      </c>
      <c r="F4697" s="2">
        <v>1</v>
      </c>
      <c r="G4697" t="s">
        <v>594</v>
      </c>
      <c r="H4697" t="s">
        <v>13</v>
      </c>
    </row>
    <row r="4698" spans="1:8" x14ac:dyDescent="0.25">
      <c r="A4698" s="1">
        <v>43880</v>
      </c>
      <c r="B4698" t="s">
        <v>3287</v>
      </c>
      <c r="C4698" t="s">
        <v>9</v>
      </c>
      <c r="D4698" t="s">
        <v>10</v>
      </c>
      <c r="E4698" t="s">
        <v>11</v>
      </c>
      <c r="F4698" s="2">
        <v>1</v>
      </c>
      <c r="G4698" t="s">
        <v>411</v>
      </c>
      <c r="H4698" t="s">
        <v>13</v>
      </c>
    </row>
    <row r="4699" spans="1:8" x14ac:dyDescent="0.25">
      <c r="A4699" s="1">
        <v>43878</v>
      </c>
      <c r="B4699" t="s">
        <v>3288</v>
      </c>
      <c r="C4699" t="s">
        <v>222</v>
      </c>
      <c r="D4699" t="s">
        <v>10</v>
      </c>
      <c r="E4699" t="s">
        <v>11</v>
      </c>
      <c r="F4699" s="2">
        <v>1</v>
      </c>
      <c r="G4699" t="s">
        <v>1650</v>
      </c>
      <c r="H4699" t="s">
        <v>13</v>
      </c>
    </row>
    <row r="4700" spans="1:8" x14ac:dyDescent="0.25">
      <c r="A4700" s="1">
        <v>43878</v>
      </c>
      <c r="B4700" t="s">
        <v>3288</v>
      </c>
      <c r="C4700" t="s">
        <v>484</v>
      </c>
      <c r="D4700" t="s">
        <v>10</v>
      </c>
      <c r="E4700" t="s">
        <v>11</v>
      </c>
      <c r="F4700" s="2">
        <v>1</v>
      </c>
      <c r="G4700" t="s">
        <v>1650</v>
      </c>
      <c r="H4700" t="s">
        <v>13</v>
      </c>
    </row>
    <row r="4701" spans="1:8" x14ac:dyDescent="0.25">
      <c r="A4701" s="1">
        <v>43878</v>
      </c>
      <c r="B4701" t="s">
        <v>3289</v>
      </c>
      <c r="C4701" t="s">
        <v>9</v>
      </c>
      <c r="D4701" t="s">
        <v>10</v>
      </c>
      <c r="E4701" t="s">
        <v>11</v>
      </c>
      <c r="F4701" s="2">
        <v>1</v>
      </c>
      <c r="G4701" t="s">
        <v>100</v>
      </c>
      <c r="H4701" t="s">
        <v>13</v>
      </c>
    </row>
    <row r="4702" spans="1:8" x14ac:dyDescent="0.25">
      <c r="A4702" s="1">
        <v>43878</v>
      </c>
      <c r="B4702" t="s">
        <v>3289</v>
      </c>
      <c r="C4702" t="s">
        <v>64</v>
      </c>
      <c r="D4702" t="s">
        <v>10</v>
      </c>
      <c r="E4702" t="s">
        <v>11</v>
      </c>
      <c r="F4702" s="2">
        <v>1</v>
      </c>
      <c r="G4702" t="s">
        <v>100</v>
      </c>
      <c r="H4702" t="s">
        <v>13</v>
      </c>
    </row>
    <row r="4703" spans="1:8" x14ac:dyDescent="0.25">
      <c r="A4703" s="1">
        <v>43878</v>
      </c>
      <c r="B4703" t="s">
        <v>3290</v>
      </c>
      <c r="C4703" t="s">
        <v>9</v>
      </c>
      <c r="D4703" t="s">
        <v>10</v>
      </c>
      <c r="E4703" t="s">
        <v>11</v>
      </c>
      <c r="F4703" s="2">
        <v>1</v>
      </c>
      <c r="G4703" t="s">
        <v>100</v>
      </c>
      <c r="H4703" t="s">
        <v>13</v>
      </c>
    </row>
    <row r="4704" spans="1:8" x14ac:dyDescent="0.25">
      <c r="A4704" s="1">
        <v>43878</v>
      </c>
      <c r="B4704" t="s">
        <v>3291</v>
      </c>
      <c r="C4704" t="s">
        <v>9</v>
      </c>
      <c r="D4704" t="s">
        <v>10</v>
      </c>
      <c r="E4704" t="s">
        <v>11</v>
      </c>
      <c r="F4704" s="2">
        <v>1</v>
      </c>
      <c r="G4704" t="s">
        <v>483</v>
      </c>
      <c r="H4704" t="s">
        <v>13</v>
      </c>
    </row>
    <row r="4705" spans="1:8" x14ac:dyDescent="0.25">
      <c r="A4705" s="1">
        <v>43878</v>
      </c>
      <c r="B4705" t="s">
        <v>3291</v>
      </c>
      <c r="C4705" t="s">
        <v>35</v>
      </c>
      <c r="D4705" t="s">
        <v>10</v>
      </c>
      <c r="E4705" t="s">
        <v>11</v>
      </c>
      <c r="F4705" s="2">
        <v>1</v>
      </c>
      <c r="G4705" t="s">
        <v>483</v>
      </c>
      <c r="H4705" t="s">
        <v>13</v>
      </c>
    </row>
    <row r="4706" spans="1:8" x14ac:dyDescent="0.25">
      <c r="A4706" s="1">
        <v>43878</v>
      </c>
      <c r="B4706" t="s">
        <v>3292</v>
      </c>
      <c r="C4706" t="s">
        <v>3293</v>
      </c>
      <c r="D4706" t="s">
        <v>10</v>
      </c>
      <c r="E4706" t="s">
        <v>11</v>
      </c>
      <c r="F4706" s="2">
        <v>1</v>
      </c>
      <c r="G4706" t="s">
        <v>793</v>
      </c>
      <c r="H4706" t="s">
        <v>13</v>
      </c>
    </row>
    <row r="4707" spans="1:8" x14ac:dyDescent="0.25">
      <c r="A4707" s="1">
        <v>43877</v>
      </c>
      <c r="B4707" t="s">
        <v>3294</v>
      </c>
      <c r="C4707" t="s">
        <v>28</v>
      </c>
      <c r="D4707" t="s">
        <v>10</v>
      </c>
      <c r="E4707" t="s">
        <v>11</v>
      </c>
      <c r="F4707" s="2">
        <v>1</v>
      </c>
      <c r="G4707" t="s">
        <v>20</v>
      </c>
      <c r="H4707" t="s">
        <v>13</v>
      </c>
    </row>
    <row r="4708" spans="1:8" x14ac:dyDescent="0.25">
      <c r="A4708" s="1">
        <v>43877</v>
      </c>
      <c r="B4708" t="s">
        <v>3294</v>
      </c>
      <c r="C4708" t="s">
        <v>64</v>
      </c>
      <c r="D4708" t="s">
        <v>10</v>
      </c>
      <c r="E4708" t="s">
        <v>11</v>
      </c>
      <c r="F4708" s="2">
        <v>1</v>
      </c>
      <c r="G4708" t="s">
        <v>20</v>
      </c>
      <c r="H4708" t="s">
        <v>13</v>
      </c>
    </row>
    <row r="4709" spans="1:8" x14ac:dyDescent="0.25">
      <c r="A4709" s="1">
        <v>43877</v>
      </c>
      <c r="B4709" t="s">
        <v>3294</v>
      </c>
      <c r="C4709" t="s">
        <v>29</v>
      </c>
      <c r="D4709" t="s">
        <v>10</v>
      </c>
      <c r="E4709" t="s">
        <v>11</v>
      </c>
      <c r="F4709" s="2">
        <v>1</v>
      </c>
      <c r="G4709" t="s">
        <v>20</v>
      </c>
      <c r="H4709" t="s">
        <v>13</v>
      </c>
    </row>
    <row r="4710" spans="1:8" x14ac:dyDescent="0.25">
      <c r="A4710" s="1">
        <v>43876</v>
      </c>
      <c r="B4710" t="s">
        <v>3295</v>
      </c>
      <c r="C4710" t="s">
        <v>92</v>
      </c>
      <c r="D4710" t="s">
        <v>10</v>
      </c>
      <c r="E4710" t="s">
        <v>11</v>
      </c>
      <c r="F4710" s="2">
        <v>1</v>
      </c>
      <c r="G4710" t="s">
        <v>63</v>
      </c>
      <c r="H4710" t="s">
        <v>13</v>
      </c>
    </row>
    <row r="4711" spans="1:8" x14ac:dyDescent="0.25">
      <c r="A4711" s="1">
        <v>43875</v>
      </c>
      <c r="B4711" t="s">
        <v>3296</v>
      </c>
      <c r="C4711" t="s">
        <v>410</v>
      </c>
      <c r="D4711" t="s">
        <v>10</v>
      </c>
      <c r="E4711" t="s">
        <v>11</v>
      </c>
      <c r="F4711" s="2">
        <v>1</v>
      </c>
      <c r="G4711" t="s">
        <v>181</v>
      </c>
      <c r="H4711" t="s">
        <v>13</v>
      </c>
    </row>
    <row r="4712" spans="1:8" x14ac:dyDescent="0.25">
      <c r="A4712" s="1">
        <v>43875</v>
      </c>
      <c r="B4712" t="s">
        <v>3297</v>
      </c>
      <c r="C4712" t="s">
        <v>439</v>
      </c>
      <c r="D4712" t="s">
        <v>10</v>
      </c>
      <c r="E4712" t="s">
        <v>11</v>
      </c>
      <c r="F4712" s="2">
        <v>1</v>
      </c>
      <c r="G4712" t="s">
        <v>46</v>
      </c>
      <c r="H4712" t="s">
        <v>13</v>
      </c>
    </row>
    <row r="4713" spans="1:8" x14ac:dyDescent="0.25">
      <c r="A4713" s="1">
        <v>43874</v>
      </c>
      <c r="B4713" t="s">
        <v>3298</v>
      </c>
      <c r="C4713" t="s">
        <v>149</v>
      </c>
      <c r="D4713" t="s">
        <v>10</v>
      </c>
      <c r="E4713" t="s">
        <v>11</v>
      </c>
      <c r="F4713" s="2">
        <v>1</v>
      </c>
      <c r="G4713" t="s">
        <v>1085</v>
      </c>
      <c r="H4713" t="s">
        <v>13</v>
      </c>
    </row>
    <row r="4714" spans="1:8" x14ac:dyDescent="0.25">
      <c r="A4714" s="1">
        <v>43874</v>
      </c>
      <c r="B4714" t="s">
        <v>3298</v>
      </c>
      <c r="C4714" t="s">
        <v>47</v>
      </c>
      <c r="D4714" t="s">
        <v>10</v>
      </c>
      <c r="E4714" t="s">
        <v>11</v>
      </c>
      <c r="F4714" s="2">
        <v>1</v>
      </c>
      <c r="G4714" t="s">
        <v>1085</v>
      </c>
      <c r="H4714" t="s">
        <v>13</v>
      </c>
    </row>
    <row r="4715" spans="1:8" x14ac:dyDescent="0.25">
      <c r="A4715" s="1">
        <v>43874</v>
      </c>
      <c r="B4715" t="s">
        <v>3299</v>
      </c>
      <c r="C4715" t="s">
        <v>9</v>
      </c>
      <c r="D4715" t="s">
        <v>10</v>
      </c>
      <c r="E4715" t="s">
        <v>11</v>
      </c>
      <c r="F4715" s="2">
        <v>1</v>
      </c>
      <c r="G4715" t="s">
        <v>447</v>
      </c>
      <c r="H4715" t="s">
        <v>13</v>
      </c>
    </row>
    <row r="4716" spans="1:8" x14ac:dyDescent="0.25">
      <c r="A4716" s="1">
        <v>43874</v>
      </c>
      <c r="B4716" t="s">
        <v>3300</v>
      </c>
      <c r="C4716" t="s">
        <v>118</v>
      </c>
      <c r="D4716" t="s">
        <v>10</v>
      </c>
      <c r="E4716" t="s">
        <v>11</v>
      </c>
      <c r="F4716" s="2">
        <v>1</v>
      </c>
      <c r="G4716" t="s">
        <v>1085</v>
      </c>
      <c r="H4716" t="s">
        <v>13</v>
      </c>
    </row>
    <row r="4717" spans="1:8" x14ac:dyDescent="0.25">
      <c r="A4717" s="1">
        <v>43874</v>
      </c>
      <c r="B4717" t="s">
        <v>3300</v>
      </c>
      <c r="C4717" t="s">
        <v>142</v>
      </c>
      <c r="D4717" t="s">
        <v>10</v>
      </c>
      <c r="E4717" t="s">
        <v>11</v>
      </c>
      <c r="F4717" s="2">
        <v>1</v>
      </c>
      <c r="G4717" t="s">
        <v>1085</v>
      </c>
      <c r="H4717" t="s">
        <v>13</v>
      </c>
    </row>
    <row r="4718" spans="1:8" x14ac:dyDescent="0.25">
      <c r="A4718" s="1">
        <v>43874</v>
      </c>
      <c r="B4718" t="s">
        <v>3300</v>
      </c>
      <c r="C4718" t="s">
        <v>56</v>
      </c>
      <c r="D4718" t="s">
        <v>10</v>
      </c>
      <c r="E4718" t="s">
        <v>11</v>
      </c>
      <c r="F4718" s="2">
        <v>1</v>
      </c>
      <c r="G4718" t="s">
        <v>1085</v>
      </c>
      <c r="H4718" t="s">
        <v>13</v>
      </c>
    </row>
    <row r="4719" spans="1:8" x14ac:dyDescent="0.25">
      <c r="A4719" s="1">
        <v>43874</v>
      </c>
      <c r="B4719" t="s">
        <v>3300</v>
      </c>
      <c r="C4719" t="s">
        <v>151</v>
      </c>
      <c r="D4719" t="s">
        <v>10</v>
      </c>
      <c r="E4719" t="s">
        <v>11</v>
      </c>
      <c r="F4719" s="2">
        <v>1</v>
      </c>
      <c r="G4719" t="s">
        <v>1085</v>
      </c>
      <c r="H4719" t="s">
        <v>13</v>
      </c>
    </row>
    <row r="4720" spans="1:8" x14ac:dyDescent="0.25">
      <c r="A4720" s="1">
        <v>43874</v>
      </c>
      <c r="B4720" t="s">
        <v>3301</v>
      </c>
      <c r="C4720" t="s">
        <v>9</v>
      </c>
      <c r="D4720" t="s">
        <v>10</v>
      </c>
      <c r="E4720" t="s">
        <v>11</v>
      </c>
      <c r="F4720" s="2">
        <v>1</v>
      </c>
      <c r="G4720" t="s">
        <v>447</v>
      </c>
      <c r="H4720" t="s">
        <v>13</v>
      </c>
    </row>
    <row r="4721" spans="1:8" x14ac:dyDescent="0.25">
      <c r="A4721" s="1">
        <v>43874</v>
      </c>
      <c r="B4721" t="s">
        <v>3301</v>
      </c>
      <c r="C4721" t="s">
        <v>29</v>
      </c>
      <c r="D4721" t="s">
        <v>10</v>
      </c>
      <c r="E4721" t="s">
        <v>11</v>
      </c>
      <c r="F4721" s="2">
        <v>1</v>
      </c>
      <c r="G4721" t="s">
        <v>447</v>
      </c>
      <c r="H4721" t="s">
        <v>13</v>
      </c>
    </row>
    <row r="4722" spans="1:8" x14ac:dyDescent="0.25">
      <c r="A4722" s="1">
        <v>43873</v>
      </c>
      <c r="B4722" t="s">
        <v>3302</v>
      </c>
      <c r="C4722" t="s">
        <v>9</v>
      </c>
      <c r="D4722" t="s">
        <v>10</v>
      </c>
      <c r="E4722" t="s">
        <v>11</v>
      </c>
      <c r="F4722" s="2">
        <v>1</v>
      </c>
      <c r="G4722" t="s">
        <v>83</v>
      </c>
      <c r="H4722" t="s">
        <v>13</v>
      </c>
    </row>
    <row r="4723" spans="1:8" x14ac:dyDescent="0.25">
      <c r="A4723" s="1">
        <v>43872</v>
      </c>
      <c r="B4723" t="s">
        <v>3303</v>
      </c>
      <c r="C4723" t="s">
        <v>34</v>
      </c>
      <c r="D4723" t="s">
        <v>10</v>
      </c>
      <c r="E4723" t="s">
        <v>11</v>
      </c>
      <c r="F4723" s="2">
        <v>1</v>
      </c>
      <c r="G4723" t="s">
        <v>100</v>
      </c>
      <c r="H4723" t="s">
        <v>13</v>
      </c>
    </row>
    <row r="4724" spans="1:8" x14ac:dyDescent="0.25">
      <c r="A4724" s="1">
        <v>43872</v>
      </c>
      <c r="B4724" t="s">
        <v>3303</v>
      </c>
      <c r="C4724" t="s">
        <v>35</v>
      </c>
      <c r="D4724" t="s">
        <v>10</v>
      </c>
      <c r="E4724" t="s">
        <v>11</v>
      </c>
      <c r="F4724" s="2">
        <v>1</v>
      </c>
      <c r="G4724" t="s">
        <v>100</v>
      </c>
      <c r="H4724" t="s">
        <v>13</v>
      </c>
    </row>
    <row r="4725" spans="1:8" x14ac:dyDescent="0.25">
      <c r="A4725" s="1">
        <v>43872</v>
      </c>
      <c r="B4725" t="s">
        <v>3304</v>
      </c>
      <c r="C4725" t="s">
        <v>47</v>
      </c>
      <c r="D4725" t="s">
        <v>10</v>
      </c>
      <c r="E4725" t="s">
        <v>11</v>
      </c>
      <c r="F4725" s="2">
        <v>1</v>
      </c>
      <c r="G4725" t="s">
        <v>197</v>
      </c>
      <c r="H4725" t="s">
        <v>13</v>
      </c>
    </row>
    <row r="4726" spans="1:8" x14ac:dyDescent="0.25">
      <c r="A4726" s="1">
        <v>43872</v>
      </c>
      <c r="B4726" t="s">
        <v>3305</v>
      </c>
      <c r="C4726" t="s">
        <v>9</v>
      </c>
      <c r="D4726" t="s">
        <v>10</v>
      </c>
      <c r="E4726" t="s">
        <v>11</v>
      </c>
      <c r="F4726" s="2">
        <v>1</v>
      </c>
      <c r="G4726" t="s">
        <v>2455</v>
      </c>
      <c r="H4726" t="s">
        <v>13</v>
      </c>
    </row>
    <row r="4727" spans="1:8" x14ac:dyDescent="0.25">
      <c r="A4727" s="1">
        <v>43872</v>
      </c>
      <c r="B4727" t="s">
        <v>3306</v>
      </c>
      <c r="C4727" t="s">
        <v>79</v>
      </c>
      <c r="D4727" t="s">
        <v>10</v>
      </c>
      <c r="E4727" t="s">
        <v>11</v>
      </c>
      <c r="F4727" s="2">
        <v>1</v>
      </c>
      <c r="G4727" t="s">
        <v>205</v>
      </c>
      <c r="H4727" t="s">
        <v>13</v>
      </c>
    </row>
    <row r="4728" spans="1:8" x14ac:dyDescent="0.25">
      <c r="A4728" s="1">
        <v>43872</v>
      </c>
      <c r="B4728" t="s">
        <v>3306</v>
      </c>
      <c r="C4728" t="s">
        <v>80</v>
      </c>
      <c r="D4728" t="s">
        <v>10</v>
      </c>
      <c r="E4728" t="s">
        <v>11</v>
      </c>
      <c r="F4728" s="2">
        <v>1</v>
      </c>
      <c r="G4728" t="s">
        <v>205</v>
      </c>
      <c r="H4728" t="s">
        <v>13</v>
      </c>
    </row>
    <row r="4729" spans="1:8" x14ac:dyDescent="0.25">
      <c r="A4729" s="1">
        <v>43871</v>
      </c>
      <c r="B4729" t="s">
        <v>3307</v>
      </c>
      <c r="C4729" t="s">
        <v>19</v>
      </c>
      <c r="D4729" t="s">
        <v>10</v>
      </c>
      <c r="E4729" t="s">
        <v>11</v>
      </c>
      <c r="F4729" s="2">
        <v>1</v>
      </c>
      <c r="G4729" t="s">
        <v>31</v>
      </c>
      <c r="H4729" t="s">
        <v>13</v>
      </c>
    </row>
    <row r="4730" spans="1:8" x14ac:dyDescent="0.25">
      <c r="A4730" s="1">
        <v>43871</v>
      </c>
      <c r="B4730" t="s">
        <v>3308</v>
      </c>
      <c r="C4730" t="s">
        <v>9</v>
      </c>
      <c r="D4730" t="s">
        <v>10</v>
      </c>
      <c r="E4730" t="s">
        <v>11</v>
      </c>
      <c r="F4730" s="2">
        <v>1</v>
      </c>
      <c r="G4730" t="s">
        <v>374</v>
      </c>
      <c r="H4730" t="s">
        <v>13</v>
      </c>
    </row>
    <row r="4731" spans="1:8" x14ac:dyDescent="0.25">
      <c r="A4731" s="1">
        <v>43870</v>
      </c>
      <c r="B4731" t="s">
        <v>3309</v>
      </c>
      <c r="C4731" t="s">
        <v>264</v>
      </c>
      <c r="D4731" t="s">
        <v>10</v>
      </c>
      <c r="E4731" t="s">
        <v>11</v>
      </c>
      <c r="F4731" s="2">
        <v>1</v>
      </c>
      <c r="G4731" t="s">
        <v>125</v>
      </c>
      <c r="H4731" t="s">
        <v>13</v>
      </c>
    </row>
    <row r="4732" spans="1:8" x14ac:dyDescent="0.25">
      <c r="A4732" s="1">
        <v>43869</v>
      </c>
      <c r="B4732" t="s">
        <v>3310</v>
      </c>
      <c r="C4732" t="s">
        <v>47</v>
      </c>
      <c r="D4732" t="s">
        <v>10</v>
      </c>
      <c r="E4732" t="s">
        <v>11</v>
      </c>
      <c r="F4732" s="2">
        <v>1</v>
      </c>
      <c r="G4732" t="s">
        <v>3311</v>
      </c>
      <c r="H4732" t="s">
        <v>13</v>
      </c>
    </row>
    <row r="4733" spans="1:8" x14ac:dyDescent="0.25">
      <c r="A4733" s="1">
        <v>43869</v>
      </c>
      <c r="B4733" t="s">
        <v>3312</v>
      </c>
      <c r="C4733" t="s">
        <v>35</v>
      </c>
      <c r="D4733" t="s">
        <v>10</v>
      </c>
      <c r="E4733" t="s">
        <v>11</v>
      </c>
      <c r="F4733" s="2">
        <v>1</v>
      </c>
      <c r="G4733" t="s">
        <v>83</v>
      </c>
      <c r="H4733" t="s">
        <v>13</v>
      </c>
    </row>
    <row r="4734" spans="1:8" x14ac:dyDescent="0.25">
      <c r="A4734" s="1">
        <v>43868</v>
      </c>
      <c r="B4734" t="s">
        <v>3313</v>
      </c>
      <c r="C4734" t="s">
        <v>9</v>
      </c>
      <c r="D4734" t="s">
        <v>10</v>
      </c>
      <c r="E4734" t="s">
        <v>11</v>
      </c>
      <c r="F4734" s="2">
        <v>1</v>
      </c>
      <c r="G4734" t="s">
        <v>83</v>
      </c>
      <c r="H4734" t="s">
        <v>13</v>
      </c>
    </row>
    <row r="4735" spans="1:8" x14ac:dyDescent="0.25">
      <c r="A4735" s="1">
        <v>43868</v>
      </c>
      <c r="B4735" t="s">
        <v>3313</v>
      </c>
      <c r="C4735" t="s">
        <v>3314</v>
      </c>
      <c r="D4735" t="s">
        <v>10</v>
      </c>
      <c r="E4735" t="s">
        <v>11</v>
      </c>
      <c r="F4735" s="2">
        <v>1</v>
      </c>
      <c r="G4735" t="s">
        <v>83</v>
      </c>
      <c r="H4735" t="s">
        <v>13</v>
      </c>
    </row>
    <row r="4736" spans="1:8" x14ac:dyDescent="0.25">
      <c r="A4736" s="1">
        <v>43868</v>
      </c>
      <c r="B4736" t="s">
        <v>3315</v>
      </c>
      <c r="C4736" t="s">
        <v>79</v>
      </c>
      <c r="D4736" t="s">
        <v>10</v>
      </c>
      <c r="E4736" t="s">
        <v>11</v>
      </c>
      <c r="F4736" s="2">
        <v>1</v>
      </c>
      <c r="G4736" t="s">
        <v>20</v>
      </c>
      <c r="H4736" t="s">
        <v>13</v>
      </c>
    </row>
    <row r="4737" spans="1:8" x14ac:dyDescent="0.25">
      <c r="A4737" s="1">
        <v>43868</v>
      </c>
      <c r="B4737" t="s">
        <v>3315</v>
      </c>
      <c r="C4737" t="s">
        <v>80</v>
      </c>
      <c r="D4737" t="s">
        <v>10</v>
      </c>
      <c r="E4737" t="s">
        <v>11</v>
      </c>
      <c r="F4737" s="2">
        <v>1</v>
      </c>
      <c r="G4737" t="s">
        <v>20</v>
      </c>
      <c r="H4737" t="s">
        <v>13</v>
      </c>
    </row>
    <row r="4738" spans="1:8" x14ac:dyDescent="0.25">
      <c r="A4738" s="1">
        <v>43868</v>
      </c>
      <c r="B4738" t="s">
        <v>3316</v>
      </c>
      <c r="C4738" t="s">
        <v>47</v>
      </c>
      <c r="D4738" t="s">
        <v>10</v>
      </c>
      <c r="E4738" t="s">
        <v>11</v>
      </c>
      <c r="F4738" s="2">
        <v>1</v>
      </c>
      <c r="G4738" t="s">
        <v>72</v>
      </c>
      <c r="H4738" t="s">
        <v>13</v>
      </c>
    </row>
    <row r="4739" spans="1:8" x14ac:dyDescent="0.25">
      <c r="A4739" s="1">
        <v>43868</v>
      </c>
      <c r="B4739" t="s">
        <v>3316</v>
      </c>
      <c r="C4739" t="s">
        <v>264</v>
      </c>
      <c r="D4739" t="s">
        <v>10</v>
      </c>
      <c r="E4739" t="s">
        <v>11</v>
      </c>
      <c r="F4739" s="2">
        <v>1</v>
      </c>
      <c r="G4739" t="s">
        <v>72</v>
      </c>
      <c r="H4739" t="s">
        <v>13</v>
      </c>
    </row>
    <row r="4740" spans="1:8" x14ac:dyDescent="0.25">
      <c r="A4740" s="1">
        <v>43867</v>
      </c>
      <c r="B4740" t="s">
        <v>3317</v>
      </c>
      <c r="C4740" t="s">
        <v>9</v>
      </c>
      <c r="D4740" t="s">
        <v>10</v>
      </c>
      <c r="E4740" t="s">
        <v>11</v>
      </c>
      <c r="F4740" s="2">
        <v>1</v>
      </c>
      <c r="G4740" t="s">
        <v>3318</v>
      </c>
      <c r="H4740" t="s">
        <v>13</v>
      </c>
    </row>
    <row r="4741" spans="1:8" x14ac:dyDescent="0.25">
      <c r="A4741" s="1">
        <v>43865</v>
      </c>
      <c r="B4741" t="s">
        <v>3319</v>
      </c>
      <c r="C4741" t="s">
        <v>35</v>
      </c>
      <c r="D4741" t="s">
        <v>10</v>
      </c>
      <c r="E4741" t="s">
        <v>11</v>
      </c>
      <c r="F4741" s="2">
        <v>1</v>
      </c>
      <c r="G4741" t="s">
        <v>296</v>
      </c>
      <c r="H4741" t="s">
        <v>13</v>
      </c>
    </row>
    <row r="4742" spans="1:8" x14ac:dyDescent="0.25">
      <c r="A4742" s="1">
        <v>43865</v>
      </c>
      <c r="B4742" t="s">
        <v>3319</v>
      </c>
      <c r="C4742" t="s">
        <v>14</v>
      </c>
      <c r="D4742" t="s">
        <v>10</v>
      </c>
      <c r="E4742" t="s">
        <v>11</v>
      </c>
      <c r="F4742" s="2">
        <v>1</v>
      </c>
      <c r="G4742" t="s">
        <v>296</v>
      </c>
      <c r="H4742" t="s">
        <v>13</v>
      </c>
    </row>
    <row r="4743" spans="1:8" x14ac:dyDescent="0.25">
      <c r="A4743" s="1">
        <v>43864</v>
      </c>
      <c r="B4743" t="s">
        <v>3320</v>
      </c>
      <c r="C4743" t="s">
        <v>35</v>
      </c>
      <c r="D4743" t="s">
        <v>10</v>
      </c>
      <c r="E4743" t="s">
        <v>11</v>
      </c>
      <c r="F4743" s="2">
        <v>1</v>
      </c>
      <c r="G4743" t="s">
        <v>12</v>
      </c>
      <c r="H4743" t="s">
        <v>13</v>
      </c>
    </row>
    <row r="4744" spans="1:8" x14ac:dyDescent="0.25">
      <c r="A4744" s="1">
        <v>43864</v>
      </c>
      <c r="B4744" t="s">
        <v>3321</v>
      </c>
      <c r="C4744" t="s">
        <v>35</v>
      </c>
      <c r="D4744" t="s">
        <v>10</v>
      </c>
      <c r="E4744" t="s">
        <v>11</v>
      </c>
      <c r="F4744" s="2">
        <v>1</v>
      </c>
      <c r="G4744" t="s">
        <v>181</v>
      </c>
      <c r="H4744" t="s">
        <v>13</v>
      </c>
    </row>
    <row r="4745" spans="1:8" x14ac:dyDescent="0.25">
      <c r="A4745" s="1">
        <v>43864</v>
      </c>
      <c r="B4745" t="s">
        <v>3321</v>
      </c>
      <c r="C4745" t="s">
        <v>271</v>
      </c>
      <c r="D4745" t="s">
        <v>10</v>
      </c>
      <c r="E4745" t="s">
        <v>11</v>
      </c>
      <c r="F4745" s="2">
        <v>1</v>
      </c>
      <c r="G4745" t="s">
        <v>181</v>
      </c>
      <c r="H4745" t="s">
        <v>13</v>
      </c>
    </row>
    <row r="4746" spans="1:8" x14ac:dyDescent="0.25">
      <c r="A4746" s="1">
        <v>43863</v>
      </c>
      <c r="B4746" t="s">
        <v>3322</v>
      </c>
      <c r="C4746" t="s">
        <v>76</v>
      </c>
      <c r="D4746" t="s">
        <v>10</v>
      </c>
      <c r="E4746" t="s">
        <v>11</v>
      </c>
      <c r="F4746" s="2">
        <v>1</v>
      </c>
      <c r="G4746" t="s">
        <v>113</v>
      </c>
      <c r="H4746" t="s">
        <v>13</v>
      </c>
    </row>
    <row r="4747" spans="1:8" x14ac:dyDescent="0.25">
      <c r="A4747" s="1">
        <v>43863</v>
      </c>
      <c r="B4747" t="s">
        <v>3323</v>
      </c>
      <c r="C4747" t="s">
        <v>79</v>
      </c>
      <c r="D4747" t="s">
        <v>10</v>
      </c>
      <c r="E4747" t="s">
        <v>11</v>
      </c>
      <c r="F4747" s="2">
        <v>1</v>
      </c>
      <c r="G4747" t="s">
        <v>46</v>
      </c>
      <c r="H4747" t="s">
        <v>13</v>
      </c>
    </row>
    <row r="4748" spans="1:8" x14ac:dyDescent="0.25">
      <c r="A4748" s="1">
        <v>43863</v>
      </c>
      <c r="B4748" t="s">
        <v>3323</v>
      </c>
      <c r="C4748" t="s">
        <v>80</v>
      </c>
      <c r="D4748" t="s">
        <v>10</v>
      </c>
      <c r="E4748" t="s">
        <v>11</v>
      </c>
      <c r="F4748" s="2">
        <v>1</v>
      </c>
      <c r="G4748" t="s">
        <v>46</v>
      </c>
      <c r="H4748" t="s">
        <v>13</v>
      </c>
    </row>
    <row r="4749" spans="1:8" x14ac:dyDescent="0.25">
      <c r="A4749" s="1">
        <v>43863</v>
      </c>
      <c r="B4749" t="s">
        <v>3324</v>
      </c>
      <c r="C4749" t="s">
        <v>47</v>
      </c>
      <c r="D4749" t="s">
        <v>10</v>
      </c>
      <c r="E4749" t="s">
        <v>11</v>
      </c>
      <c r="F4749" s="2">
        <v>1</v>
      </c>
      <c r="G4749" t="s">
        <v>880</v>
      </c>
      <c r="H4749" t="s">
        <v>13</v>
      </c>
    </row>
    <row r="4750" spans="1:8" x14ac:dyDescent="0.25">
      <c r="A4750" s="1">
        <v>43863</v>
      </c>
      <c r="B4750" t="s">
        <v>3324</v>
      </c>
      <c r="C4750" t="s">
        <v>47</v>
      </c>
      <c r="D4750" t="s">
        <v>10</v>
      </c>
      <c r="E4750" t="s">
        <v>11</v>
      </c>
      <c r="F4750" s="2">
        <v>1</v>
      </c>
      <c r="G4750" t="s">
        <v>880</v>
      </c>
      <c r="H4750" t="s">
        <v>13</v>
      </c>
    </row>
    <row r="4751" spans="1:8" x14ac:dyDescent="0.25">
      <c r="A4751" s="1">
        <v>43862</v>
      </c>
      <c r="B4751" t="s">
        <v>3325</v>
      </c>
      <c r="C4751" t="s">
        <v>52</v>
      </c>
      <c r="D4751" t="s">
        <v>10</v>
      </c>
      <c r="E4751" t="s">
        <v>11</v>
      </c>
      <c r="F4751" s="2">
        <v>1</v>
      </c>
      <c r="G4751" t="s">
        <v>859</v>
      </c>
      <c r="H4751" t="s">
        <v>13</v>
      </c>
    </row>
    <row r="4752" spans="1:8" x14ac:dyDescent="0.25">
      <c r="A4752" s="1">
        <v>43862</v>
      </c>
      <c r="B4752" t="s">
        <v>3325</v>
      </c>
      <c r="C4752" t="s">
        <v>47</v>
      </c>
      <c r="D4752" t="s">
        <v>10</v>
      </c>
      <c r="E4752" t="s">
        <v>11</v>
      </c>
      <c r="F4752" s="2">
        <v>1</v>
      </c>
      <c r="G4752" t="s">
        <v>859</v>
      </c>
      <c r="H4752" t="s">
        <v>13</v>
      </c>
    </row>
    <row r="4753" spans="1:8" x14ac:dyDescent="0.25">
      <c r="A4753" s="1">
        <v>43862</v>
      </c>
      <c r="B4753" t="s">
        <v>3325</v>
      </c>
      <c r="C4753" t="s">
        <v>65</v>
      </c>
      <c r="D4753" t="s">
        <v>10</v>
      </c>
      <c r="E4753" t="s">
        <v>11</v>
      </c>
      <c r="F4753" s="2">
        <v>1</v>
      </c>
      <c r="G4753" t="s">
        <v>859</v>
      </c>
      <c r="H4753" t="s">
        <v>13</v>
      </c>
    </row>
    <row r="4754" spans="1:8" x14ac:dyDescent="0.25">
      <c r="A4754" s="1">
        <v>43862</v>
      </c>
      <c r="B4754" t="s">
        <v>3326</v>
      </c>
      <c r="C4754" t="s">
        <v>19</v>
      </c>
      <c r="D4754" t="s">
        <v>10</v>
      </c>
      <c r="E4754" t="s">
        <v>11</v>
      </c>
      <c r="F4754" s="2">
        <v>1</v>
      </c>
      <c r="G4754" t="s">
        <v>100</v>
      </c>
      <c r="H4754" t="s">
        <v>13</v>
      </c>
    </row>
    <row r="4755" spans="1:8" x14ac:dyDescent="0.25">
      <c r="A4755" s="1">
        <v>43862</v>
      </c>
      <c r="B4755" t="s">
        <v>3327</v>
      </c>
      <c r="C4755" t="s">
        <v>86</v>
      </c>
      <c r="D4755" t="s">
        <v>10</v>
      </c>
      <c r="E4755" t="s">
        <v>11</v>
      </c>
      <c r="F4755" s="2">
        <v>1</v>
      </c>
      <c r="G4755" t="s">
        <v>100</v>
      </c>
      <c r="H4755" t="s">
        <v>13</v>
      </c>
    </row>
    <row r="4756" spans="1:8" x14ac:dyDescent="0.25">
      <c r="A4756" s="1">
        <v>43862</v>
      </c>
      <c r="B4756" t="s">
        <v>3328</v>
      </c>
      <c r="C4756" t="s">
        <v>9</v>
      </c>
      <c r="D4756" t="s">
        <v>10</v>
      </c>
      <c r="E4756" t="s">
        <v>11</v>
      </c>
      <c r="F4756" s="2">
        <v>1</v>
      </c>
      <c r="G4756" t="s">
        <v>157</v>
      </c>
      <c r="H4756" t="s">
        <v>13</v>
      </c>
    </row>
    <row r="4757" spans="1:8" x14ac:dyDescent="0.25">
      <c r="A4757" s="1">
        <v>43862</v>
      </c>
      <c r="B4757" t="s">
        <v>3329</v>
      </c>
      <c r="C4757" t="s">
        <v>9</v>
      </c>
      <c r="D4757" t="s">
        <v>10</v>
      </c>
      <c r="E4757" t="s">
        <v>11</v>
      </c>
      <c r="F4757" s="2">
        <v>1</v>
      </c>
      <c r="G4757" t="s">
        <v>296</v>
      </c>
      <c r="H4757" t="s">
        <v>13</v>
      </c>
    </row>
    <row r="4758" spans="1:8" x14ac:dyDescent="0.25">
      <c r="A4758" s="1">
        <v>43862</v>
      </c>
      <c r="B4758" t="s">
        <v>3329</v>
      </c>
      <c r="C4758" t="s">
        <v>28</v>
      </c>
      <c r="D4758" t="s">
        <v>10</v>
      </c>
      <c r="E4758" t="s">
        <v>11</v>
      </c>
      <c r="F4758" s="2">
        <v>1</v>
      </c>
      <c r="G4758" t="s">
        <v>296</v>
      </c>
      <c r="H4758" t="s">
        <v>13</v>
      </c>
    </row>
    <row r="4759" spans="1:8" x14ac:dyDescent="0.25">
      <c r="A4759" s="1">
        <v>43862</v>
      </c>
      <c r="B4759" t="s">
        <v>3329</v>
      </c>
      <c r="C4759" t="s">
        <v>29</v>
      </c>
      <c r="D4759" t="s">
        <v>10</v>
      </c>
      <c r="E4759" t="s">
        <v>11</v>
      </c>
      <c r="F4759" s="2">
        <v>1</v>
      </c>
      <c r="G4759" t="s">
        <v>296</v>
      </c>
      <c r="H4759" t="s">
        <v>13</v>
      </c>
    </row>
    <row r="4760" spans="1:8" x14ac:dyDescent="0.25">
      <c r="A4760" s="1">
        <v>43862</v>
      </c>
      <c r="B4760" t="s">
        <v>3330</v>
      </c>
      <c r="C4760" t="s">
        <v>19</v>
      </c>
      <c r="D4760" t="s">
        <v>10</v>
      </c>
      <c r="E4760" t="s">
        <v>11</v>
      </c>
      <c r="F4760" s="2">
        <v>1</v>
      </c>
      <c r="G4760" t="s">
        <v>216</v>
      </c>
      <c r="H4760" t="s">
        <v>13</v>
      </c>
    </row>
    <row r="4761" spans="1:8" x14ac:dyDescent="0.25">
      <c r="A4761" s="1">
        <v>43861</v>
      </c>
      <c r="B4761" t="s">
        <v>3331</v>
      </c>
      <c r="C4761" t="s">
        <v>80</v>
      </c>
      <c r="D4761" t="s">
        <v>10</v>
      </c>
      <c r="E4761" t="s">
        <v>11</v>
      </c>
      <c r="F4761" s="2">
        <v>1</v>
      </c>
      <c r="G4761" t="s">
        <v>177</v>
      </c>
      <c r="H4761" t="s">
        <v>13</v>
      </c>
    </row>
    <row r="4762" spans="1:8" x14ac:dyDescent="0.25">
      <c r="A4762" s="1">
        <v>43860</v>
      </c>
      <c r="B4762" t="s">
        <v>3332</v>
      </c>
      <c r="C4762" t="s">
        <v>1698</v>
      </c>
      <c r="D4762" t="s">
        <v>10</v>
      </c>
      <c r="E4762" t="s">
        <v>11</v>
      </c>
      <c r="F4762" s="2">
        <v>1</v>
      </c>
      <c r="G4762" t="s">
        <v>20</v>
      </c>
      <c r="H4762" t="s">
        <v>13</v>
      </c>
    </row>
    <row r="4763" spans="1:8" x14ac:dyDescent="0.25">
      <c r="A4763" s="1">
        <v>43860</v>
      </c>
      <c r="B4763" t="s">
        <v>3333</v>
      </c>
      <c r="C4763" t="s">
        <v>47</v>
      </c>
      <c r="D4763" t="s">
        <v>10</v>
      </c>
      <c r="E4763" t="s">
        <v>11</v>
      </c>
      <c r="F4763" s="2">
        <v>1</v>
      </c>
      <c r="G4763" t="s">
        <v>72</v>
      </c>
      <c r="H4763" t="s">
        <v>13</v>
      </c>
    </row>
    <row r="4764" spans="1:8" x14ac:dyDescent="0.25">
      <c r="A4764" s="1">
        <v>43860</v>
      </c>
      <c r="B4764" t="s">
        <v>3333</v>
      </c>
      <c r="C4764" t="s">
        <v>264</v>
      </c>
      <c r="D4764" t="s">
        <v>10</v>
      </c>
      <c r="E4764" t="s">
        <v>11</v>
      </c>
      <c r="F4764" s="2">
        <v>1</v>
      </c>
      <c r="G4764" t="s">
        <v>72</v>
      </c>
      <c r="H4764" t="s">
        <v>13</v>
      </c>
    </row>
    <row r="4765" spans="1:8" x14ac:dyDescent="0.25">
      <c r="A4765" s="1">
        <v>43860</v>
      </c>
      <c r="B4765" t="s">
        <v>3334</v>
      </c>
      <c r="C4765" t="s">
        <v>9</v>
      </c>
      <c r="D4765" t="s">
        <v>10</v>
      </c>
      <c r="E4765" t="s">
        <v>11</v>
      </c>
      <c r="F4765" s="2">
        <v>1</v>
      </c>
      <c r="G4765" t="s">
        <v>20</v>
      </c>
      <c r="H4765" t="s">
        <v>13</v>
      </c>
    </row>
    <row r="4766" spans="1:8" x14ac:dyDescent="0.25">
      <c r="A4766" s="1">
        <v>43860</v>
      </c>
      <c r="B4766" t="s">
        <v>3334</v>
      </c>
      <c r="C4766" t="s">
        <v>47</v>
      </c>
      <c r="D4766" t="s">
        <v>10</v>
      </c>
      <c r="E4766" t="s">
        <v>11</v>
      </c>
      <c r="F4766" s="2">
        <v>1</v>
      </c>
      <c r="G4766" t="s">
        <v>20</v>
      </c>
      <c r="H4766" t="s">
        <v>13</v>
      </c>
    </row>
    <row r="4767" spans="1:8" x14ac:dyDescent="0.25">
      <c r="A4767" s="1">
        <v>43860</v>
      </c>
      <c r="B4767" t="s">
        <v>3335</v>
      </c>
      <c r="C4767" t="s">
        <v>34</v>
      </c>
      <c r="D4767" t="s">
        <v>10</v>
      </c>
      <c r="E4767" t="s">
        <v>11</v>
      </c>
      <c r="F4767" s="2">
        <v>1</v>
      </c>
      <c r="G4767" t="s">
        <v>181</v>
      </c>
      <c r="H4767" t="s">
        <v>13</v>
      </c>
    </row>
    <row r="4768" spans="1:8" x14ac:dyDescent="0.25">
      <c r="A4768" s="1">
        <v>43860</v>
      </c>
      <c r="B4768" t="s">
        <v>3335</v>
      </c>
      <c r="C4768" t="s">
        <v>207</v>
      </c>
      <c r="D4768" t="s">
        <v>10</v>
      </c>
      <c r="E4768" t="s">
        <v>11</v>
      </c>
      <c r="F4768" s="2">
        <v>1</v>
      </c>
      <c r="G4768" t="s">
        <v>181</v>
      </c>
      <c r="H4768" t="s">
        <v>13</v>
      </c>
    </row>
    <row r="4769" spans="1:8" x14ac:dyDescent="0.25">
      <c r="A4769" s="1">
        <v>43859</v>
      </c>
      <c r="B4769" t="s">
        <v>3336</v>
      </c>
      <c r="C4769" t="s">
        <v>14</v>
      </c>
      <c r="D4769" t="s">
        <v>10</v>
      </c>
      <c r="E4769" t="s">
        <v>11</v>
      </c>
      <c r="F4769" s="2">
        <v>1</v>
      </c>
      <c r="G4769" t="s">
        <v>100</v>
      </c>
      <c r="H4769" t="s">
        <v>13</v>
      </c>
    </row>
    <row r="4770" spans="1:8" x14ac:dyDescent="0.25">
      <c r="A4770" s="1">
        <v>43858</v>
      </c>
      <c r="B4770" t="s">
        <v>3337</v>
      </c>
      <c r="C4770" t="s">
        <v>174</v>
      </c>
      <c r="D4770" t="s">
        <v>10</v>
      </c>
      <c r="E4770" t="s">
        <v>11</v>
      </c>
      <c r="F4770" s="2">
        <v>1</v>
      </c>
      <c r="G4770" t="s">
        <v>330</v>
      </c>
      <c r="H4770" t="s">
        <v>13</v>
      </c>
    </row>
    <row r="4771" spans="1:8" x14ac:dyDescent="0.25">
      <c r="A4771" s="1">
        <v>43858</v>
      </c>
      <c r="B4771" t="s">
        <v>3338</v>
      </c>
      <c r="C4771" t="s">
        <v>9</v>
      </c>
      <c r="D4771" t="s">
        <v>10</v>
      </c>
      <c r="E4771" t="s">
        <v>11</v>
      </c>
      <c r="F4771" s="2">
        <v>1</v>
      </c>
      <c r="G4771" t="s">
        <v>100</v>
      </c>
      <c r="H4771" t="s">
        <v>13</v>
      </c>
    </row>
    <row r="4772" spans="1:8" x14ac:dyDescent="0.25">
      <c r="A4772" s="1">
        <v>43858</v>
      </c>
      <c r="B4772" t="s">
        <v>3338</v>
      </c>
      <c r="C4772" t="s">
        <v>28</v>
      </c>
      <c r="D4772" t="s">
        <v>10</v>
      </c>
      <c r="E4772" t="s">
        <v>11</v>
      </c>
      <c r="F4772" s="2">
        <v>1</v>
      </c>
      <c r="G4772" t="s">
        <v>100</v>
      </c>
      <c r="H4772" t="s">
        <v>13</v>
      </c>
    </row>
    <row r="4773" spans="1:8" x14ac:dyDescent="0.25">
      <c r="A4773" s="1">
        <v>43858</v>
      </c>
      <c r="B4773" t="s">
        <v>3339</v>
      </c>
      <c r="C4773" t="s">
        <v>9</v>
      </c>
      <c r="D4773" t="s">
        <v>10</v>
      </c>
      <c r="E4773" t="s">
        <v>11</v>
      </c>
      <c r="F4773" s="2">
        <v>1</v>
      </c>
      <c r="G4773" t="s">
        <v>197</v>
      </c>
      <c r="H4773" t="s">
        <v>13</v>
      </c>
    </row>
    <row r="4774" spans="1:8" x14ac:dyDescent="0.25">
      <c r="A4774" s="1">
        <v>43858</v>
      </c>
      <c r="B4774" t="s">
        <v>3339</v>
      </c>
      <c r="C4774" t="s">
        <v>1153</v>
      </c>
      <c r="D4774" t="s">
        <v>10</v>
      </c>
      <c r="E4774" t="s">
        <v>11</v>
      </c>
      <c r="F4774" s="2">
        <v>1</v>
      </c>
      <c r="G4774" t="s">
        <v>197</v>
      </c>
      <c r="H4774" t="s">
        <v>13</v>
      </c>
    </row>
    <row r="4775" spans="1:8" x14ac:dyDescent="0.25">
      <c r="A4775" s="1">
        <v>43858</v>
      </c>
      <c r="B4775" t="s">
        <v>3340</v>
      </c>
      <c r="C4775" t="s">
        <v>174</v>
      </c>
      <c r="D4775" t="s">
        <v>10</v>
      </c>
      <c r="E4775" t="s">
        <v>11</v>
      </c>
      <c r="F4775" s="2">
        <v>1</v>
      </c>
      <c r="G4775" t="s">
        <v>1186</v>
      </c>
      <c r="H4775" t="s">
        <v>13</v>
      </c>
    </row>
    <row r="4776" spans="1:8" x14ac:dyDescent="0.25">
      <c r="A4776" s="1">
        <v>43857</v>
      </c>
      <c r="B4776" t="s">
        <v>3341</v>
      </c>
      <c r="C4776" t="s">
        <v>9</v>
      </c>
      <c r="D4776" t="s">
        <v>10</v>
      </c>
      <c r="E4776" t="s">
        <v>11</v>
      </c>
      <c r="F4776" s="2">
        <v>1</v>
      </c>
      <c r="G4776" t="s">
        <v>111</v>
      </c>
      <c r="H4776" t="s">
        <v>13</v>
      </c>
    </row>
    <row r="4777" spans="1:8" x14ac:dyDescent="0.25">
      <c r="A4777" s="1">
        <v>43857</v>
      </c>
      <c r="B4777" t="s">
        <v>3341</v>
      </c>
      <c r="C4777" t="s">
        <v>35</v>
      </c>
      <c r="D4777" t="s">
        <v>10</v>
      </c>
      <c r="E4777" t="s">
        <v>11</v>
      </c>
      <c r="F4777" s="2">
        <v>1</v>
      </c>
      <c r="G4777" t="s">
        <v>111</v>
      </c>
      <c r="H4777" t="s">
        <v>13</v>
      </c>
    </row>
    <row r="4778" spans="1:8" x14ac:dyDescent="0.25">
      <c r="A4778" s="1">
        <v>43857</v>
      </c>
      <c r="B4778" t="s">
        <v>3342</v>
      </c>
      <c r="C4778" t="s">
        <v>86</v>
      </c>
      <c r="D4778" t="s">
        <v>10</v>
      </c>
      <c r="E4778" t="s">
        <v>11</v>
      </c>
      <c r="F4778" s="2">
        <v>1</v>
      </c>
      <c r="G4778" t="s">
        <v>953</v>
      </c>
      <c r="H4778" t="s">
        <v>13</v>
      </c>
    </row>
    <row r="4779" spans="1:8" x14ac:dyDescent="0.25">
      <c r="A4779" s="1">
        <v>43857</v>
      </c>
      <c r="B4779" t="s">
        <v>3343</v>
      </c>
      <c r="C4779" t="s">
        <v>379</v>
      </c>
      <c r="D4779" t="s">
        <v>10</v>
      </c>
      <c r="E4779" t="s">
        <v>11</v>
      </c>
      <c r="F4779" s="2">
        <v>1</v>
      </c>
      <c r="G4779" t="s">
        <v>181</v>
      </c>
      <c r="H4779" t="s">
        <v>13</v>
      </c>
    </row>
    <row r="4780" spans="1:8" x14ac:dyDescent="0.25">
      <c r="A4780" s="1">
        <v>43857</v>
      </c>
      <c r="B4780" t="s">
        <v>3343</v>
      </c>
      <c r="C4780" t="s">
        <v>282</v>
      </c>
      <c r="D4780" t="s">
        <v>10</v>
      </c>
      <c r="E4780" t="s">
        <v>11</v>
      </c>
      <c r="F4780" s="2">
        <v>1</v>
      </c>
      <c r="G4780" t="s">
        <v>181</v>
      </c>
      <c r="H4780" t="s">
        <v>13</v>
      </c>
    </row>
    <row r="4781" spans="1:8" x14ac:dyDescent="0.25">
      <c r="A4781" s="1">
        <v>43857</v>
      </c>
      <c r="B4781" t="s">
        <v>3344</v>
      </c>
      <c r="C4781" t="s">
        <v>174</v>
      </c>
      <c r="D4781" t="s">
        <v>10</v>
      </c>
      <c r="E4781" t="s">
        <v>11</v>
      </c>
      <c r="F4781" s="2">
        <v>1</v>
      </c>
      <c r="G4781" t="s">
        <v>100</v>
      </c>
      <c r="H4781" t="s">
        <v>13</v>
      </c>
    </row>
    <row r="4782" spans="1:8" x14ac:dyDescent="0.25">
      <c r="A4782" s="1">
        <v>43856</v>
      </c>
      <c r="B4782" t="s">
        <v>3345</v>
      </c>
      <c r="C4782" t="s">
        <v>76</v>
      </c>
      <c r="D4782" t="s">
        <v>10</v>
      </c>
      <c r="E4782" t="s">
        <v>11</v>
      </c>
      <c r="F4782" s="2">
        <v>1</v>
      </c>
      <c r="G4782" t="s">
        <v>3267</v>
      </c>
      <c r="H4782" t="s">
        <v>13</v>
      </c>
    </row>
    <row r="4783" spans="1:8" x14ac:dyDescent="0.25">
      <c r="A4783" s="1">
        <v>43856</v>
      </c>
      <c r="B4783" t="s">
        <v>3346</v>
      </c>
      <c r="C4783" t="s">
        <v>79</v>
      </c>
      <c r="D4783" t="s">
        <v>10</v>
      </c>
      <c r="E4783" t="s">
        <v>11</v>
      </c>
      <c r="F4783" s="2">
        <v>1</v>
      </c>
      <c r="G4783" t="s">
        <v>46</v>
      </c>
      <c r="H4783" t="s">
        <v>13</v>
      </c>
    </row>
    <row r="4784" spans="1:8" x14ac:dyDescent="0.25">
      <c r="A4784" s="1">
        <v>43856</v>
      </c>
      <c r="B4784" t="s">
        <v>3346</v>
      </c>
      <c r="C4784" t="s">
        <v>80</v>
      </c>
      <c r="D4784" t="s">
        <v>10</v>
      </c>
      <c r="E4784" t="s">
        <v>11</v>
      </c>
      <c r="F4784" s="2">
        <v>1</v>
      </c>
      <c r="G4784" t="s">
        <v>46</v>
      </c>
      <c r="H4784" t="s">
        <v>13</v>
      </c>
    </row>
    <row r="4785" spans="1:8" x14ac:dyDescent="0.25">
      <c r="A4785" s="1">
        <v>43856</v>
      </c>
      <c r="B4785" t="s">
        <v>3347</v>
      </c>
      <c r="C4785" t="s">
        <v>9</v>
      </c>
      <c r="D4785" t="s">
        <v>10</v>
      </c>
      <c r="E4785" t="s">
        <v>11</v>
      </c>
      <c r="F4785" s="2">
        <v>1</v>
      </c>
      <c r="G4785" t="s">
        <v>191</v>
      </c>
      <c r="H4785" t="s">
        <v>13</v>
      </c>
    </row>
    <row r="4786" spans="1:8" x14ac:dyDescent="0.25">
      <c r="A4786" s="1">
        <v>43856</v>
      </c>
      <c r="B4786" t="s">
        <v>3347</v>
      </c>
      <c r="C4786" t="s">
        <v>52</v>
      </c>
      <c r="D4786" t="s">
        <v>10</v>
      </c>
      <c r="E4786" t="s">
        <v>11</v>
      </c>
      <c r="F4786" s="2">
        <v>1</v>
      </c>
      <c r="G4786" t="s">
        <v>191</v>
      </c>
      <c r="H4786" t="s">
        <v>13</v>
      </c>
    </row>
    <row r="4787" spans="1:8" x14ac:dyDescent="0.25">
      <c r="A4787" s="1">
        <v>43856</v>
      </c>
      <c r="B4787" t="s">
        <v>3347</v>
      </c>
      <c r="C4787" t="s">
        <v>689</v>
      </c>
      <c r="D4787" t="s">
        <v>10</v>
      </c>
      <c r="E4787" t="s">
        <v>11</v>
      </c>
      <c r="F4787" s="2">
        <v>1</v>
      </c>
      <c r="G4787" t="s">
        <v>191</v>
      </c>
      <c r="H4787" t="s">
        <v>13</v>
      </c>
    </row>
    <row r="4788" spans="1:8" x14ac:dyDescent="0.25">
      <c r="A4788" s="1">
        <v>43856</v>
      </c>
      <c r="B4788" t="s">
        <v>3348</v>
      </c>
      <c r="C4788" t="s">
        <v>19</v>
      </c>
      <c r="D4788" t="s">
        <v>10</v>
      </c>
      <c r="E4788" t="s">
        <v>11</v>
      </c>
      <c r="F4788" s="2">
        <v>1</v>
      </c>
      <c r="G4788" t="s">
        <v>20</v>
      </c>
      <c r="H4788" t="s">
        <v>13</v>
      </c>
    </row>
    <row r="4789" spans="1:8" x14ac:dyDescent="0.25">
      <c r="A4789" s="1">
        <v>43855</v>
      </c>
      <c r="B4789" t="s">
        <v>3349</v>
      </c>
      <c r="C4789" t="s">
        <v>79</v>
      </c>
      <c r="D4789" t="s">
        <v>10</v>
      </c>
      <c r="E4789" t="s">
        <v>11</v>
      </c>
      <c r="F4789" s="2">
        <v>1</v>
      </c>
      <c r="G4789" t="s">
        <v>20</v>
      </c>
      <c r="H4789" t="s">
        <v>13</v>
      </c>
    </row>
    <row r="4790" spans="1:8" x14ac:dyDescent="0.25">
      <c r="A4790" s="1">
        <v>43855</v>
      </c>
      <c r="B4790" t="s">
        <v>3349</v>
      </c>
      <c r="C4790" t="s">
        <v>80</v>
      </c>
      <c r="D4790" t="s">
        <v>10</v>
      </c>
      <c r="E4790" t="s">
        <v>11</v>
      </c>
      <c r="F4790" s="2">
        <v>1</v>
      </c>
      <c r="G4790" t="s">
        <v>20</v>
      </c>
      <c r="H4790" t="s">
        <v>13</v>
      </c>
    </row>
    <row r="4791" spans="1:8" x14ac:dyDescent="0.25">
      <c r="A4791" s="1">
        <v>43855</v>
      </c>
      <c r="B4791" t="s">
        <v>3350</v>
      </c>
      <c r="C4791" t="s">
        <v>174</v>
      </c>
      <c r="D4791" t="s">
        <v>10</v>
      </c>
      <c r="E4791" t="s">
        <v>11</v>
      </c>
      <c r="F4791" s="2">
        <v>1</v>
      </c>
      <c r="G4791" t="s">
        <v>197</v>
      </c>
      <c r="H4791" t="s">
        <v>13</v>
      </c>
    </row>
    <row r="4792" spans="1:8" x14ac:dyDescent="0.25">
      <c r="A4792" s="1">
        <v>43854</v>
      </c>
      <c r="B4792" t="s">
        <v>3351</v>
      </c>
      <c r="C4792" t="s">
        <v>50</v>
      </c>
      <c r="D4792" t="s">
        <v>10</v>
      </c>
      <c r="E4792" t="s">
        <v>11</v>
      </c>
      <c r="F4792" s="2">
        <v>1</v>
      </c>
      <c r="G4792" t="s">
        <v>492</v>
      </c>
      <c r="H4792" t="s">
        <v>13</v>
      </c>
    </row>
    <row r="4793" spans="1:8" x14ac:dyDescent="0.25">
      <c r="A4793" s="1">
        <v>43852</v>
      </c>
      <c r="B4793" t="s">
        <v>3352</v>
      </c>
      <c r="C4793" t="s">
        <v>9</v>
      </c>
      <c r="D4793" t="s">
        <v>10</v>
      </c>
      <c r="E4793" t="s">
        <v>11</v>
      </c>
      <c r="F4793" s="2">
        <v>1</v>
      </c>
      <c r="G4793" t="s">
        <v>100</v>
      </c>
      <c r="H4793" t="s">
        <v>13</v>
      </c>
    </row>
    <row r="4794" spans="1:8" x14ac:dyDescent="0.25">
      <c r="A4794" s="1">
        <v>43852</v>
      </c>
      <c r="B4794" t="s">
        <v>3353</v>
      </c>
      <c r="C4794" t="s">
        <v>174</v>
      </c>
      <c r="D4794" t="s">
        <v>10</v>
      </c>
      <c r="E4794" t="s">
        <v>11</v>
      </c>
      <c r="F4794" s="2">
        <v>1</v>
      </c>
      <c r="G4794" t="s">
        <v>765</v>
      </c>
      <c r="H4794" t="s">
        <v>13</v>
      </c>
    </row>
    <row r="4795" spans="1:8" x14ac:dyDescent="0.25">
      <c r="A4795" s="1">
        <v>43851</v>
      </c>
      <c r="B4795" t="s">
        <v>3354</v>
      </c>
      <c r="C4795" t="s">
        <v>76</v>
      </c>
      <c r="D4795" t="s">
        <v>10</v>
      </c>
      <c r="E4795" t="s">
        <v>11</v>
      </c>
      <c r="F4795" s="2">
        <v>1</v>
      </c>
      <c r="G4795" t="s">
        <v>113</v>
      </c>
      <c r="H4795" t="s">
        <v>13</v>
      </c>
    </row>
    <row r="4796" spans="1:8" x14ac:dyDescent="0.25">
      <c r="A4796" s="1">
        <v>43851</v>
      </c>
      <c r="B4796" t="s">
        <v>3355</v>
      </c>
      <c r="C4796" t="s">
        <v>76</v>
      </c>
      <c r="D4796" t="s">
        <v>10</v>
      </c>
      <c r="E4796" t="s">
        <v>11</v>
      </c>
      <c r="F4796" s="2">
        <v>1</v>
      </c>
      <c r="G4796" t="s">
        <v>113</v>
      </c>
      <c r="H4796" t="s">
        <v>13</v>
      </c>
    </row>
    <row r="4797" spans="1:8" x14ac:dyDescent="0.25">
      <c r="A4797" s="1">
        <v>43851</v>
      </c>
      <c r="B4797" t="s">
        <v>3356</v>
      </c>
      <c r="C4797" t="s">
        <v>207</v>
      </c>
      <c r="D4797" t="s">
        <v>10</v>
      </c>
      <c r="E4797" t="s">
        <v>11</v>
      </c>
      <c r="F4797" s="2">
        <v>1</v>
      </c>
      <c r="G4797" t="s">
        <v>1186</v>
      </c>
      <c r="H4797" t="s">
        <v>13</v>
      </c>
    </row>
    <row r="4798" spans="1:8" x14ac:dyDescent="0.25">
      <c r="A4798" s="1">
        <v>43851</v>
      </c>
      <c r="B4798" t="s">
        <v>3357</v>
      </c>
      <c r="C4798" t="s">
        <v>394</v>
      </c>
      <c r="D4798" t="s">
        <v>10</v>
      </c>
      <c r="E4798" t="s">
        <v>11</v>
      </c>
      <c r="F4798" s="2">
        <v>1</v>
      </c>
      <c r="G4798" t="s">
        <v>44</v>
      </c>
      <c r="H4798" t="s">
        <v>13</v>
      </c>
    </row>
    <row r="4799" spans="1:8" x14ac:dyDescent="0.25">
      <c r="A4799" s="1">
        <v>43848</v>
      </c>
      <c r="B4799" t="s">
        <v>3358</v>
      </c>
      <c r="C4799" t="s">
        <v>47</v>
      </c>
      <c r="D4799" t="s">
        <v>10</v>
      </c>
      <c r="E4799" t="s">
        <v>11</v>
      </c>
      <c r="F4799" s="2">
        <v>1</v>
      </c>
      <c r="G4799" t="s">
        <v>216</v>
      </c>
      <c r="H4799" t="s">
        <v>13</v>
      </c>
    </row>
    <row r="4800" spans="1:8" x14ac:dyDescent="0.25">
      <c r="A4800" s="1">
        <v>43848</v>
      </c>
      <c r="B4800" t="s">
        <v>3359</v>
      </c>
      <c r="C4800" t="s">
        <v>35</v>
      </c>
      <c r="D4800" t="s">
        <v>10</v>
      </c>
      <c r="E4800" t="s">
        <v>11</v>
      </c>
      <c r="F4800" s="2">
        <v>1</v>
      </c>
      <c r="G4800" t="s">
        <v>765</v>
      </c>
      <c r="H4800" t="s">
        <v>13</v>
      </c>
    </row>
    <row r="4801" spans="1:8" x14ac:dyDescent="0.25">
      <c r="A4801" s="1">
        <v>43848</v>
      </c>
      <c r="B4801" t="s">
        <v>3360</v>
      </c>
      <c r="C4801" t="s">
        <v>9</v>
      </c>
      <c r="D4801" t="s">
        <v>10</v>
      </c>
      <c r="E4801" t="s">
        <v>11</v>
      </c>
      <c r="F4801" s="2">
        <v>1</v>
      </c>
      <c r="G4801" t="s">
        <v>20</v>
      </c>
      <c r="H4801" t="s">
        <v>13</v>
      </c>
    </row>
    <row r="4802" spans="1:8" x14ac:dyDescent="0.25">
      <c r="A4802" s="1">
        <v>43848</v>
      </c>
      <c r="B4802" t="s">
        <v>3361</v>
      </c>
      <c r="C4802" t="s">
        <v>16</v>
      </c>
      <c r="D4802" t="s">
        <v>10</v>
      </c>
      <c r="E4802" t="s">
        <v>11</v>
      </c>
      <c r="F4802" s="2">
        <v>1</v>
      </c>
      <c r="G4802" t="s">
        <v>61</v>
      </c>
      <c r="H4802" t="s">
        <v>13</v>
      </c>
    </row>
    <row r="4803" spans="1:8" x14ac:dyDescent="0.25">
      <c r="A4803" s="1">
        <v>43848</v>
      </c>
      <c r="B4803" t="s">
        <v>3362</v>
      </c>
      <c r="C4803" t="s">
        <v>9</v>
      </c>
      <c r="D4803" t="s">
        <v>10</v>
      </c>
      <c r="E4803" t="s">
        <v>11</v>
      </c>
      <c r="F4803" s="2">
        <v>1</v>
      </c>
      <c r="G4803" t="s">
        <v>20</v>
      </c>
      <c r="H4803" t="s">
        <v>13</v>
      </c>
    </row>
    <row r="4804" spans="1:8" x14ac:dyDescent="0.25">
      <c r="A4804" s="1">
        <v>43848</v>
      </c>
      <c r="B4804" t="s">
        <v>3362</v>
      </c>
      <c r="C4804" t="s">
        <v>29</v>
      </c>
      <c r="D4804" t="s">
        <v>10</v>
      </c>
      <c r="E4804" t="s">
        <v>11</v>
      </c>
      <c r="F4804" s="2">
        <v>1</v>
      </c>
      <c r="G4804" t="s">
        <v>20</v>
      </c>
      <c r="H4804" t="s">
        <v>13</v>
      </c>
    </row>
    <row r="4805" spans="1:8" x14ac:dyDescent="0.25">
      <c r="A4805" s="1">
        <v>43848</v>
      </c>
      <c r="B4805" t="s">
        <v>3362</v>
      </c>
      <c r="C4805" t="s">
        <v>35</v>
      </c>
      <c r="D4805" t="s">
        <v>10</v>
      </c>
      <c r="E4805" t="s">
        <v>11</v>
      </c>
      <c r="F4805" s="2">
        <v>1</v>
      </c>
      <c r="G4805" t="s">
        <v>20</v>
      </c>
      <c r="H4805" t="s">
        <v>13</v>
      </c>
    </row>
    <row r="4806" spans="1:8" x14ac:dyDescent="0.25">
      <c r="A4806" s="1">
        <v>43847</v>
      </c>
      <c r="B4806" t="s">
        <v>3363</v>
      </c>
      <c r="C4806" t="s">
        <v>76</v>
      </c>
      <c r="D4806" t="s">
        <v>10</v>
      </c>
      <c r="E4806" t="s">
        <v>11</v>
      </c>
      <c r="F4806" s="2">
        <v>1</v>
      </c>
      <c r="G4806" t="s">
        <v>113</v>
      </c>
      <c r="H4806" t="s">
        <v>13</v>
      </c>
    </row>
    <row r="4807" spans="1:8" x14ac:dyDescent="0.25">
      <c r="A4807" s="1">
        <v>43847</v>
      </c>
      <c r="B4807" t="s">
        <v>3364</v>
      </c>
      <c r="C4807" t="s">
        <v>76</v>
      </c>
      <c r="D4807" t="s">
        <v>10</v>
      </c>
      <c r="E4807" t="s">
        <v>11</v>
      </c>
      <c r="F4807" s="2">
        <v>1</v>
      </c>
      <c r="G4807" t="s">
        <v>113</v>
      </c>
      <c r="H4807" t="s">
        <v>13</v>
      </c>
    </row>
    <row r="4808" spans="1:8" x14ac:dyDescent="0.25">
      <c r="A4808" s="1">
        <v>43847</v>
      </c>
      <c r="B4808" t="s">
        <v>3365</v>
      </c>
      <c r="C4808" t="s">
        <v>86</v>
      </c>
      <c r="D4808" t="s">
        <v>10</v>
      </c>
      <c r="E4808" t="s">
        <v>11</v>
      </c>
      <c r="F4808" s="2">
        <v>1</v>
      </c>
      <c r="G4808" t="s">
        <v>953</v>
      </c>
      <c r="H4808" t="s">
        <v>13</v>
      </c>
    </row>
    <row r="4809" spans="1:8" x14ac:dyDescent="0.25">
      <c r="A4809" s="1">
        <v>43847</v>
      </c>
      <c r="B4809" t="s">
        <v>3366</v>
      </c>
      <c r="C4809" t="s">
        <v>9</v>
      </c>
      <c r="D4809" t="s">
        <v>10</v>
      </c>
      <c r="E4809" t="s">
        <v>11</v>
      </c>
      <c r="F4809" s="2">
        <v>1</v>
      </c>
      <c r="G4809" t="s">
        <v>191</v>
      </c>
      <c r="H4809" t="s">
        <v>13</v>
      </c>
    </row>
    <row r="4810" spans="1:8" x14ac:dyDescent="0.25">
      <c r="A4810" s="1">
        <v>43847</v>
      </c>
      <c r="B4810" t="s">
        <v>3367</v>
      </c>
      <c r="C4810" t="s">
        <v>60</v>
      </c>
      <c r="D4810" t="s">
        <v>10</v>
      </c>
      <c r="E4810" t="s">
        <v>11</v>
      </c>
      <c r="F4810" s="2">
        <v>1</v>
      </c>
      <c r="G4810" t="s">
        <v>49</v>
      </c>
      <c r="H4810" t="s">
        <v>13</v>
      </c>
    </row>
    <row r="4811" spans="1:8" x14ac:dyDescent="0.25">
      <c r="A4811" s="1">
        <v>43847</v>
      </c>
      <c r="B4811" t="s">
        <v>3368</v>
      </c>
      <c r="C4811" t="s">
        <v>79</v>
      </c>
      <c r="D4811" t="s">
        <v>10</v>
      </c>
      <c r="E4811" t="s">
        <v>11</v>
      </c>
      <c r="F4811" s="2">
        <v>1</v>
      </c>
      <c r="G4811" t="s">
        <v>181</v>
      </c>
      <c r="H4811" t="s">
        <v>13</v>
      </c>
    </row>
    <row r="4812" spans="1:8" x14ac:dyDescent="0.25">
      <c r="A4812" s="1">
        <v>43847</v>
      </c>
      <c r="B4812" t="s">
        <v>3368</v>
      </c>
      <c r="C4812" t="s">
        <v>80</v>
      </c>
      <c r="D4812" t="s">
        <v>10</v>
      </c>
      <c r="E4812" t="s">
        <v>11</v>
      </c>
      <c r="F4812" s="2">
        <v>1</v>
      </c>
      <c r="G4812" t="s">
        <v>181</v>
      </c>
      <c r="H4812" t="s">
        <v>13</v>
      </c>
    </row>
    <row r="4813" spans="1:8" x14ac:dyDescent="0.25">
      <c r="A4813" s="1">
        <v>43846</v>
      </c>
      <c r="B4813" t="s">
        <v>3369</v>
      </c>
      <c r="C4813" t="s">
        <v>47</v>
      </c>
      <c r="D4813" t="s">
        <v>10</v>
      </c>
      <c r="E4813" t="s">
        <v>11</v>
      </c>
      <c r="F4813" s="2">
        <v>1</v>
      </c>
      <c r="G4813" t="s">
        <v>37</v>
      </c>
      <c r="H4813" t="s">
        <v>13</v>
      </c>
    </row>
    <row r="4814" spans="1:8" x14ac:dyDescent="0.25">
      <c r="A4814" s="1">
        <v>43846</v>
      </c>
      <c r="B4814" t="s">
        <v>3369</v>
      </c>
      <c r="C4814" t="s">
        <v>1082</v>
      </c>
      <c r="D4814" t="s">
        <v>10</v>
      </c>
      <c r="E4814" t="s">
        <v>11</v>
      </c>
      <c r="F4814" s="2">
        <v>1</v>
      </c>
      <c r="G4814" t="s">
        <v>37</v>
      </c>
      <c r="H4814" t="s">
        <v>13</v>
      </c>
    </row>
    <row r="4815" spans="1:8" x14ac:dyDescent="0.25">
      <c r="A4815" s="1">
        <v>43846</v>
      </c>
      <c r="B4815" t="s">
        <v>3370</v>
      </c>
      <c r="C4815" t="s">
        <v>86</v>
      </c>
      <c r="D4815" t="s">
        <v>10</v>
      </c>
      <c r="E4815" t="s">
        <v>11</v>
      </c>
      <c r="F4815" s="2">
        <v>1</v>
      </c>
      <c r="G4815" t="s">
        <v>953</v>
      </c>
      <c r="H4815" t="s">
        <v>13</v>
      </c>
    </row>
    <row r="4816" spans="1:8" x14ac:dyDescent="0.25">
      <c r="A4816" s="1">
        <v>43846</v>
      </c>
      <c r="B4816" t="s">
        <v>3371</v>
      </c>
      <c r="C4816" t="s">
        <v>19</v>
      </c>
      <c r="D4816" t="s">
        <v>10</v>
      </c>
      <c r="E4816" t="s">
        <v>11</v>
      </c>
      <c r="F4816" s="2">
        <v>1</v>
      </c>
      <c r="G4816" t="s">
        <v>661</v>
      </c>
      <c r="H4816" t="s">
        <v>13</v>
      </c>
    </row>
    <row r="4817" spans="1:8" x14ac:dyDescent="0.25">
      <c r="A4817" s="1">
        <v>43845</v>
      </c>
      <c r="B4817" t="s">
        <v>3372</v>
      </c>
      <c r="C4817" t="s">
        <v>9</v>
      </c>
      <c r="D4817" t="s">
        <v>10</v>
      </c>
      <c r="E4817" t="s">
        <v>11</v>
      </c>
      <c r="F4817" s="2">
        <v>1</v>
      </c>
      <c r="G4817" t="s">
        <v>27</v>
      </c>
      <c r="H4817" t="s">
        <v>13</v>
      </c>
    </row>
    <row r="4818" spans="1:8" x14ac:dyDescent="0.25">
      <c r="A4818" s="1">
        <v>43845</v>
      </c>
      <c r="B4818" t="s">
        <v>3372</v>
      </c>
      <c r="C4818" t="s">
        <v>47</v>
      </c>
      <c r="D4818" t="s">
        <v>10</v>
      </c>
      <c r="E4818" t="s">
        <v>11</v>
      </c>
      <c r="F4818" s="2">
        <v>1</v>
      </c>
      <c r="G4818" t="s">
        <v>27</v>
      </c>
      <c r="H4818" t="s">
        <v>13</v>
      </c>
    </row>
    <row r="4819" spans="1:8" x14ac:dyDescent="0.25">
      <c r="A4819" s="1">
        <v>43845</v>
      </c>
      <c r="B4819" t="s">
        <v>3373</v>
      </c>
      <c r="C4819" t="s">
        <v>29</v>
      </c>
      <c r="D4819" t="s">
        <v>10</v>
      </c>
      <c r="E4819" t="s">
        <v>11</v>
      </c>
      <c r="F4819" s="2">
        <v>1</v>
      </c>
      <c r="G4819" t="s">
        <v>1133</v>
      </c>
      <c r="H4819" t="s">
        <v>13</v>
      </c>
    </row>
    <row r="4820" spans="1:8" x14ac:dyDescent="0.25">
      <c r="A4820" s="1">
        <v>43845</v>
      </c>
      <c r="B4820" t="s">
        <v>3373</v>
      </c>
      <c r="C4820" t="s">
        <v>29</v>
      </c>
      <c r="D4820" t="s">
        <v>10</v>
      </c>
      <c r="E4820" t="s">
        <v>11</v>
      </c>
      <c r="F4820" s="2">
        <v>1</v>
      </c>
      <c r="G4820" t="s">
        <v>1133</v>
      </c>
      <c r="H4820" t="s">
        <v>13</v>
      </c>
    </row>
    <row r="4821" spans="1:8" x14ac:dyDescent="0.25">
      <c r="A4821" s="1">
        <v>43845</v>
      </c>
      <c r="B4821" t="s">
        <v>3374</v>
      </c>
      <c r="C4821" t="s">
        <v>9</v>
      </c>
      <c r="D4821" t="s">
        <v>10</v>
      </c>
      <c r="E4821" t="s">
        <v>11</v>
      </c>
      <c r="F4821" s="2">
        <v>1</v>
      </c>
      <c r="G4821" t="s">
        <v>17</v>
      </c>
      <c r="H4821" t="s">
        <v>13</v>
      </c>
    </row>
    <row r="4822" spans="1:8" x14ac:dyDescent="0.25">
      <c r="A4822" s="1">
        <v>43845</v>
      </c>
      <c r="B4822" t="s">
        <v>3374</v>
      </c>
      <c r="C4822" t="s">
        <v>174</v>
      </c>
      <c r="D4822" t="s">
        <v>10</v>
      </c>
      <c r="E4822" t="s">
        <v>11</v>
      </c>
      <c r="F4822" s="2">
        <v>1</v>
      </c>
      <c r="G4822" t="s">
        <v>17</v>
      </c>
      <c r="H4822" t="s">
        <v>13</v>
      </c>
    </row>
    <row r="4823" spans="1:8" x14ac:dyDescent="0.25">
      <c r="A4823" s="1">
        <v>43845</v>
      </c>
      <c r="B4823" t="s">
        <v>3375</v>
      </c>
      <c r="C4823" t="s">
        <v>35</v>
      </c>
      <c r="D4823" t="s">
        <v>10</v>
      </c>
      <c r="E4823" t="s">
        <v>11</v>
      </c>
      <c r="F4823" s="2">
        <v>1</v>
      </c>
      <c r="G4823" t="s">
        <v>44</v>
      </c>
      <c r="H4823" t="s">
        <v>13</v>
      </c>
    </row>
    <row r="4824" spans="1:8" x14ac:dyDescent="0.25">
      <c r="A4824" s="1">
        <v>43843</v>
      </c>
      <c r="B4824" t="s">
        <v>3376</v>
      </c>
      <c r="C4824" t="s">
        <v>79</v>
      </c>
      <c r="D4824" t="s">
        <v>10</v>
      </c>
      <c r="E4824" t="s">
        <v>11</v>
      </c>
      <c r="F4824" s="2">
        <v>1</v>
      </c>
      <c r="G4824" t="s">
        <v>20</v>
      </c>
      <c r="H4824" t="s">
        <v>13</v>
      </c>
    </row>
    <row r="4825" spans="1:8" x14ac:dyDescent="0.25">
      <c r="A4825" s="1">
        <v>43843</v>
      </c>
      <c r="B4825" t="s">
        <v>3377</v>
      </c>
      <c r="C4825" t="s">
        <v>9</v>
      </c>
      <c r="D4825" t="s">
        <v>10</v>
      </c>
      <c r="E4825" t="s">
        <v>11</v>
      </c>
      <c r="F4825" s="2">
        <v>1</v>
      </c>
      <c r="G4825" t="s">
        <v>20</v>
      </c>
      <c r="H4825" t="s">
        <v>13</v>
      </c>
    </row>
    <row r="4826" spans="1:8" x14ac:dyDescent="0.25">
      <c r="A4826" s="1">
        <v>43843</v>
      </c>
      <c r="B4826" t="s">
        <v>3377</v>
      </c>
      <c r="C4826" t="s">
        <v>28</v>
      </c>
      <c r="D4826" t="s">
        <v>10</v>
      </c>
      <c r="E4826" t="s">
        <v>11</v>
      </c>
      <c r="F4826" s="2">
        <v>1</v>
      </c>
      <c r="G4826" t="s">
        <v>20</v>
      </c>
      <c r="H4826" t="s">
        <v>13</v>
      </c>
    </row>
    <row r="4827" spans="1:8" x14ac:dyDescent="0.25">
      <c r="A4827" s="1">
        <v>43843</v>
      </c>
      <c r="B4827" t="s">
        <v>3377</v>
      </c>
      <c r="C4827" t="s">
        <v>35</v>
      </c>
      <c r="D4827" t="s">
        <v>10</v>
      </c>
      <c r="E4827" t="s">
        <v>11</v>
      </c>
      <c r="F4827" s="2">
        <v>1</v>
      </c>
      <c r="G4827" t="s">
        <v>20</v>
      </c>
      <c r="H4827" t="s">
        <v>13</v>
      </c>
    </row>
    <row r="4828" spans="1:8" x14ac:dyDescent="0.25">
      <c r="A4828" s="1">
        <v>43843</v>
      </c>
      <c r="B4828" t="s">
        <v>3378</v>
      </c>
      <c r="C4828" t="s">
        <v>29</v>
      </c>
      <c r="D4828" t="s">
        <v>10</v>
      </c>
      <c r="E4828" t="s">
        <v>11</v>
      </c>
      <c r="F4828" s="2">
        <v>1</v>
      </c>
      <c r="G4828" t="s">
        <v>374</v>
      </c>
      <c r="H4828" t="s">
        <v>13</v>
      </c>
    </row>
    <row r="4829" spans="1:8" x14ac:dyDescent="0.25">
      <c r="A4829" s="1">
        <v>43843</v>
      </c>
      <c r="B4829" t="s">
        <v>3378</v>
      </c>
      <c r="C4829" t="s">
        <v>35</v>
      </c>
      <c r="D4829" t="s">
        <v>10</v>
      </c>
      <c r="E4829" t="s">
        <v>11</v>
      </c>
      <c r="F4829" s="2">
        <v>1</v>
      </c>
      <c r="G4829" t="s">
        <v>374</v>
      </c>
      <c r="H4829" t="s">
        <v>13</v>
      </c>
    </row>
    <row r="4830" spans="1:8" x14ac:dyDescent="0.25">
      <c r="A4830" s="1">
        <v>43842</v>
      </c>
      <c r="B4830" t="s">
        <v>3379</v>
      </c>
      <c r="C4830" t="s">
        <v>14</v>
      </c>
      <c r="D4830" t="s">
        <v>10</v>
      </c>
      <c r="E4830" t="s">
        <v>11</v>
      </c>
      <c r="F4830" s="2">
        <v>1</v>
      </c>
      <c r="G4830" t="s">
        <v>61</v>
      </c>
      <c r="H4830" t="s">
        <v>13</v>
      </c>
    </row>
    <row r="4831" spans="1:8" x14ac:dyDescent="0.25">
      <c r="A4831" s="1">
        <v>43842</v>
      </c>
      <c r="B4831" t="s">
        <v>3380</v>
      </c>
      <c r="C4831" t="s">
        <v>47</v>
      </c>
      <c r="D4831" t="s">
        <v>10</v>
      </c>
      <c r="E4831" t="s">
        <v>11</v>
      </c>
      <c r="F4831" s="2">
        <v>1</v>
      </c>
      <c r="G4831" t="s">
        <v>20</v>
      </c>
      <c r="H4831" t="s">
        <v>13</v>
      </c>
    </row>
    <row r="4832" spans="1:8" x14ac:dyDescent="0.25">
      <c r="A4832" s="1">
        <v>43842</v>
      </c>
      <c r="B4832" t="s">
        <v>3381</v>
      </c>
      <c r="C4832" t="s">
        <v>16</v>
      </c>
      <c r="D4832" t="s">
        <v>10</v>
      </c>
      <c r="E4832" t="s">
        <v>11</v>
      </c>
      <c r="F4832" s="2">
        <v>1</v>
      </c>
      <c r="G4832" t="s">
        <v>20</v>
      </c>
      <c r="H4832" t="s">
        <v>13</v>
      </c>
    </row>
    <row r="4833" spans="1:8" x14ac:dyDescent="0.25">
      <c r="A4833" s="1">
        <v>43842</v>
      </c>
      <c r="B4833" t="s">
        <v>3381</v>
      </c>
      <c r="C4833" t="s">
        <v>149</v>
      </c>
      <c r="D4833" t="s">
        <v>10</v>
      </c>
      <c r="E4833" t="s">
        <v>11</v>
      </c>
      <c r="F4833" s="2">
        <v>1</v>
      </c>
      <c r="G4833" t="s">
        <v>20</v>
      </c>
      <c r="H4833" t="s">
        <v>13</v>
      </c>
    </row>
    <row r="4834" spans="1:8" x14ac:dyDescent="0.25">
      <c r="A4834" s="1">
        <v>43842</v>
      </c>
      <c r="B4834" t="s">
        <v>3381</v>
      </c>
      <c r="C4834" t="s">
        <v>47</v>
      </c>
      <c r="D4834" t="s">
        <v>10</v>
      </c>
      <c r="E4834" t="s">
        <v>11</v>
      </c>
      <c r="F4834" s="2">
        <v>1</v>
      </c>
      <c r="G4834" t="s">
        <v>20</v>
      </c>
      <c r="H4834" t="s">
        <v>13</v>
      </c>
    </row>
    <row r="4835" spans="1:8" x14ac:dyDescent="0.25">
      <c r="A4835" s="1">
        <v>43841</v>
      </c>
      <c r="B4835" t="s">
        <v>3382</v>
      </c>
      <c r="C4835" t="s">
        <v>9</v>
      </c>
      <c r="D4835" t="s">
        <v>10</v>
      </c>
      <c r="E4835" t="s">
        <v>11</v>
      </c>
      <c r="F4835" s="2">
        <v>1</v>
      </c>
      <c r="G4835" t="s">
        <v>100</v>
      </c>
      <c r="H4835" t="s">
        <v>13</v>
      </c>
    </row>
    <row r="4836" spans="1:8" x14ac:dyDescent="0.25">
      <c r="A4836" s="1">
        <v>43841</v>
      </c>
      <c r="B4836" t="s">
        <v>3383</v>
      </c>
      <c r="C4836" t="s">
        <v>1883</v>
      </c>
      <c r="D4836" t="s">
        <v>10</v>
      </c>
      <c r="E4836" t="s">
        <v>11</v>
      </c>
      <c r="F4836" s="2">
        <v>1</v>
      </c>
      <c r="G4836" t="s">
        <v>1024</v>
      </c>
      <c r="H4836" t="s">
        <v>13</v>
      </c>
    </row>
    <row r="4837" spans="1:8" x14ac:dyDescent="0.25">
      <c r="A4837" s="1">
        <v>43841</v>
      </c>
      <c r="B4837" t="s">
        <v>3384</v>
      </c>
      <c r="C4837" t="s">
        <v>9</v>
      </c>
      <c r="D4837" t="s">
        <v>10</v>
      </c>
      <c r="E4837" t="s">
        <v>11</v>
      </c>
      <c r="F4837" s="2">
        <v>1</v>
      </c>
      <c r="G4837" t="s">
        <v>216</v>
      </c>
      <c r="H4837" t="s">
        <v>13</v>
      </c>
    </row>
    <row r="4838" spans="1:8" x14ac:dyDescent="0.25">
      <c r="A4838" s="1">
        <v>43841</v>
      </c>
      <c r="B4838" t="s">
        <v>3384</v>
      </c>
      <c r="C4838" t="s">
        <v>174</v>
      </c>
      <c r="D4838" t="s">
        <v>10</v>
      </c>
      <c r="E4838" t="s">
        <v>11</v>
      </c>
      <c r="F4838" s="2">
        <v>1</v>
      </c>
      <c r="G4838" t="s">
        <v>216</v>
      </c>
      <c r="H4838" t="s">
        <v>13</v>
      </c>
    </row>
    <row r="4839" spans="1:8" x14ac:dyDescent="0.25">
      <c r="A4839" s="1">
        <v>43841</v>
      </c>
      <c r="B4839" t="s">
        <v>3384</v>
      </c>
      <c r="C4839" t="s">
        <v>35</v>
      </c>
      <c r="D4839" t="s">
        <v>10</v>
      </c>
      <c r="E4839" t="s">
        <v>11</v>
      </c>
      <c r="F4839" s="2">
        <v>1</v>
      </c>
      <c r="G4839" t="s">
        <v>216</v>
      </c>
      <c r="H4839" t="s">
        <v>13</v>
      </c>
    </row>
    <row r="4840" spans="1:8" x14ac:dyDescent="0.25">
      <c r="A4840" s="1">
        <v>43839</v>
      </c>
      <c r="B4840" t="s">
        <v>3385</v>
      </c>
      <c r="C4840" t="s">
        <v>86</v>
      </c>
      <c r="D4840" t="s">
        <v>10</v>
      </c>
      <c r="E4840" t="s">
        <v>11</v>
      </c>
      <c r="F4840" s="2">
        <v>1</v>
      </c>
      <c r="G4840" t="s">
        <v>953</v>
      </c>
      <c r="H4840" t="s">
        <v>13</v>
      </c>
    </row>
    <row r="4841" spans="1:8" x14ac:dyDescent="0.25">
      <c r="A4841" s="1">
        <v>43839</v>
      </c>
      <c r="B4841" t="s">
        <v>3386</v>
      </c>
      <c r="C4841" t="s">
        <v>35</v>
      </c>
      <c r="D4841" t="s">
        <v>10</v>
      </c>
      <c r="E4841" t="s">
        <v>11</v>
      </c>
      <c r="F4841" s="2">
        <v>1</v>
      </c>
      <c r="G4841" t="s">
        <v>788</v>
      </c>
      <c r="H4841" t="s">
        <v>13</v>
      </c>
    </row>
    <row r="4842" spans="1:8" x14ac:dyDescent="0.25">
      <c r="A4842" s="1">
        <v>43839</v>
      </c>
      <c r="B4842" t="s">
        <v>3386</v>
      </c>
      <c r="C4842" t="s">
        <v>35</v>
      </c>
      <c r="D4842" t="s">
        <v>10</v>
      </c>
      <c r="E4842" t="s">
        <v>11</v>
      </c>
      <c r="F4842" s="2">
        <v>1</v>
      </c>
      <c r="G4842" t="s">
        <v>788</v>
      </c>
      <c r="H4842" t="s">
        <v>13</v>
      </c>
    </row>
    <row r="4843" spans="1:8" x14ac:dyDescent="0.25">
      <c r="A4843" s="1">
        <v>43838</v>
      </c>
      <c r="B4843" t="s">
        <v>3387</v>
      </c>
      <c r="C4843" t="s">
        <v>9</v>
      </c>
      <c r="D4843" t="s">
        <v>10</v>
      </c>
      <c r="E4843" t="s">
        <v>11</v>
      </c>
      <c r="F4843" s="2">
        <v>1</v>
      </c>
      <c r="G4843" t="s">
        <v>157</v>
      </c>
      <c r="H4843" t="s">
        <v>13</v>
      </c>
    </row>
    <row r="4844" spans="1:8" x14ac:dyDescent="0.25">
      <c r="A4844" s="1">
        <v>43837</v>
      </c>
      <c r="B4844" t="s">
        <v>3388</v>
      </c>
      <c r="C4844" t="s">
        <v>3389</v>
      </c>
      <c r="D4844" t="s">
        <v>10</v>
      </c>
      <c r="E4844" t="s">
        <v>11</v>
      </c>
      <c r="F4844" s="2">
        <v>1</v>
      </c>
      <c r="G4844" t="s">
        <v>123</v>
      </c>
      <c r="H4844" t="s">
        <v>13</v>
      </c>
    </row>
    <row r="4845" spans="1:8" x14ac:dyDescent="0.25">
      <c r="A4845" s="1">
        <v>43835</v>
      </c>
      <c r="B4845" t="s">
        <v>3390</v>
      </c>
      <c r="C4845" t="s">
        <v>47</v>
      </c>
      <c r="D4845" t="s">
        <v>10</v>
      </c>
      <c r="E4845" t="s">
        <v>11</v>
      </c>
      <c r="F4845" s="2">
        <v>1</v>
      </c>
      <c r="G4845" t="s">
        <v>67</v>
      </c>
      <c r="H4845" t="s">
        <v>13</v>
      </c>
    </row>
    <row r="4846" spans="1:8" x14ac:dyDescent="0.25">
      <c r="A4846" s="1">
        <v>43835</v>
      </c>
      <c r="B4846" t="s">
        <v>3391</v>
      </c>
      <c r="C4846" t="s">
        <v>47</v>
      </c>
      <c r="D4846" t="s">
        <v>10</v>
      </c>
      <c r="E4846" t="s">
        <v>11</v>
      </c>
      <c r="F4846" s="2">
        <v>1</v>
      </c>
      <c r="G4846" t="s">
        <v>100</v>
      </c>
      <c r="H4846" t="s">
        <v>13</v>
      </c>
    </row>
    <row r="4847" spans="1:8" x14ac:dyDescent="0.25">
      <c r="A4847" s="1">
        <v>43835</v>
      </c>
      <c r="B4847" t="s">
        <v>3392</v>
      </c>
      <c r="C4847" t="s">
        <v>19</v>
      </c>
      <c r="D4847" t="s">
        <v>10</v>
      </c>
      <c r="E4847" t="s">
        <v>11</v>
      </c>
      <c r="F4847" s="2">
        <v>1</v>
      </c>
      <c r="G4847" t="s">
        <v>20</v>
      </c>
      <c r="H4847" t="s">
        <v>13</v>
      </c>
    </row>
    <row r="4848" spans="1:8" x14ac:dyDescent="0.25">
      <c r="A4848" s="1">
        <v>43835</v>
      </c>
      <c r="B4848" t="s">
        <v>3392</v>
      </c>
      <c r="C4848" t="s">
        <v>1176</v>
      </c>
      <c r="D4848" t="s">
        <v>10</v>
      </c>
      <c r="E4848" t="s">
        <v>11</v>
      </c>
      <c r="F4848" s="2">
        <v>1</v>
      </c>
      <c r="G4848" t="s">
        <v>20</v>
      </c>
      <c r="H4848" t="s">
        <v>13</v>
      </c>
    </row>
    <row r="4849" spans="1:8" x14ac:dyDescent="0.25">
      <c r="A4849" s="1">
        <v>43834</v>
      </c>
      <c r="B4849" t="s">
        <v>3393</v>
      </c>
      <c r="C4849" t="s">
        <v>9</v>
      </c>
      <c r="D4849" t="s">
        <v>10</v>
      </c>
      <c r="E4849" t="s">
        <v>11</v>
      </c>
      <c r="F4849" s="2">
        <v>1</v>
      </c>
      <c r="G4849" t="s">
        <v>191</v>
      </c>
      <c r="H4849" t="s">
        <v>13</v>
      </c>
    </row>
    <row r="4850" spans="1:8" x14ac:dyDescent="0.25">
      <c r="A4850" s="1">
        <v>43834</v>
      </c>
      <c r="B4850" t="s">
        <v>3393</v>
      </c>
      <c r="C4850" t="s">
        <v>29</v>
      </c>
      <c r="D4850" t="s">
        <v>10</v>
      </c>
      <c r="E4850" t="s">
        <v>11</v>
      </c>
      <c r="F4850" s="2">
        <v>1</v>
      </c>
      <c r="G4850" t="s">
        <v>191</v>
      </c>
      <c r="H4850" t="s">
        <v>13</v>
      </c>
    </row>
    <row r="4851" spans="1:8" x14ac:dyDescent="0.25">
      <c r="A4851" s="1">
        <v>43834</v>
      </c>
      <c r="B4851" t="s">
        <v>3393</v>
      </c>
      <c r="C4851" t="s">
        <v>35</v>
      </c>
      <c r="D4851" t="s">
        <v>10</v>
      </c>
      <c r="E4851" t="s">
        <v>11</v>
      </c>
      <c r="F4851" s="2">
        <v>1</v>
      </c>
      <c r="G4851" t="s">
        <v>191</v>
      </c>
      <c r="H4851" t="s">
        <v>13</v>
      </c>
    </row>
    <row r="4852" spans="1:8" x14ac:dyDescent="0.25">
      <c r="A4852" s="1">
        <v>43834</v>
      </c>
      <c r="B4852" t="s">
        <v>3393</v>
      </c>
      <c r="C4852" t="s">
        <v>47</v>
      </c>
      <c r="D4852" t="s">
        <v>10</v>
      </c>
      <c r="E4852" t="s">
        <v>11</v>
      </c>
      <c r="F4852" s="2">
        <v>1</v>
      </c>
      <c r="G4852" t="s">
        <v>191</v>
      </c>
      <c r="H4852" t="s">
        <v>13</v>
      </c>
    </row>
    <row r="4853" spans="1:8" x14ac:dyDescent="0.25">
      <c r="A4853" s="1">
        <v>43833</v>
      </c>
      <c r="B4853" t="s">
        <v>3394</v>
      </c>
      <c r="C4853" t="s">
        <v>9</v>
      </c>
      <c r="D4853" t="s">
        <v>10</v>
      </c>
      <c r="E4853" t="s">
        <v>11</v>
      </c>
      <c r="F4853" s="2">
        <v>1</v>
      </c>
      <c r="G4853" t="s">
        <v>1625</v>
      </c>
      <c r="H4853" t="s">
        <v>13</v>
      </c>
    </row>
    <row r="4854" spans="1:8" x14ac:dyDescent="0.25">
      <c r="A4854" s="1">
        <v>43833</v>
      </c>
      <c r="B4854" t="s">
        <v>3394</v>
      </c>
      <c r="C4854" t="s">
        <v>52</v>
      </c>
      <c r="D4854" t="s">
        <v>10</v>
      </c>
      <c r="E4854" t="s">
        <v>11</v>
      </c>
      <c r="F4854" s="2">
        <v>1</v>
      </c>
      <c r="G4854" t="s">
        <v>1625</v>
      </c>
      <c r="H4854" t="s">
        <v>13</v>
      </c>
    </row>
    <row r="4855" spans="1:8" x14ac:dyDescent="0.25">
      <c r="A4855" s="1">
        <v>43833</v>
      </c>
      <c r="B4855" t="s">
        <v>3394</v>
      </c>
      <c r="C4855" t="s">
        <v>29</v>
      </c>
      <c r="D4855" t="s">
        <v>10</v>
      </c>
      <c r="E4855" t="s">
        <v>11</v>
      </c>
      <c r="F4855" s="2">
        <v>1</v>
      </c>
      <c r="G4855" t="s">
        <v>1625</v>
      </c>
      <c r="H4855" t="s">
        <v>13</v>
      </c>
    </row>
    <row r="4856" spans="1:8" x14ac:dyDescent="0.25">
      <c r="A4856" s="1">
        <v>43832</v>
      </c>
      <c r="B4856" t="s">
        <v>3395</v>
      </c>
      <c r="C4856" t="s">
        <v>9</v>
      </c>
      <c r="D4856" t="s">
        <v>10</v>
      </c>
      <c r="E4856" t="s">
        <v>11</v>
      </c>
      <c r="F4856" s="2">
        <v>1</v>
      </c>
      <c r="G4856" t="s">
        <v>100</v>
      </c>
      <c r="H4856" t="s">
        <v>13</v>
      </c>
    </row>
    <row r="4857" spans="1:8" x14ac:dyDescent="0.25">
      <c r="A4857" s="1">
        <v>43832</v>
      </c>
      <c r="B4857" t="s">
        <v>3395</v>
      </c>
      <c r="C4857" t="s">
        <v>28</v>
      </c>
      <c r="D4857" t="s">
        <v>10</v>
      </c>
      <c r="E4857" t="s">
        <v>11</v>
      </c>
      <c r="F4857" s="2">
        <v>1</v>
      </c>
      <c r="G4857" t="s">
        <v>100</v>
      </c>
      <c r="H4857" t="s">
        <v>13</v>
      </c>
    </row>
    <row r="4858" spans="1:8" x14ac:dyDescent="0.25">
      <c r="A4858" s="1">
        <v>43832</v>
      </c>
      <c r="B4858" t="s">
        <v>3396</v>
      </c>
      <c r="C4858" t="s">
        <v>268</v>
      </c>
      <c r="D4858" t="s">
        <v>10</v>
      </c>
      <c r="E4858" t="s">
        <v>11</v>
      </c>
      <c r="F4858" s="2">
        <v>1</v>
      </c>
      <c r="G4858" t="s">
        <v>22</v>
      </c>
      <c r="H4858" t="s">
        <v>13</v>
      </c>
    </row>
    <row r="4859" spans="1:8" x14ac:dyDescent="0.25">
      <c r="A4859" s="1">
        <v>43832</v>
      </c>
      <c r="B4859" t="s">
        <v>3397</v>
      </c>
      <c r="C4859" t="s">
        <v>379</v>
      </c>
      <c r="D4859" t="s">
        <v>10</v>
      </c>
      <c r="E4859" t="s">
        <v>11</v>
      </c>
      <c r="F4859" s="2">
        <v>1</v>
      </c>
      <c r="G4859" t="s">
        <v>27</v>
      </c>
      <c r="H4859" t="s">
        <v>13</v>
      </c>
    </row>
    <row r="4860" spans="1:8" x14ac:dyDescent="0.25">
      <c r="A4860" s="1">
        <v>43832</v>
      </c>
      <c r="B4860" t="s">
        <v>3397</v>
      </c>
      <c r="C4860" t="s">
        <v>379</v>
      </c>
      <c r="D4860" t="s">
        <v>10</v>
      </c>
      <c r="E4860" t="s">
        <v>11</v>
      </c>
      <c r="F4860" s="2">
        <v>1</v>
      </c>
      <c r="G4860" t="s">
        <v>27</v>
      </c>
      <c r="H4860" t="s">
        <v>13</v>
      </c>
    </row>
    <row r="4861" spans="1:8" x14ac:dyDescent="0.25">
      <c r="A4861" s="1">
        <v>43832</v>
      </c>
      <c r="B4861" t="s">
        <v>3397</v>
      </c>
      <c r="C4861" t="s">
        <v>199</v>
      </c>
      <c r="D4861" t="s">
        <v>10</v>
      </c>
      <c r="E4861" t="s">
        <v>11</v>
      </c>
      <c r="F4861" s="2">
        <v>1</v>
      </c>
      <c r="G4861" t="s">
        <v>27</v>
      </c>
      <c r="H4861" t="s">
        <v>13</v>
      </c>
    </row>
    <row r="4862" spans="1:8" x14ac:dyDescent="0.25">
      <c r="A4862" s="1">
        <v>43832</v>
      </c>
      <c r="B4862" t="s">
        <v>3397</v>
      </c>
      <c r="C4862" t="s">
        <v>199</v>
      </c>
      <c r="D4862" t="s">
        <v>10</v>
      </c>
      <c r="E4862" t="s">
        <v>11</v>
      </c>
      <c r="F4862" s="2">
        <v>1</v>
      </c>
      <c r="G4862" t="s">
        <v>27</v>
      </c>
      <c r="H4862" t="s">
        <v>13</v>
      </c>
    </row>
    <row r="4863" spans="1:8" x14ac:dyDescent="0.25">
      <c r="A4863" s="1">
        <v>43832</v>
      </c>
      <c r="B4863" t="s">
        <v>3397</v>
      </c>
      <c r="C4863" t="s">
        <v>1259</v>
      </c>
      <c r="D4863" t="s">
        <v>10</v>
      </c>
      <c r="E4863" t="s">
        <v>11</v>
      </c>
      <c r="F4863" s="2">
        <v>1</v>
      </c>
      <c r="G4863" t="s">
        <v>27</v>
      </c>
      <c r="H4863" t="s">
        <v>13</v>
      </c>
    </row>
    <row r="4864" spans="1:8" x14ac:dyDescent="0.25">
      <c r="A4864" s="1">
        <v>43832</v>
      </c>
      <c r="B4864" t="s">
        <v>3397</v>
      </c>
      <c r="C4864" t="s">
        <v>1259</v>
      </c>
      <c r="D4864" t="s">
        <v>10</v>
      </c>
      <c r="E4864" t="s">
        <v>11</v>
      </c>
      <c r="F4864" s="2">
        <v>1</v>
      </c>
      <c r="G4864" t="s">
        <v>27</v>
      </c>
      <c r="H4864" t="s">
        <v>13</v>
      </c>
    </row>
    <row r="4865" spans="1:8" x14ac:dyDescent="0.25">
      <c r="A4865" s="1">
        <v>43832</v>
      </c>
      <c r="B4865" t="s">
        <v>3398</v>
      </c>
      <c r="C4865" t="s">
        <v>439</v>
      </c>
      <c r="D4865" t="s">
        <v>10</v>
      </c>
      <c r="E4865" t="s">
        <v>11</v>
      </c>
      <c r="F4865" s="2">
        <v>1</v>
      </c>
      <c r="G4865" t="s">
        <v>1234</v>
      </c>
      <c r="H4865" t="s">
        <v>13</v>
      </c>
    </row>
    <row r="4866" spans="1:8" x14ac:dyDescent="0.25">
      <c r="A4866" s="1">
        <v>43832</v>
      </c>
      <c r="B4866" t="s">
        <v>3399</v>
      </c>
      <c r="C4866" t="s">
        <v>9</v>
      </c>
      <c r="D4866" t="s">
        <v>10</v>
      </c>
      <c r="E4866" t="s">
        <v>11</v>
      </c>
      <c r="F4866" s="2">
        <v>1</v>
      </c>
      <c r="G4866" t="s">
        <v>445</v>
      </c>
      <c r="H4866" t="s">
        <v>13</v>
      </c>
    </row>
    <row r="4867" spans="1:8" x14ac:dyDescent="0.25">
      <c r="A4867" s="1">
        <v>43831</v>
      </c>
      <c r="B4867" t="s">
        <v>3400</v>
      </c>
      <c r="C4867" t="s">
        <v>47</v>
      </c>
      <c r="D4867" t="s">
        <v>10</v>
      </c>
      <c r="E4867" t="s">
        <v>11</v>
      </c>
      <c r="F4867" s="2">
        <v>1</v>
      </c>
      <c r="G4867" t="s">
        <v>20</v>
      </c>
      <c r="H4867" t="s">
        <v>13</v>
      </c>
    </row>
    <row r="4868" spans="1:8" x14ac:dyDescent="0.25">
      <c r="A4868" s="1">
        <v>43831</v>
      </c>
      <c r="B4868" t="s">
        <v>3401</v>
      </c>
      <c r="C4868" t="s">
        <v>174</v>
      </c>
      <c r="D4868" t="s">
        <v>10</v>
      </c>
      <c r="E4868" t="s">
        <v>11</v>
      </c>
      <c r="F4868" s="2">
        <v>1</v>
      </c>
      <c r="G4868" t="s">
        <v>357</v>
      </c>
      <c r="H4868" t="s">
        <v>13</v>
      </c>
    </row>
    <row r="4869" spans="1:8" x14ac:dyDescent="0.25">
      <c r="A4869" s="1">
        <v>43830</v>
      </c>
      <c r="B4869" t="s">
        <v>3402</v>
      </c>
      <c r="C4869" t="s">
        <v>47</v>
      </c>
      <c r="D4869" t="s">
        <v>10</v>
      </c>
      <c r="E4869" t="s">
        <v>11</v>
      </c>
      <c r="F4869" s="2">
        <v>1</v>
      </c>
      <c r="G4869" t="s">
        <v>289</v>
      </c>
      <c r="H4869" t="s">
        <v>13</v>
      </c>
    </row>
    <row r="4870" spans="1:8" x14ac:dyDescent="0.25">
      <c r="A4870" s="1">
        <v>43830</v>
      </c>
      <c r="B4870" t="s">
        <v>3403</v>
      </c>
      <c r="C4870" t="s">
        <v>35</v>
      </c>
      <c r="D4870" t="s">
        <v>10</v>
      </c>
      <c r="E4870" t="s">
        <v>11</v>
      </c>
      <c r="F4870" s="2">
        <v>1</v>
      </c>
      <c r="G4870" t="s">
        <v>111</v>
      </c>
      <c r="H4870" t="s">
        <v>13</v>
      </c>
    </row>
    <row r="4871" spans="1:8" x14ac:dyDescent="0.25">
      <c r="A4871" s="1">
        <v>43830</v>
      </c>
      <c r="B4871" t="s">
        <v>3404</v>
      </c>
      <c r="C4871" t="s">
        <v>1883</v>
      </c>
      <c r="D4871" t="s">
        <v>10</v>
      </c>
      <c r="E4871" t="s">
        <v>11</v>
      </c>
      <c r="F4871" s="2">
        <v>1</v>
      </c>
      <c r="G4871" t="s">
        <v>3405</v>
      </c>
      <c r="H4871" t="s">
        <v>13</v>
      </c>
    </row>
    <row r="4872" spans="1:8" x14ac:dyDescent="0.25">
      <c r="A4872" s="1">
        <v>43830</v>
      </c>
      <c r="B4872" t="s">
        <v>3406</v>
      </c>
      <c r="C4872" t="s">
        <v>9</v>
      </c>
      <c r="D4872" t="s">
        <v>10</v>
      </c>
      <c r="E4872" t="s">
        <v>11</v>
      </c>
      <c r="F4872" s="2">
        <v>1</v>
      </c>
      <c r="G4872" t="s">
        <v>20</v>
      </c>
      <c r="H4872" t="s">
        <v>13</v>
      </c>
    </row>
    <row r="4873" spans="1:8" x14ac:dyDescent="0.25">
      <c r="A4873" s="1">
        <v>43830</v>
      </c>
      <c r="B4873" t="s">
        <v>3406</v>
      </c>
      <c r="C4873" t="s">
        <v>1883</v>
      </c>
      <c r="D4873" t="s">
        <v>10</v>
      </c>
      <c r="E4873" t="s">
        <v>11</v>
      </c>
      <c r="F4873" s="2">
        <v>1</v>
      </c>
      <c r="G4873" t="s">
        <v>20</v>
      </c>
      <c r="H4873" t="s">
        <v>13</v>
      </c>
    </row>
    <row r="4874" spans="1:8" x14ac:dyDescent="0.25">
      <c r="A4874" s="1">
        <v>43830</v>
      </c>
      <c r="B4874" t="s">
        <v>3407</v>
      </c>
      <c r="C4874" t="s">
        <v>52</v>
      </c>
      <c r="D4874" t="s">
        <v>10</v>
      </c>
      <c r="E4874" t="s">
        <v>11</v>
      </c>
      <c r="F4874" s="2">
        <v>1</v>
      </c>
      <c r="G4874" t="s">
        <v>1625</v>
      </c>
      <c r="H4874" t="s">
        <v>13</v>
      </c>
    </row>
    <row r="4875" spans="1:8" x14ac:dyDescent="0.25">
      <c r="A4875" s="1">
        <v>43830</v>
      </c>
      <c r="B4875" t="s">
        <v>3408</v>
      </c>
      <c r="C4875" t="s">
        <v>9</v>
      </c>
      <c r="D4875" t="s">
        <v>10</v>
      </c>
      <c r="E4875" t="s">
        <v>11</v>
      </c>
      <c r="F4875" s="2">
        <v>1</v>
      </c>
      <c r="G4875" t="s">
        <v>411</v>
      </c>
      <c r="H4875" t="s">
        <v>13</v>
      </c>
    </row>
    <row r="4876" spans="1:8" x14ac:dyDescent="0.25">
      <c r="A4876" s="1">
        <v>43829</v>
      </c>
      <c r="B4876" t="s">
        <v>3409</v>
      </c>
      <c r="C4876" t="s">
        <v>9</v>
      </c>
      <c r="D4876" t="s">
        <v>10</v>
      </c>
      <c r="E4876" t="s">
        <v>11</v>
      </c>
      <c r="F4876" s="2">
        <v>1</v>
      </c>
      <c r="G4876" t="s">
        <v>123</v>
      </c>
      <c r="H4876" t="s">
        <v>13</v>
      </c>
    </row>
    <row r="4877" spans="1:8" x14ac:dyDescent="0.25">
      <c r="A4877" s="1">
        <v>43829</v>
      </c>
      <c r="B4877" t="s">
        <v>3410</v>
      </c>
      <c r="C4877" t="s">
        <v>510</v>
      </c>
      <c r="D4877" t="s">
        <v>10</v>
      </c>
      <c r="E4877" t="s">
        <v>11</v>
      </c>
      <c r="F4877" s="2">
        <v>1</v>
      </c>
      <c r="G4877" t="s">
        <v>172</v>
      </c>
      <c r="H4877" t="s">
        <v>13</v>
      </c>
    </row>
    <row r="4878" spans="1:8" x14ac:dyDescent="0.25">
      <c r="A4878" s="1">
        <v>43829</v>
      </c>
      <c r="B4878" t="s">
        <v>3411</v>
      </c>
      <c r="C4878" t="s">
        <v>16</v>
      </c>
      <c r="D4878" t="s">
        <v>10</v>
      </c>
      <c r="E4878" t="s">
        <v>11</v>
      </c>
      <c r="F4878" s="2">
        <v>1</v>
      </c>
      <c r="G4878" t="s">
        <v>12</v>
      </c>
      <c r="H4878" t="s">
        <v>13</v>
      </c>
    </row>
    <row r="4879" spans="1:8" x14ac:dyDescent="0.25">
      <c r="A4879" s="1">
        <v>43829</v>
      </c>
      <c r="B4879" t="s">
        <v>3411</v>
      </c>
      <c r="C4879" t="s">
        <v>3314</v>
      </c>
      <c r="D4879" t="s">
        <v>10</v>
      </c>
      <c r="E4879" t="s">
        <v>11</v>
      </c>
      <c r="F4879" s="2">
        <v>1</v>
      </c>
      <c r="G4879" t="s">
        <v>12</v>
      </c>
      <c r="H4879" t="s">
        <v>13</v>
      </c>
    </row>
    <row r="4880" spans="1:8" x14ac:dyDescent="0.25">
      <c r="A4880" s="1">
        <v>43827</v>
      </c>
      <c r="B4880" t="s">
        <v>3412</v>
      </c>
      <c r="C4880" t="s">
        <v>9</v>
      </c>
      <c r="D4880" t="s">
        <v>10</v>
      </c>
      <c r="E4880" t="s">
        <v>11</v>
      </c>
      <c r="F4880" s="2">
        <v>1</v>
      </c>
      <c r="G4880" t="s">
        <v>100</v>
      </c>
      <c r="H4880" t="s">
        <v>13</v>
      </c>
    </row>
    <row r="4881" spans="1:8" x14ac:dyDescent="0.25">
      <c r="A4881" s="1">
        <v>43827</v>
      </c>
      <c r="B4881" t="s">
        <v>3412</v>
      </c>
      <c r="C4881" t="s">
        <v>88</v>
      </c>
      <c r="D4881" t="s">
        <v>10</v>
      </c>
      <c r="E4881" t="s">
        <v>11</v>
      </c>
      <c r="F4881" s="2">
        <v>1</v>
      </c>
      <c r="G4881" t="s">
        <v>100</v>
      </c>
      <c r="H4881" t="s">
        <v>13</v>
      </c>
    </row>
    <row r="4882" spans="1:8" x14ac:dyDescent="0.25">
      <c r="A4882" s="1">
        <v>43827</v>
      </c>
      <c r="B4882" t="s">
        <v>3413</v>
      </c>
      <c r="C4882" t="s">
        <v>9</v>
      </c>
      <c r="D4882" t="s">
        <v>10</v>
      </c>
      <c r="E4882" t="s">
        <v>11</v>
      </c>
      <c r="F4882" s="2">
        <v>1</v>
      </c>
      <c r="G4882" t="s">
        <v>135</v>
      </c>
      <c r="H4882" t="s">
        <v>13</v>
      </c>
    </row>
    <row r="4883" spans="1:8" x14ac:dyDescent="0.25">
      <c r="A4883" s="1">
        <v>43827</v>
      </c>
      <c r="B4883" t="s">
        <v>3413</v>
      </c>
      <c r="C4883" t="s">
        <v>115</v>
      </c>
      <c r="D4883" t="s">
        <v>10</v>
      </c>
      <c r="E4883" t="s">
        <v>11</v>
      </c>
      <c r="F4883" s="2">
        <v>1</v>
      </c>
      <c r="G4883" t="s">
        <v>135</v>
      </c>
      <c r="H4883" t="s">
        <v>13</v>
      </c>
    </row>
    <row r="4884" spans="1:8" x14ac:dyDescent="0.25">
      <c r="A4884" s="1">
        <v>43827</v>
      </c>
      <c r="B4884" t="s">
        <v>3414</v>
      </c>
      <c r="C4884" t="s">
        <v>74</v>
      </c>
      <c r="D4884" t="s">
        <v>10</v>
      </c>
      <c r="E4884" t="s">
        <v>11</v>
      </c>
      <c r="F4884" s="2">
        <v>1</v>
      </c>
      <c r="G4884" t="s">
        <v>650</v>
      </c>
      <c r="H4884" t="s">
        <v>13</v>
      </c>
    </row>
    <row r="4885" spans="1:8" x14ac:dyDescent="0.25">
      <c r="A4885" s="1">
        <v>43827</v>
      </c>
      <c r="B4885" t="s">
        <v>3414</v>
      </c>
      <c r="C4885" t="s">
        <v>518</v>
      </c>
      <c r="D4885" t="s">
        <v>10</v>
      </c>
      <c r="E4885" t="s">
        <v>11</v>
      </c>
      <c r="F4885" s="2">
        <v>1</v>
      </c>
      <c r="G4885" t="s">
        <v>650</v>
      </c>
      <c r="H4885" t="s">
        <v>13</v>
      </c>
    </row>
    <row r="4886" spans="1:8" x14ac:dyDescent="0.25">
      <c r="A4886" s="1">
        <v>43827</v>
      </c>
      <c r="B4886" t="s">
        <v>3415</v>
      </c>
      <c r="C4886" t="s">
        <v>9</v>
      </c>
      <c r="D4886" t="s">
        <v>10</v>
      </c>
      <c r="E4886" t="s">
        <v>11</v>
      </c>
      <c r="F4886" s="2">
        <v>1</v>
      </c>
      <c r="G4886" t="s">
        <v>699</v>
      </c>
      <c r="H4886" t="s">
        <v>13</v>
      </c>
    </row>
    <row r="4887" spans="1:8" x14ac:dyDescent="0.25">
      <c r="A4887" s="1">
        <v>43827</v>
      </c>
      <c r="B4887" t="s">
        <v>3415</v>
      </c>
      <c r="C4887" t="s">
        <v>1883</v>
      </c>
      <c r="D4887" t="s">
        <v>10</v>
      </c>
      <c r="E4887" t="s">
        <v>11</v>
      </c>
      <c r="F4887" s="2">
        <v>1</v>
      </c>
      <c r="G4887" t="s">
        <v>699</v>
      </c>
      <c r="H4887" t="s">
        <v>13</v>
      </c>
    </row>
    <row r="4888" spans="1:8" x14ac:dyDescent="0.25">
      <c r="A4888" s="1">
        <v>43827</v>
      </c>
      <c r="B4888" t="s">
        <v>3416</v>
      </c>
      <c r="C4888" t="s">
        <v>9</v>
      </c>
      <c r="D4888" t="s">
        <v>10</v>
      </c>
      <c r="E4888" t="s">
        <v>11</v>
      </c>
      <c r="F4888" s="2">
        <v>1</v>
      </c>
      <c r="G4888" t="s">
        <v>145</v>
      </c>
      <c r="H4888" t="s">
        <v>13</v>
      </c>
    </row>
    <row r="4889" spans="1:8" x14ac:dyDescent="0.25">
      <c r="A4889" s="1">
        <v>43827</v>
      </c>
      <c r="B4889" t="s">
        <v>3416</v>
      </c>
      <c r="C4889" t="s">
        <v>35</v>
      </c>
      <c r="D4889" t="s">
        <v>10</v>
      </c>
      <c r="E4889" t="s">
        <v>11</v>
      </c>
      <c r="F4889" s="2">
        <v>1</v>
      </c>
      <c r="G4889" t="s">
        <v>145</v>
      </c>
      <c r="H4889" t="s">
        <v>13</v>
      </c>
    </row>
    <row r="4890" spans="1:8" x14ac:dyDescent="0.25">
      <c r="A4890" s="1">
        <v>43827</v>
      </c>
      <c r="B4890" t="s">
        <v>3416</v>
      </c>
      <c r="C4890" t="s">
        <v>47</v>
      </c>
      <c r="D4890" t="s">
        <v>10</v>
      </c>
      <c r="E4890" t="s">
        <v>11</v>
      </c>
      <c r="F4890" s="2">
        <v>1</v>
      </c>
      <c r="G4890" t="s">
        <v>145</v>
      </c>
      <c r="H4890" t="s">
        <v>13</v>
      </c>
    </row>
    <row r="4891" spans="1:8" x14ac:dyDescent="0.25">
      <c r="A4891" s="1">
        <v>43826</v>
      </c>
      <c r="B4891" t="s">
        <v>3417</v>
      </c>
      <c r="C4891" t="s">
        <v>9</v>
      </c>
      <c r="D4891" t="s">
        <v>10</v>
      </c>
      <c r="E4891" t="s">
        <v>11</v>
      </c>
      <c r="F4891" s="2">
        <v>1</v>
      </c>
      <c r="G4891" t="s">
        <v>100</v>
      </c>
      <c r="H4891" t="s">
        <v>13</v>
      </c>
    </row>
    <row r="4892" spans="1:8" x14ac:dyDescent="0.25">
      <c r="A4892" s="1">
        <v>43826</v>
      </c>
      <c r="B4892" t="s">
        <v>3417</v>
      </c>
      <c r="C4892" t="s">
        <v>28</v>
      </c>
      <c r="D4892" t="s">
        <v>10</v>
      </c>
      <c r="E4892" t="s">
        <v>11</v>
      </c>
      <c r="F4892" s="2">
        <v>1</v>
      </c>
      <c r="G4892" t="s">
        <v>100</v>
      </c>
      <c r="H4892" t="s">
        <v>13</v>
      </c>
    </row>
    <row r="4893" spans="1:8" x14ac:dyDescent="0.25">
      <c r="A4893" s="1">
        <v>43826</v>
      </c>
      <c r="B4893" t="s">
        <v>3418</v>
      </c>
      <c r="C4893" t="s">
        <v>35</v>
      </c>
      <c r="D4893" t="s">
        <v>26</v>
      </c>
      <c r="E4893" t="s">
        <v>11</v>
      </c>
      <c r="F4893" s="2">
        <v>1</v>
      </c>
      <c r="G4893" t="s">
        <v>20</v>
      </c>
      <c r="H4893" t="s">
        <v>13</v>
      </c>
    </row>
    <row r="4894" spans="1:8" x14ac:dyDescent="0.25">
      <c r="A4894" s="1">
        <v>43825</v>
      </c>
      <c r="B4894" t="s">
        <v>3419</v>
      </c>
      <c r="C4894" t="s">
        <v>19</v>
      </c>
      <c r="D4894" t="s">
        <v>10</v>
      </c>
      <c r="E4894" t="s">
        <v>11</v>
      </c>
      <c r="F4894" s="2">
        <v>1</v>
      </c>
      <c r="G4894" t="s">
        <v>72</v>
      </c>
      <c r="H4894" t="s">
        <v>13</v>
      </c>
    </row>
    <row r="4895" spans="1:8" x14ac:dyDescent="0.25">
      <c r="A4895" s="1">
        <v>43823</v>
      </c>
      <c r="B4895" t="s">
        <v>3420</v>
      </c>
      <c r="C4895" t="s">
        <v>9</v>
      </c>
      <c r="D4895" t="s">
        <v>10</v>
      </c>
      <c r="E4895" t="s">
        <v>11</v>
      </c>
      <c r="F4895" s="2">
        <v>1</v>
      </c>
      <c r="G4895" t="s">
        <v>20</v>
      </c>
      <c r="H4895" t="s">
        <v>13</v>
      </c>
    </row>
    <row r="4896" spans="1:8" x14ac:dyDescent="0.25">
      <c r="A4896" s="1">
        <v>43823</v>
      </c>
      <c r="B4896" t="s">
        <v>3420</v>
      </c>
      <c r="C4896" t="s">
        <v>28</v>
      </c>
      <c r="D4896" t="s">
        <v>10</v>
      </c>
      <c r="E4896" t="s">
        <v>11</v>
      </c>
      <c r="F4896" s="2">
        <v>1</v>
      </c>
      <c r="G4896" t="s">
        <v>20</v>
      </c>
      <c r="H4896" t="s">
        <v>13</v>
      </c>
    </row>
    <row r="4897" spans="1:8" x14ac:dyDescent="0.25">
      <c r="A4897" s="1">
        <v>43823</v>
      </c>
      <c r="B4897" t="s">
        <v>3421</v>
      </c>
      <c r="C4897" t="s">
        <v>9</v>
      </c>
      <c r="D4897" t="s">
        <v>10</v>
      </c>
      <c r="E4897" t="s">
        <v>11</v>
      </c>
      <c r="F4897" s="2">
        <v>1</v>
      </c>
      <c r="G4897" t="s">
        <v>20</v>
      </c>
      <c r="H4897" t="s">
        <v>13</v>
      </c>
    </row>
    <row r="4898" spans="1:8" x14ac:dyDescent="0.25">
      <c r="A4898" s="1">
        <v>43823</v>
      </c>
      <c r="B4898" t="s">
        <v>3421</v>
      </c>
      <c r="C4898" t="s">
        <v>28</v>
      </c>
      <c r="D4898" t="s">
        <v>10</v>
      </c>
      <c r="E4898" t="s">
        <v>11</v>
      </c>
      <c r="F4898" s="2">
        <v>1</v>
      </c>
      <c r="G4898" t="s">
        <v>20</v>
      </c>
      <c r="H4898" t="s">
        <v>13</v>
      </c>
    </row>
    <row r="4899" spans="1:8" x14ac:dyDescent="0.25">
      <c r="A4899" s="1">
        <v>43823</v>
      </c>
      <c r="B4899" t="s">
        <v>3422</v>
      </c>
      <c r="C4899" t="s">
        <v>76</v>
      </c>
      <c r="D4899" t="s">
        <v>10</v>
      </c>
      <c r="E4899" t="s">
        <v>11</v>
      </c>
      <c r="F4899" s="2">
        <v>1</v>
      </c>
      <c r="G4899" t="s">
        <v>1537</v>
      </c>
      <c r="H4899" t="s">
        <v>13</v>
      </c>
    </row>
    <row r="4900" spans="1:8" x14ac:dyDescent="0.25">
      <c r="A4900" s="1">
        <v>43823</v>
      </c>
      <c r="B4900" t="s">
        <v>3423</v>
      </c>
      <c r="C4900" t="s">
        <v>9</v>
      </c>
      <c r="D4900" t="s">
        <v>10</v>
      </c>
      <c r="E4900" t="s">
        <v>11</v>
      </c>
      <c r="F4900" s="2">
        <v>1</v>
      </c>
      <c r="G4900" t="s">
        <v>93</v>
      </c>
      <c r="H4900" t="s">
        <v>13</v>
      </c>
    </row>
    <row r="4901" spans="1:8" x14ac:dyDescent="0.25">
      <c r="A4901" s="1">
        <v>43823</v>
      </c>
      <c r="B4901" t="s">
        <v>3423</v>
      </c>
      <c r="C4901" t="s">
        <v>9</v>
      </c>
      <c r="D4901" t="s">
        <v>10</v>
      </c>
      <c r="E4901" t="s">
        <v>11</v>
      </c>
      <c r="F4901" s="2">
        <v>1</v>
      </c>
      <c r="G4901" t="s">
        <v>93</v>
      </c>
      <c r="H4901" t="s">
        <v>13</v>
      </c>
    </row>
    <row r="4902" spans="1:8" x14ac:dyDescent="0.25">
      <c r="A4902" s="1">
        <v>43823</v>
      </c>
      <c r="B4902" t="s">
        <v>3424</v>
      </c>
      <c r="C4902" t="s">
        <v>29</v>
      </c>
      <c r="D4902" t="s">
        <v>10</v>
      </c>
      <c r="E4902" t="s">
        <v>11</v>
      </c>
      <c r="F4902" s="2">
        <v>1</v>
      </c>
      <c r="G4902" t="s">
        <v>20</v>
      </c>
      <c r="H4902" t="s">
        <v>13</v>
      </c>
    </row>
    <row r="4903" spans="1:8" x14ac:dyDescent="0.25">
      <c r="A4903" s="1">
        <v>43823</v>
      </c>
      <c r="B4903" t="s">
        <v>3424</v>
      </c>
      <c r="C4903" t="s">
        <v>35</v>
      </c>
      <c r="D4903" t="s">
        <v>10</v>
      </c>
      <c r="E4903" t="s">
        <v>11</v>
      </c>
      <c r="F4903" s="2">
        <v>1</v>
      </c>
      <c r="G4903" t="s">
        <v>20</v>
      </c>
      <c r="H4903" t="s">
        <v>13</v>
      </c>
    </row>
    <row r="4904" spans="1:8" x14ac:dyDescent="0.25">
      <c r="A4904" s="1">
        <v>43822</v>
      </c>
      <c r="B4904" t="s">
        <v>3425</v>
      </c>
      <c r="C4904" t="s">
        <v>268</v>
      </c>
      <c r="D4904" t="s">
        <v>10</v>
      </c>
      <c r="E4904" t="s">
        <v>11</v>
      </c>
      <c r="F4904" s="2">
        <v>1</v>
      </c>
      <c r="G4904" t="s">
        <v>181</v>
      </c>
      <c r="H4904" t="s">
        <v>13</v>
      </c>
    </row>
    <row r="4905" spans="1:8" x14ac:dyDescent="0.25">
      <c r="A4905" s="1">
        <v>43822</v>
      </c>
      <c r="B4905" t="s">
        <v>3426</v>
      </c>
      <c r="C4905" t="s">
        <v>9</v>
      </c>
      <c r="D4905" t="s">
        <v>10</v>
      </c>
      <c r="E4905" t="s">
        <v>11</v>
      </c>
      <c r="F4905" s="2">
        <v>1</v>
      </c>
      <c r="G4905" t="s">
        <v>135</v>
      </c>
      <c r="H4905" t="s">
        <v>13</v>
      </c>
    </row>
    <row r="4906" spans="1:8" x14ac:dyDescent="0.25">
      <c r="A4906" s="1">
        <v>43822</v>
      </c>
      <c r="B4906" t="s">
        <v>3426</v>
      </c>
      <c r="C4906" t="s">
        <v>301</v>
      </c>
      <c r="D4906" t="s">
        <v>10</v>
      </c>
      <c r="E4906" t="s">
        <v>11</v>
      </c>
      <c r="F4906" s="2">
        <v>1</v>
      </c>
      <c r="G4906" t="s">
        <v>135</v>
      </c>
      <c r="H4906" t="s">
        <v>13</v>
      </c>
    </row>
    <row r="4907" spans="1:8" x14ac:dyDescent="0.25">
      <c r="A4907" s="1">
        <v>43821</v>
      </c>
      <c r="B4907" t="s">
        <v>3427</v>
      </c>
      <c r="C4907" t="s">
        <v>35</v>
      </c>
      <c r="D4907" t="s">
        <v>10</v>
      </c>
      <c r="E4907" t="s">
        <v>11</v>
      </c>
      <c r="F4907" s="2">
        <v>1</v>
      </c>
      <c r="G4907" t="s">
        <v>77</v>
      </c>
      <c r="H4907" t="s">
        <v>13</v>
      </c>
    </row>
    <row r="4908" spans="1:8" x14ac:dyDescent="0.25">
      <c r="A4908" s="1">
        <v>43821</v>
      </c>
      <c r="B4908" t="s">
        <v>3427</v>
      </c>
      <c r="C4908" t="s">
        <v>35</v>
      </c>
      <c r="D4908" t="s">
        <v>10</v>
      </c>
      <c r="E4908" t="s">
        <v>11</v>
      </c>
      <c r="F4908" s="2">
        <v>1</v>
      </c>
      <c r="G4908" t="s">
        <v>77</v>
      </c>
      <c r="H4908" t="s">
        <v>13</v>
      </c>
    </row>
    <row r="4909" spans="1:8" x14ac:dyDescent="0.25">
      <c r="A4909" s="1">
        <v>43821</v>
      </c>
      <c r="B4909" t="s">
        <v>3428</v>
      </c>
      <c r="C4909" t="s">
        <v>35</v>
      </c>
      <c r="D4909" t="s">
        <v>10</v>
      </c>
      <c r="E4909" t="s">
        <v>11</v>
      </c>
      <c r="F4909" s="2">
        <v>1</v>
      </c>
      <c r="G4909" t="s">
        <v>63</v>
      </c>
      <c r="H4909" t="s">
        <v>13</v>
      </c>
    </row>
    <row r="4910" spans="1:8" x14ac:dyDescent="0.25">
      <c r="A4910" s="1">
        <v>43821</v>
      </c>
      <c r="B4910" t="s">
        <v>3429</v>
      </c>
      <c r="C4910" t="s">
        <v>9</v>
      </c>
      <c r="D4910" t="s">
        <v>10</v>
      </c>
      <c r="E4910" t="s">
        <v>11</v>
      </c>
      <c r="F4910" s="2">
        <v>1</v>
      </c>
      <c r="G4910" t="s">
        <v>2059</v>
      </c>
      <c r="H4910" t="s">
        <v>13</v>
      </c>
    </row>
    <row r="4911" spans="1:8" x14ac:dyDescent="0.25">
      <c r="A4911" s="1">
        <v>43821</v>
      </c>
      <c r="B4911" t="s">
        <v>3430</v>
      </c>
      <c r="C4911" t="s">
        <v>9</v>
      </c>
      <c r="D4911" t="s">
        <v>10</v>
      </c>
      <c r="E4911" t="s">
        <v>11</v>
      </c>
      <c r="F4911" s="2">
        <v>1</v>
      </c>
      <c r="G4911" t="s">
        <v>1272</v>
      </c>
      <c r="H4911" t="s">
        <v>13</v>
      </c>
    </row>
    <row r="4912" spans="1:8" x14ac:dyDescent="0.25">
      <c r="A4912" s="1">
        <v>43821</v>
      </c>
      <c r="B4912" t="s">
        <v>3430</v>
      </c>
      <c r="C4912" t="s">
        <v>47</v>
      </c>
      <c r="D4912" t="s">
        <v>10</v>
      </c>
      <c r="E4912" t="s">
        <v>11</v>
      </c>
      <c r="F4912" s="2">
        <v>1</v>
      </c>
      <c r="G4912" t="s">
        <v>1272</v>
      </c>
      <c r="H4912" t="s">
        <v>13</v>
      </c>
    </row>
    <row r="4913" spans="1:8" x14ac:dyDescent="0.25">
      <c r="A4913" s="1">
        <v>43820</v>
      </c>
      <c r="B4913" t="s">
        <v>3431</v>
      </c>
      <c r="C4913" t="s">
        <v>9</v>
      </c>
      <c r="D4913" t="s">
        <v>10</v>
      </c>
      <c r="E4913" t="s">
        <v>11</v>
      </c>
      <c r="F4913" s="2">
        <v>1</v>
      </c>
      <c r="G4913" t="s">
        <v>20</v>
      </c>
      <c r="H4913" t="s">
        <v>13</v>
      </c>
    </row>
    <row r="4914" spans="1:8" x14ac:dyDescent="0.25">
      <c r="A4914" s="1">
        <v>43820</v>
      </c>
      <c r="B4914" t="s">
        <v>3431</v>
      </c>
      <c r="C4914" t="s">
        <v>92</v>
      </c>
      <c r="D4914" t="s">
        <v>10</v>
      </c>
      <c r="E4914" t="s">
        <v>11</v>
      </c>
      <c r="F4914" s="2">
        <v>1</v>
      </c>
      <c r="G4914" t="s">
        <v>20</v>
      </c>
      <c r="H4914" t="s">
        <v>13</v>
      </c>
    </row>
    <row r="4915" spans="1:8" x14ac:dyDescent="0.25">
      <c r="A4915" s="1">
        <v>43820</v>
      </c>
      <c r="B4915" t="s">
        <v>3431</v>
      </c>
      <c r="C4915" t="s">
        <v>974</v>
      </c>
      <c r="D4915" t="s">
        <v>10</v>
      </c>
      <c r="E4915" t="s">
        <v>11</v>
      </c>
      <c r="F4915" s="2">
        <v>1</v>
      </c>
      <c r="G4915" t="s">
        <v>20</v>
      </c>
      <c r="H4915" t="s">
        <v>13</v>
      </c>
    </row>
    <row r="4916" spans="1:8" x14ac:dyDescent="0.25">
      <c r="A4916" s="1">
        <v>43820</v>
      </c>
      <c r="B4916" t="s">
        <v>3432</v>
      </c>
      <c r="C4916" t="s">
        <v>9</v>
      </c>
      <c r="D4916" t="s">
        <v>10</v>
      </c>
      <c r="E4916" t="s">
        <v>11</v>
      </c>
      <c r="F4916" s="2">
        <v>1</v>
      </c>
      <c r="G4916" t="s">
        <v>364</v>
      </c>
      <c r="H4916" t="s">
        <v>13</v>
      </c>
    </row>
    <row r="4917" spans="1:8" x14ac:dyDescent="0.25">
      <c r="A4917" s="1">
        <v>43820</v>
      </c>
      <c r="B4917" t="s">
        <v>3432</v>
      </c>
      <c r="C4917" t="s">
        <v>821</v>
      </c>
      <c r="D4917" t="s">
        <v>10</v>
      </c>
      <c r="E4917" t="s">
        <v>11</v>
      </c>
      <c r="F4917" s="2">
        <v>1</v>
      </c>
      <c r="G4917" t="s">
        <v>364</v>
      </c>
      <c r="H4917" t="s">
        <v>13</v>
      </c>
    </row>
    <row r="4918" spans="1:8" x14ac:dyDescent="0.25">
      <c r="A4918" s="1">
        <v>43819</v>
      </c>
      <c r="B4918" t="s">
        <v>3433</v>
      </c>
      <c r="C4918" t="s">
        <v>16</v>
      </c>
      <c r="D4918" t="s">
        <v>10</v>
      </c>
      <c r="E4918" t="s">
        <v>11</v>
      </c>
      <c r="F4918" s="2">
        <v>1</v>
      </c>
      <c r="G4918" t="s">
        <v>636</v>
      </c>
      <c r="H4918" t="s">
        <v>13</v>
      </c>
    </row>
    <row r="4919" spans="1:8" x14ac:dyDescent="0.25">
      <c r="A4919" s="1">
        <v>43819</v>
      </c>
      <c r="B4919" t="s">
        <v>3433</v>
      </c>
      <c r="C4919" t="s">
        <v>149</v>
      </c>
      <c r="D4919" t="s">
        <v>10</v>
      </c>
      <c r="E4919" t="s">
        <v>11</v>
      </c>
      <c r="F4919" s="2">
        <v>1</v>
      </c>
      <c r="G4919" t="s">
        <v>636</v>
      </c>
      <c r="H4919" t="s">
        <v>13</v>
      </c>
    </row>
    <row r="4920" spans="1:8" x14ac:dyDescent="0.25">
      <c r="A4920" s="1">
        <v>43819</v>
      </c>
      <c r="B4920" t="s">
        <v>3433</v>
      </c>
      <c r="C4920" t="s">
        <v>47</v>
      </c>
      <c r="D4920" t="s">
        <v>10</v>
      </c>
      <c r="E4920" t="s">
        <v>11</v>
      </c>
      <c r="F4920" s="2">
        <v>1</v>
      </c>
      <c r="G4920" t="s">
        <v>636</v>
      </c>
      <c r="H4920" t="s">
        <v>13</v>
      </c>
    </row>
    <row r="4921" spans="1:8" x14ac:dyDescent="0.25">
      <c r="A4921" s="1">
        <v>43818</v>
      </c>
      <c r="B4921" t="s">
        <v>3434</v>
      </c>
      <c r="C4921" t="s">
        <v>79</v>
      </c>
      <c r="D4921" t="s">
        <v>26</v>
      </c>
      <c r="E4921" t="s">
        <v>11</v>
      </c>
      <c r="F4921" s="2">
        <v>1</v>
      </c>
      <c r="G4921" t="s">
        <v>353</v>
      </c>
      <c r="H4921" t="s">
        <v>13</v>
      </c>
    </row>
    <row r="4922" spans="1:8" x14ac:dyDescent="0.25">
      <c r="A4922" s="1">
        <v>43818</v>
      </c>
      <c r="B4922" t="s">
        <v>3434</v>
      </c>
      <c r="C4922" t="s">
        <v>80</v>
      </c>
      <c r="D4922" t="s">
        <v>26</v>
      </c>
      <c r="E4922" t="s">
        <v>11</v>
      </c>
      <c r="F4922" s="2">
        <v>1</v>
      </c>
      <c r="G4922" t="s">
        <v>353</v>
      </c>
      <c r="H4922" t="s">
        <v>13</v>
      </c>
    </row>
    <row r="4923" spans="1:8" x14ac:dyDescent="0.25">
      <c r="A4923" s="1">
        <v>43818</v>
      </c>
      <c r="B4923" t="s">
        <v>3435</v>
      </c>
      <c r="C4923" t="s">
        <v>174</v>
      </c>
      <c r="D4923" t="s">
        <v>10</v>
      </c>
      <c r="E4923" t="s">
        <v>11</v>
      </c>
      <c r="F4923" s="2">
        <v>1</v>
      </c>
      <c r="G4923" t="s">
        <v>701</v>
      </c>
      <c r="H4923" t="s">
        <v>13</v>
      </c>
    </row>
    <row r="4924" spans="1:8" x14ac:dyDescent="0.25">
      <c r="A4924" s="1">
        <v>43818</v>
      </c>
      <c r="B4924" t="s">
        <v>3436</v>
      </c>
      <c r="C4924" t="s">
        <v>2001</v>
      </c>
      <c r="D4924" t="s">
        <v>10</v>
      </c>
      <c r="E4924" t="s">
        <v>11</v>
      </c>
      <c r="F4924" s="2">
        <v>1</v>
      </c>
      <c r="G4924" t="s">
        <v>225</v>
      </c>
      <c r="H4924" t="s">
        <v>13</v>
      </c>
    </row>
    <row r="4925" spans="1:8" x14ac:dyDescent="0.25">
      <c r="A4925" s="1">
        <v>43816</v>
      </c>
      <c r="B4925" t="s">
        <v>3437</v>
      </c>
      <c r="C4925" t="s">
        <v>762</v>
      </c>
      <c r="D4925" t="s">
        <v>10</v>
      </c>
      <c r="E4925" t="s">
        <v>11</v>
      </c>
      <c r="F4925" s="2">
        <v>1</v>
      </c>
      <c r="G4925" t="s">
        <v>603</v>
      </c>
      <c r="H4925" t="s">
        <v>13</v>
      </c>
    </row>
    <row r="4926" spans="1:8" x14ac:dyDescent="0.25">
      <c r="A4926" s="1">
        <v>43816</v>
      </c>
      <c r="B4926" t="s">
        <v>3437</v>
      </c>
      <c r="C4926" t="s">
        <v>47</v>
      </c>
      <c r="D4926" t="s">
        <v>10</v>
      </c>
      <c r="E4926" t="s">
        <v>11</v>
      </c>
      <c r="F4926" s="2">
        <v>1</v>
      </c>
      <c r="G4926" t="s">
        <v>603</v>
      </c>
      <c r="H4926" t="s">
        <v>13</v>
      </c>
    </row>
    <row r="4927" spans="1:8" x14ac:dyDescent="0.25">
      <c r="A4927" s="1">
        <v>43816</v>
      </c>
      <c r="B4927" t="s">
        <v>3438</v>
      </c>
      <c r="C4927" t="s">
        <v>9</v>
      </c>
      <c r="D4927" t="s">
        <v>10</v>
      </c>
      <c r="E4927" t="s">
        <v>11</v>
      </c>
      <c r="F4927" s="2">
        <v>1</v>
      </c>
      <c r="G4927" t="s">
        <v>77</v>
      </c>
      <c r="H4927" t="s">
        <v>13</v>
      </c>
    </row>
    <row r="4928" spans="1:8" x14ac:dyDescent="0.25">
      <c r="A4928" s="1">
        <v>43816</v>
      </c>
      <c r="B4928" t="s">
        <v>3438</v>
      </c>
      <c r="C4928" t="s">
        <v>64</v>
      </c>
      <c r="D4928" t="s">
        <v>10</v>
      </c>
      <c r="E4928" t="s">
        <v>11</v>
      </c>
      <c r="F4928" s="2">
        <v>1</v>
      </c>
      <c r="G4928" t="s">
        <v>77</v>
      </c>
      <c r="H4928" t="s">
        <v>13</v>
      </c>
    </row>
    <row r="4929" spans="1:8" x14ac:dyDescent="0.25">
      <c r="A4929" s="1">
        <v>43816</v>
      </c>
      <c r="B4929" t="s">
        <v>3439</v>
      </c>
      <c r="C4929" t="s">
        <v>9</v>
      </c>
      <c r="D4929" t="s">
        <v>10</v>
      </c>
      <c r="E4929" t="s">
        <v>11</v>
      </c>
      <c r="F4929" s="2">
        <v>1</v>
      </c>
      <c r="G4929" t="s">
        <v>93</v>
      </c>
      <c r="H4929" t="s">
        <v>13</v>
      </c>
    </row>
    <row r="4930" spans="1:8" x14ac:dyDescent="0.25">
      <c r="A4930" s="1">
        <v>43816</v>
      </c>
      <c r="B4930" t="s">
        <v>3439</v>
      </c>
      <c r="C4930" t="s">
        <v>28</v>
      </c>
      <c r="D4930" t="s">
        <v>10</v>
      </c>
      <c r="E4930" t="s">
        <v>11</v>
      </c>
      <c r="F4930" s="2">
        <v>1</v>
      </c>
      <c r="G4930" t="s">
        <v>93</v>
      </c>
      <c r="H4930" t="s">
        <v>13</v>
      </c>
    </row>
    <row r="4931" spans="1:8" x14ac:dyDescent="0.25">
      <c r="A4931" s="1">
        <v>43816</v>
      </c>
      <c r="B4931" t="s">
        <v>3440</v>
      </c>
      <c r="C4931" t="s">
        <v>379</v>
      </c>
      <c r="D4931" t="s">
        <v>10</v>
      </c>
      <c r="E4931" t="s">
        <v>11</v>
      </c>
      <c r="F4931" s="2">
        <v>1</v>
      </c>
      <c r="G4931" t="s">
        <v>181</v>
      </c>
      <c r="H4931" t="s">
        <v>13</v>
      </c>
    </row>
    <row r="4932" spans="1:8" x14ac:dyDescent="0.25">
      <c r="A4932" s="1">
        <v>43816</v>
      </c>
      <c r="B4932" t="s">
        <v>3440</v>
      </c>
      <c r="C4932" t="s">
        <v>282</v>
      </c>
      <c r="D4932" t="s">
        <v>10</v>
      </c>
      <c r="E4932" t="s">
        <v>11</v>
      </c>
      <c r="F4932" s="2">
        <v>1</v>
      </c>
      <c r="G4932" t="s">
        <v>181</v>
      </c>
      <c r="H4932" t="s">
        <v>13</v>
      </c>
    </row>
    <row r="4933" spans="1:8" x14ac:dyDescent="0.25">
      <c r="A4933" s="1">
        <v>43815</v>
      </c>
      <c r="B4933" t="s">
        <v>3441</v>
      </c>
      <c r="C4933" t="s">
        <v>35</v>
      </c>
      <c r="D4933" t="s">
        <v>10</v>
      </c>
      <c r="E4933" t="s">
        <v>11</v>
      </c>
      <c r="F4933" s="2">
        <v>1</v>
      </c>
      <c r="G4933" t="s">
        <v>100</v>
      </c>
      <c r="H4933" t="s">
        <v>13</v>
      </c>
    </row>
    <row r="4934" spans="1:8" x14ac:dyDescent="0.25">
      <c r="A4934" s="1">
        <v>43815</v>
      </c>
      <c r="B4934" t="s">
        <v>3441</v>
      </c>
      <c r="C4934" t="s">
        <v>1883</v>
      </c>
      <c r="D4934" t="s">
        <v>10</v>
      </c>
      <c r="E4934" t="s">
        <v>11</v>
      </c>
      <c r="F4934" s="2">
        <v>1</v>
      </c>
      <c r="G4934" t="s">
        <v>100</v>
      </c>
      <c r="H4934" t="s">
        <v>13</v>
      </c>
    </row>
    <row r="4935" spans="1:8" x14ac:dyDescent="0.25">
      <c r="A4935" s="1">
        <v>43815</v>
      </c>
      <c r="B4935" t="s">
        <v>3442</v>
      </c>
      <c r="C4935" t="s">
        <v>35</v>
      </c>
      <c r="D4935" t="s">
        <v>10</v>
      </c>
      <c r="E4935" t="s">
        <v>11</v>
      </c>
      <c r="F4935" s="2">
        <v>1</v>
      </c>
      <c r="G4935" t="s">
        <v>244</v>
      </c>
      <c r="H4935" t="s">
        <v>13</v>
      </c>
    </row>
    <row r="4936" spans="1:8" x14ac:dyDescent="0.25">
      <c r="A4936" s="1">
        <v>43815</v>
      </c>
      <c r="B4936" t="s">
        <v>3443</v>
      </c>
      <c r="C4936" t="s">
        <v>14</v>
      </c>
      <c r="D4936" t="s">
        <v>10</v>
      </c>
      <c r="E4936" t="s">
        <v>11</v>
      </c>
      <c r="F4936" s="2">
        <v>1</v>
      </c>
      <c r="G4936" t="s">
        <v>72</v>
      </c>
      <c r="H4936" t="s">
        <v>13</v>
      </c>
    </row>
    <row r="4937" spans="1:8" x14ac:dyDescent="0.25">
      <c r="A4937" s="1">
        <v>43815</v>
      </c>
      <c r="B4937" t="s">
        <v>3444</v>
      </c>
      <c r="C4937" t="s">
        <v>9</v>
      </c>
      <c r="D4937" t="s">
        <v>10</v>
      </c>
      <c r="E4937" t="s">
        <v>11</v>
      </c>
      <c r="F4937" s="2">
        <v>1</v>
      </c>
      <c r="G4937" t="s">
        <v>131</v>
      </c>
      <c r="H4937" t="s">
        <v>13</v>
      </c>
    </row>
    <row r="4938" spans="1:8" x14ac:dyDescent="0.25">
      <c r="A4938" s="1">
        <v>43815</v>
      </c>
      <c r="B4938" t="s">
        <v>3445</v>
      </c>
      <c r="C4938" t="s">
        <v>439</v>
      </c>
      <c r="D4938" t="s">
        <v>10</v>
      </c>
      <c r="E4938" t="s">
        <v>11</v>
      </c>
      <c r="F4938" s="2">
        <v>1</v>
      </c>
      <c r="G4938" t="s">
        <v>145</v>
      </c>
      <c r="H4938" t="s">
        <v>13</v>
      </c>
    </row>
    <row r="4939" spans="1:8" x14ac:dyDescent="0.25">
      <c r="A4939" s="1">
        <v>43815</v>
      </c>
      <c r="B4939" t="s">
        <v>3446</v>
      </c>
      <c r="C4939" t="s">
        <v>9</v>
      </c>
      <c r="D4939" t="s">
        <v>10</v>
      </c>
      <c r="E4939" t="s">
        <v>11</v>
      </c>
      <c r="F4939" s="2">
        <v>1</v>
      </c>
      <c r="G4939" t="s">
        <v>20</v>
      </c>
      <c r="H4939" t="s">
        <v>13</v>
      </c>
    </row>
    <row r="4940" spans="1:8" x14ac:dyDescent="0.25">
      <c r="A4940" s="1">
        <v>43814</v>
      </c>
      <c r="B4940" t="s">
        <v>3447</v>
      </c>
      <c r="C4940" t="s">
        <v>79</v>
      </c>
      <c r="D4940" t="s">
        <v>10</v>
      </c>
      <c r="E4940" t="s">
        <v>11</v>
      </c>
      <c r="F4940" s="2">
        <v>1</v>
      </c>
      <c r="G4940" t="s">
        <v>353</v>
      </c>
      <c r="H4940" t="s">
        <v>13</v>
      </c>
    </row>
    <row r="4941" spans="1:8" x14ac:dyDescent="0.25">
      <c r="A4941" s="1">
        <v>43814</v>
      </c>
      <c r="B4941" t="s">
        <v>3447</v>
      </c>
      <c r="C4941" t="s">
        <v>80</v>
      </c>
      <c r="D4941" t="s">
        <v>10</v>
      </c>
      <c r="E4941" t="s">
        <v>11</v>
      </c>
      <c r="F4941" s="2">
        <v>1</v>
      </c>
      <c r="G4941" t="s">
        <v>353</v>
      </c>
      <c r="H4941" t="s">
        <v>13</v>
      </c>
    </row>
    <row r="4942" spans="1:8" x14ac:dyDescent="0.25">
      <c r="A4942" s="1">
        <v>43812</v>
      </c>
      <c r="B4942" t="s">
        <v>3448</v>
      </c>
      <c r="C4942" t="s">
        <v>149</v>
      </c>
      <c r="D4942" t="s">
        <v>10</v>
      </c>
      <c r="E4942" t="s">
        <v>11</v>
      </c>
      <c r="F4942" s="2">
        <v>1</v>
      </c>
      <c r="G4942" t="s">
        <v>53</v>
      </c>
      <c r="H4942" t="s">
        <v>13</v>
      </c>
    </row>
    <row r="4943" spans="1:8" x14ac:dyDescent="0.25">
      <c r="A4943" s="1">
        <v>43812</v>
      </c>
      <c r="B4943" t="s">
        <v>3448</v>
      </c>
      <c r="C4943" t="s">
        <v>149</v>
      </c>
      <c r="D4943" t="s">
        <v>10</v>
      </c>
      <c r="E4943" t="s">
        <v>11</v>
      </c>
      <c r="F4943" s="2">
        <v>1</v>
      </c>
      <c r="G4943" t="s">
        <v>53</v>
      </c>
      <c r="H4943" t="s">
        <v>13</v>
      </c>
    </row>
    <row r="4944" spans="1:8" x14ac:dyDescent="0.25">
      <c r="A4944" s="1">
        <v>43812</v>
      </c>
      <c r="B4944" t="s">
        <v>3448</v>
      </c>
      <c r="C4944" t="s">
        <v>379</v>
      </c>
      <c r="D4944" t="s">
        <v>10</v>
      </c>
      <c r="E4944" t="s">
        <v>11</v>
      </c>
      <c r="F4944" s="2">
        <v>1</v>
      </c>
      <c r="G4944" t="s">
        <v>53</v>
      </c>
      <c r="H4944" t="s">
        <v>13</v>
      </c>
    </row>
    <row r="4945" spans="1:8" x14ac:dyDescent="0.25">
      <c r="A4945" s="1">
        <v>43812</v>
      </c>
      <c r="B4945" t="s">
        <v>3448</v>
      </c>
      <c r="C4945" t="s">
        <v>379</v>
      </c>
      <c r="D4945" t="s">
        <v>10</v>
      </c>
      <c r="E4945" t="s">
        <v>11</v>
      </c>
      <c r="F4945" s="2">
        <v>1</v>
      </c>
      <c r="G4945" t="s">
        <v>53</v>
      </c>
      <c r="H4945" t="s">
        <v>13</v>
      </c>
    </row>
    <row r="4946" spans="1:8" x14ac:dyDescent="0.25">
      <c r="A4946" s="1">
        <v>43811</v>
      </c>
      <c r="B4946" t="s">
        <v>3449</v>
      </c>
      <c r="C4946" t="s">
        <v>47</v>
      </c>
      <c r="D4946" t="s">
        <v>10</v>
      </c>
      <c r="E4946" t="s">
        <v>11</v>
      </c>
      <c r="F4946" s="2">
        <v>1</v>
      </c>
      <c r="G4946" t="s">
        <v>20</v>
      </c>
      <c r="H4946" t="s">
        <v>13</v>
      </c>
    </row>
    <row r="4947" spans="1:8" x14ac:dyDescent="0.25">
      <c r="A4947" s="1">
        <v>43811</v>
      </c>
      <c r="B4947" t="s">
        <v>3450</v>
      </c>
      <c r="C4947" t="s">
        <v>16</v>
      </c>
      <c r="D4947" t="s">
        <v>10</v>
      </c>
      <c r="E4947" t="s">
        <v>11</v>
      </c>
      <c r="F4947" s="2">
        <v>1</v>
      </c>
      <c r="G4947" t="s">
        <v>374</v>
      </c>
      <c r="H4947" t="s">
        <v>13</v>
      </c>
    </row>
    <row r="4948" spans="1:8" x14ac:dyDescent="0.25">
      <c r="A4948" s="1">
        <v>43811</v>
      </c>
      <c r="B4948" t="s">
        <v>3450</v>
      </c>
      <c r="C4948" t="s">
        <v>47</v>
      </c>
      <c r="D4948" t="s">
        <v>10</v>
      </c>
      <c r="E4948" t="s">
        <v>11</v>
      </c>
      <c r="F4948" s="2">
        <v>1</v>
      </c>
      <c r="G4948" t="s">
        <v>374</v>
      </c>
      <c r="H4948" t="s">
        <v>13</v>
      </c>
    </row>
    <row r="4949" spans="1:8" x14ac:dyDescent="0.25">
      <c r="A4949" s="1">
        <v>43809</v>
      </c>
      <c r="B4949" t="s">
        <v>3451</v>
      </c>
      <c r="C4949" t="s">
        <v>79</v>
      </c>
      <c r="D4949" t="s">
        <v>10</v>
      </c>
      <c r="E4949" t="s">
        <v>11</v>
      </c>
      <c r="F4949" s="2">
        <v>1</v>
      </c>
      <c r="G4949" t="s">
        <v>24</v>
      </c>
      <c r="H4949" t="s">
        <v>13</v>
      </c>
    </row>
    <row r="4950" spans="1:8" x14ac:dyDescent="0.25">
      <c r="A4950" s="1">
        <v>43809</v>
      </c>
      <c r="B4950" t="s">
        <v>3452</v>
      </c>
      <c r="C4950" t="s">
        <v>762</v>
      </c>
      <c r="D4950" t="s">
        <v>10</v>
      </c>
      <c r="E4950" t="s">
        <v>11</v>
      </c>
      <c r="F4950" s="2">
        <v>1</v>
      </c>
      <c r="G4950" t="s">
        <v>20</v>
      </c>
      <c r="H4950" t="s">
        <v>13</v>
      </c>
    </row>
    <row r="4951" spans="1:8" x14ac:dyDescent="0.25">
      <c r="A4951" s="1">
        <v>43809</v>
      </c>
      <c r="B4951" t="s">
        <v>3452</v>
      </c>
      <c r="C4951" t="s">
        <v>14</v>
      </c>
      <c r="D4951" t="s">
        <v>10</v>
      </c>
      <c r="E4951" t="s">
        <v>11</v>
      </c>
      <c r="F4951" s="2">
        <v>1</v>
      </c>
      <c r="G4951" t="s">
        <v>20</v>
      </c>
      <c r="H4951" t="s">
        <v>13</v>
      </c>
    </row>
    <row r="4952" spans="1:8" x14ac:dyDescent="0.25">
      <c r="A4952" s="1">
        <v>43808</v>
      </c>
      <c r="B4952" t="s">
        <v>3453</v>
      </c>
      <c r="C4952" t="s">
        <v>379</v>
      </c>
      <c r="D4952" t="s">
        <v>10</v>
      </c>
      <c r="E4952" t="s">
        <v>11</v>
      </c>
      <c r="F4952" s="2">
        <v>1</v>
      </c>
      <c r="G4952" t="s">
        <v>353</v>
      </c>
      <c r="H4952" t="s">
        <v>13</v>
      </c>
    </row>
    <row r="4953" spans="1:8" x14ac:dyDescent="0.25">
      <c r="A4953" s="1">
        <v>43808</v>
      </c>
      <c r="B4953" t="s">
        <v>3454</v>
      </c>
      <c r="C4953" t="s">
        <v>9</v>
      </c>
      <c r="D4953" t="s">
        <v>10</v>
      </c>
      <c r="E4953" t="s">
        <v>11</v>
      </c>
      <c r="F4953" s="2">
        <v>1</v>
      </c>
      <c r="G4953" t="s">
        <v>20</v>
      </c>
      <c r="H4953" t="s">
        <v>13</v>
      </c>
    </row>
    <row r="4954" spans="1:8" x14ac:dyDescent="0.25">
      <c r="A4954" s="1">
        <v>43808</v>
      </c>
      <c r="B4954" t="s">
        <v>3455</v>
      </c>
      <c r="C4954" t="s">
        <v>174</v>
      </c>
      <c r="D4954" t="s">
        <v>10</v>
      </c>
      <c r="E4954" t="s">
        <v>11</v>
      </c>
      <c r="F4954" s="2">
        <v>1</v>
      </c>
      <c r="G4954" t="s">
        <v>37</v>
      </c>
      <c r="H4954" t="s">
        <v>13</v>
      </c>
    </row>
    <row r="4955" spans="1:8" x14ac:dyDescent="0.25">
      <c r="A4955" s="1">
        <v>43808</v>
      </c>
      <c r="B4955" t="s">
        <v>3456</v>
      </c>
      <c r="C4955" t="s">
        <v>9</v>
      </c>
      <c r="D4955" t="s">
        <v>10</v>
      </c>
      <c r="E4955" t="s">
        <v>11</v>
      </c>
      <c r="F4955" s="2">
        <v>1</v>
      </c>
      <c r="G4955" t="s">
        <v>181</v>
      </c>
      <c r="H4955" t="s">
        <v>13</v>
      </c>
    </row>
    <row r="4956" spans="1:8" x14ac:dyDescent="0.25">
      <c r="A4956" s="1">
        <v>43808</v>
      </c>
      <c r="B4956" t="s">
        <v>3456</v>
      </c>
      <c r="C4956" t="s">
        <v>35</v>
      </c>
      <c r="D4956" t="s">
        <v>10</v>
      </c>
      <c r="E4956" t="s">
        <v>11</v>
      </c>
      <c r="F4956" s="2">
        <v>1</v>
      </c>
      <c r="G4956" t="s">
        <v>181</v>
      </c>
      <c r="H4956" t="s">
        <v>13</v>
      </c>
    </row>
    <row r="4957" spans="1:8" x14ac:dyDescent="0.25">
      <c r="A4957" s="1">
        <v>43807</v>
      </c>
      <c r="B4957" t="s">
        <v>3457</v>
      </c>
      <c r="C4957" t="s">
        <v>60</v>
      </c>
      <c r="D4957" t="s">
        <v>10</v>
      </c>
      <c r="E4957" t="s">
        <v>11</v>
      </c>
      <c r="F4957" s="2">
        <v>1</v>
      </c>
      <c r="G4957" t="s">
        <v>197</v>
      </c>
      <c r="H4957" t="s">
        <v>13</v>
      </c>
    </row>
    <row r="4958" spans="1:8" x14ac:dyDescent="0.25">
      <c r="A4958" s="1">
        <v>43807</v>
      </c>
      <c r="B4958" t="s">
        <v>3458</v>
      </c>
      <c r="C4958" t="s">
        <v>9</v>
      </c>
      <c r="D4958" t="s">
        <v>10</v>
      </c>
      <c r="E4958" t="s">
        <v>11</v>
      </c>
      <c r="F4958" s="2">
        <v>1</v>
      </c>
      <c r="G4958" t="s">
        <v>24</v>
      </c>
      <c r="H4958" t="s">
        <v>13</v>
      </c>
    </row>
    <row r="4959" spans="1:8" x14ac:dyDescent="0.25">
      <c r="A4959" s="1">
        <v>43807</v>
      </c>
      <c r="B4959" t="s">
        <v>3458</v>
      </c>
      <c r="C4959" t="s">
        <v>52</v>
      </c>
      <c r="D4959" t="s">
        <v>10</v>
      </c>
      <c r="E4959" t="s">
        <v>11</v>
      </c>
      <c r="F4959" s="2">
        <v>1</v>
      </c>
      <c r="G4959" t="s">
        <v>24</v>
      </c>
      <c r="H4959" t="s">
        <v>13</v>
      </c>
    </row>
    <row r="4960" spans="1:8" x14ac:dyDescent="0.25">
      <c r="A4960" s="1">
        <v>43807</v>
      </c>
      <c r="B4960" t="s">
        <v>3458</v>
      </c>
      <c r="C4960" t="s">
        <v>689</v>
      </c>
      <c r="D4960" t="s">
        <v>10</v>
      </c>
      <c r="E4960" t="s">
        <v>11</v>
      </c>
      <c r="F4960" s="2">
        <v>1</v>
      </c>
      <c r="G4960" t="s">
        <v>24</v>
      </c>
      <c r="H4960" t="s">
        <v>13</v>
      </c>
    </row>
    <row r="4961" spans="1:8" x14ac:dyDescent="0.25">
      <c r="A4961" s="1">
        <v>43807</v>
      </c>
      <c r="B4961" t="s">
        <v>3459</v>
      </c>
      <c r="C4961" t="s">
        <v>9</v>
      </c>
      <c r="D4961" t="s">
        <v>10</v>
      </c>
      <c r="E4961" t="s">
        <v>11</v>
      </c>
      <c r="F4961" s="2">
        <v>1</v>
      </c>
      <c r="G4961" t="s">
        <v>181</v>
      </c>
      <c r="H4961" t="s">
        <v>13</v>
      </c>
    </row>
    <row r="4962" spans="1:8" x14ac:dyDescent="0.25">
      <c r="A4962" s="1">
        <v>43807</v>
      </c>
      <c r="B4962" t="s">
        <v>3459</v>
      </c>
      <c r="C4962" t="s">
        <v>35</v>
      </c>
      <c r="D4962" t="s">
        <v>10</v>
      </c>
      <c r="E4962" t="s">
        <v>11</v>
      </c>
      <c r="F4962" s="2">
        <v>1</v>
      </c>
      <c r="G4962" t="s">
        <v>181</v>
      </c>
      <c r="H4962" t="s">
        <v>13</v>
      </c>
    </row>
    <row r="4963" spans="1:8" x14ac:dyDescent="0.25">
      <c r="A4963" s="1">
        <v>43806</v>
      </c>
      <c r="B4963" t="s">
        <v>3460</v>
      </c>
      <c r="C4963" t="s">
        <v>9</v>
      </c>
      <c r="D4963" t="s">
        <v>10</v>
      </c>
      <c r="E4963" t="s">
        <v>11</v>
      </c>
      <c r="F4963" s="2">
        <v>1</v>
      </c>
      <c r="G4963" t="s">
        <v>111</v>
      </c>
      <c r="H4963" t="s">
        <v>13</v>
      </c>
    </row>
    <row r="4964" spans="1:8" x14ac:dyDescent="0.25">
      <c r="A4964" s="1">
        <v>43806</v>
      </c>
      <c r="B4964" t="s">
        <v>3461</v>
      </c>
      <c r="C4964" t="s">
        <v>510</v>
      </c>
      <c r="D4964" t="s">
        <v>10</v>
      </c>
      <c r="E4964" t="s">
        <v>11</v>
      </c>
      <c r="F4964" s="2">
        <v>1</v>
      </c>
      <c r="G4964" t="s">
        <v>63</v>
      </c>
      <c r="H4964" t="s">
        <v>13</v>
      </c>
    </row>
    <row r="4965" spans="1:8" x14ac:dyDescent="0.25">
      <c r="A4965" s="1">
        <v>43806</v>
      </c>
      <c r="B4965" t="s">
        <v>3462</v>
      </c>
      <c r="C4965" t="s">
        <v>47</v>
      </c>
      <c r="D4965" t="s">
        <v>10</v>
      </c>
      <c r="E4965" t="s">
        <v>11</v>
      </c>
      <c r="F4965" s="2">
        <v>1</v>
      </c>
      <c r="G4965" t="s">
        <v>197</v>
      </c>
      <c r="H4965" t="s">
        <v>13</v>
      </c>
    </row>
    <row r="4966" spans="1:8" x14ac:dyDescent="0.25">
      <c r="A4966" s="1">
        <v>43805</v>
      </c>
      <c r="B4966" t="s">
        <v>3463</v>
      </c>
      <c r="C4966" t="s">
        <v>34</v>
      </c>
      <c r="D4966" t="s">
        <v>10</v>
      </c>
      <c r="E4966" t="s">
        <v>11</v>
      </c>
      <c r="F4966" s="2">
        <v>1</v>
      </c>
      <c r="G4966" t="s">
        <v>277</v>
      </c>
      <c r="H4966" t="s">
        <v>13</v>
      </c>
    </row>
    <row r="4967" spans="1:8" x14ac:dyDescent="0.25">
      <c r="A4967" s="1">
        <v>43805</v>
      </c>
      <c r="B4967" t="s">
        <v>3464</v>
      </c>
      <c r="C4967" t="s">
        <v>410</v>
      </c>
      <c r="D4967" t="s">
        <v>10</v>
      </c>
      <c r="E4967" t="s">
        <v>11</v>
      </c>
      <c r="F4967" s="2">
        <v>1</v>
      </c>
      <c r="G4967" t="s">
        <v>596</v>
      </c>
      <c r="H4967" t="s">
        <v>13</v>
      </c>
    </row>
    <row r="4968" spans="1:8" x14ac:dyDescent="0.25">
      <c r="A4968" s="1">
        <v>43805</v>
      </c>
      <c r="B4968" t="s">
        <v>3465</v>
      </c>
      <c r="C4968" t="s">
        <v>9</v>
      </c>
      <c r="D4968" t="s">
        <v>10</v>
      </c>
      <c r="E4968" t="s">
        <v>11</v>
      </c>
      <c r="F4968" s="2">
        <v>1</v>
      </c>
      <c r="G4968" t="s">
        <v>61</v>
      </c>
      <c r="H4968" t="s">
        <v>13</v>
      </c>
    </row>
    <row r="4969" spans="1:8" x14ac:dyDescent="0.25">
      <c r="A4969" s="1">
        <v>43805</v>
      </c>
      <c r="B4969" t="s">
        <v>3466</v>
      </c>
      <c r="C4969" t="s">
        <v>9</v>
      </c>
      <c r="D4969" t="s">
        <v>10</v>
      </c>
      <c r="E4969" t="s">
        <v>11</v>
      </c>
      <c r="F4969" s="2">
        <v>1</v>
      </c>
      <c r="G4969" t="s">
        <v>232</v>
      </c>
      <c r="H4969" t="s">
        <v>13</v>
      </c>
    </row>
    <row r="4970" spans="1:8" x14ac:dyDescent="0.25">
      <c r="A4970" s="1">
        <v>43805</v>
      </c>
      <c r="B4970" t="s">
        <v>3466</v>
      </c>
      <c r="C4970" t="s">
        <v>35</v>
      </c>
      <c r="D4970" t="s">
        <v>10</v>
      </c>
      <c r="E4970" t="s">
        <v>11</v>
      </c>
      <c r="F4970" s="2">
        <v>1</v>
      </c>
      <c r="G4970" t="s">
        <v>232</v>
      </c>
      <c r="H4970" t="s">
        <v>13</v>
      </c>
    </row>
    <row r="4971" spans="1:8" x14ac:dyDescent="0.25">
      <c r="A4971" s="1">
        <v>43805</v>
      </c>
      <c r="B4971" t="s">
        <v>3466</v>
      </c>
      <c r="C4971" t="s">
        <v>47</v>
      </c>
      <c r="D4971" t="s">
        <v>10</v>
      </c>
      <c r="E4971" t="s">
        <v>11</v>
      </c>
      <c r="F4971" s="2">
        <v>1</v>
      </c>
      <c r="G4971" t="s">
        <v>232</v>
      </c>
      <c r="H4971" t="s">
        <v>13</v>
      </c>
    </row>
    <row r="4972" spans="1:8" x14ac:dyDescent="0.25">
      <c r="A4972" s="1">
        <v>43804</v>
      </c>
      <c r="B4972" t="s">
        <v>3467</v>
      </c>
      <c r="C4972" t="s">
        <v>9</v>
      </c>
      <c r="D4972" t="s">
        <v>10</v>
      </c>
      <c r="E4972" t="s">
        <v>11</v>
      </c>
      <c r="F4972" s="2">
        <v>1</v>
      </c>
      <c r="G4972" t="s">
        <v>135</v>
      </c>
      <c r="H4972" t="s">
        <v>13</v>
      </c>
    </row>
    <row r="4973" spans="1:8" x14ac:dyDescent="0.25">
      <c r="A4973" s="1">
        <v>43804</v>
      </c>
      <c r="B4973" t="s">
        <v>3467</v>
      </c>
      <c r="C4973" t="s">
        <v>518</v>
      </c>
      <c r="D4973" t="s">
        <v>10</v>
      </c>
      <c r="E4973" t="s">
        <v>11</v>
      </c>
      <c r="F4973" s="2">
        <v>1</v>
      </c>
      <c r="G4973" t="s">
        <v>135</v>
      </c>
      <c r="H4973" t="s">
        <v>13</v>
      </c>
    </row>
    <row r="4974" spans="1:8" x14ac:dyDescent="0.25">
      <c r="A4974" s="1">
        <v>43804</v>
      </c>
      <c r="B4974" t="s">
        <v>3468</v>
      </c>
      <c r="C4974" t="s">
        <v>16</v>
      </c>
      <c r="D4974" t="s">
        <v>10</v>
      </c>
      <c r="E4974" t="s">
        <v>11</v>
      </c>
      <c r="F4974" s="2">
        <v>1</v>
      </c>
      <c r="G4974" t="s">
        <v>72</v>
      </c>
      <c r="H4974" t="s">
        <v>13</v>
      </c>
    </row>
    <row r="4975" spans="1:8" x14ac:dyDescent="0.25">
      <c r="A4975" s="1">
        <v>43802</v>
      </c>
      <c r="B4975" t="s">
        <v>3469</v>
      </c>
      <c r="C4975" t="s">
        <v>76</v>
      </c>
      <c r="D4975" t="s">
        <v>10</v>
      </c>
      <c r="E4975" t="s">
        <v>11</v>
      </c>
      <c r="F4975" s="2">
        <v>1</v>
      </c>
      <c r="G4975" t="s">
        <v>72</v>
      </c>
      <c r="H4975" t="s">
        <v>13</v>
      </c>
    </row>
    <row r="4976" spans="1:8" x14ac:dyDescent="0.25">
      <c r="A4976" s="1">
        <v>43801</v>
      </c>
      <c r="B4976" t="s">
        <v>3470</v>
      </c>
      <c r="C4976" t="s">
        <v>9</v>
      </c>
      <c r="D4976" t="s">
        <v>10</v>
      </c>
      <c r="E4976" t="s">
        <v>11</v>
      </c>
      <c r="F4976" s="2">
        <v>1</v>
      </c>
      <c r="G4976" t="s">
        <v>374</v>
      </c>
      <c r="H4976" t="s">
        <v>13</v>
      </c>
    </row>
    <row r="4977" spans="1:8" x14ac:dyDescent="0.25">
      <c r="A4977" s="1">
        <v>43801</v>
      </c>
      <c r="B4977" t="s">
        <v>3471</v>
      </c>
      <c r="C4977" t="s">
        <v>410</v>
      </c>
      <c r="D4977" t="s">
        <v>10</v>
      </c>
      <c r="E4977" t="s">
        <v>11</v>
      </c>
      <c r="F4977" s="2">
        <v>1</v>
      </c>
      <c r="G4977" t="s">
        <v>318</v>
      </c>
      <c r="H4977" t="s">
        <v>13</v>
      </c>
    </row>
    <row r="4978" spans="1:8" x14ac:dyDescent="0.25">
      <c r="A4978" s="1">
        <v>43801</v>
      </c>
      <c r="B4978" t="s">
        <v>3472</v>
      </c>
      <c r="C4978" t="s">
        <v>60</v>
      </c>
      <c r="D4978" t="s">
        <v>10</v>
      </c>
      <c r="E4978" t="s">
        <v>11</v>
      </c>
      <c r="F4978" s="2">
        <v>1</v>
      </c>
      <c r="G4978" t="s">
        <v>353</v>
      </c>
      <c r="H4978" t="s">
        <v>13</v>
      </c>
    </row>
    <row r="4979" spans="1:8" x14ac:dyDescent="0.25">
      <c r="A4979" s="1">
        <v>43801</v>
      </c>
      <c r="B4979" t="s">
        <v>3473</v>
      </c>
      <c r="C4979" t="s">
        <v>9</v>
      </c>
      <c r="D4979" t="s">
        <v>10</v>
      </c>
      <c r="E4979" t="s">
        <v>11</v>
      </c>
      <c r="F4979" s="2">
        <v>1</v>
      </c>
      <c r="G4979" t="s">
        <v>327</v>
      </c>
      <c r="H4979" t="s">
        <v>13</v>
      </c>
    </row>
    <row r="4980" spans="1:8" x14ac:dyDescent="0.25">
      <c r="A4980" s="1">
        <v>43799</v>
      </c>
      <c r="B4980" t="s">
        <v>3474</v>
      </c>
      <c r="C4980" t="s">
        <v>439</v>
      </c>
      <c r="D4980" t="s">
        <v>10</v>
      </c>
      <c r="E4980" t="s">
        <v>11</v>
      </c>
      <c r="F4980" s="2">
        <v>1</v>
      </c>
      <c r="G4980" t="s">
        <v>181</v>
      </c>
      <c r="H4980" t="s">
        <v>13</v>
      </c>
    </row>
    <row r="4981" spans="1:8" x14ac:dyDescent="0.25">
      <c r="A4981" s="1">
        <v>43799</v>
      </c>
      <c r="B4981" t="s">
        <v>3475</v>
      </c>
      <c r="C4981" t="s">
        <v>79</v>
      </c>
      <c r="D4981" t="s">
        <v>10</v>
      </c>
      <c r="E4981" t="s">
        <v>11</v>
      </c>
      <c r="F4981" s="2">
        <v>1</v>
      </c>
      <c r="G4981" t="s">
        <v>3476</v>
      </c>
      <c r="H4981" t="s">
        <v>13</v>
      </c>
    </row>
    <row r="4982" spans="1:8" x14ac:dyDescent="0.25">
      <c r="A4982" s="1">
        <v>43799</v>
      </c>
      <c r="B4982" t="s">
        <v>3475</v>
      </c>
      <c r="C4982" t="s">
        <v>80</v>
      </c>
      <c r="D4982" t="s">
        <v>10</v>
      </c>
      <c r="E4982" t="s">
        <v>11</v>
      </c>
      <c r="F4982" s="2">
        <v>1</v>
      </c>
      <c r="G4982" t="s">
        <v>3476</v>
      </c>
      <c r="H4982" t="s">
        <v>13</v>
      </c>
    </row>
    <row r="4983" spans="1:8" x14ac:dyDescent="0.25">
      <c r="A4983" s="1">
        <v>43798</v>
      </c>
      <c r="B4983" t="s">
        <v>3477</v>
      </c>
      <c r="C4983" t="s">
        <v>149</v>
      </c>
      <c r="D4983" t="s">
        <v>10</v>
      </c>
      <c r="E4983" t="s">
        <v>11</v>
      </c>
      <c r="F4983" s="2">
        <v>1</v>
      </c>
      <c r="G4983" t="s">
        <v>197</v>
      </c>
      <c r="H4983" t="s">
        <v>13</v>
      </c>
    </row>
    <row r="4984" spans="1:8" x14ac:dyDescent="0.25">
      <c r="A4984" s="1">
        <v>43798</v>
      </c>
      <c r="B4984" t="s">
        <v>3477</v>
      </c>
      <c r="C4984" t="s">
        <v>322</v>
      </c>
      <c r="D4984" t="s">
        <v>10</v>
      </c>
      <c r="E4984" t="s">
        <v>11</v>
      </c>
      <c r="F4984" s="2">
        <v>1</v>
      </c>
      <c r="G4984" t="s">
        <v>197</v>
      </c>
      <c r="H4984" t="s">
        <v>13</v>
      </c>
    </row>
    <row r="4985" spans="1:8" x14ac:dyDescent="0.25">
      <c r="A4985" s="1">
        <v>43798</v>
      </c>
      <c r="B4985" t="s">
        <v>3477</v>
      </c>
      <c r="C4985" t="s">
        <v>199</v>
      </c>
      <c r="D4985" t="s">
        <v>10</v>
      </c>
      <c r="E4985" t="s">
        <v>11</v>
      </c>
      <c r="F4985" s="2">
        <v>1</v>
      </c>
      <c r="G4985" t="s">
        <v>197</v>
      </c>
      <c r="H4985" t="s">
        <v>13</v>
      </c>
    </row>
    <row r="4986" spans="1:8" x14ac:dyDescent="0.25">
      <c r="A4986" s="1">
        <v>43797</v>
      </c>
      <c r="B4986" t="s">
        <v>3478</v>
      </c>
      <c r="C4986" t="s">
        <v>9</v>
      </c>
      <c r="D4986" t="s">
        <v>10</v>
      </c>
      <c r="E4986" t="s">
        <v>11</v>
      </c>
      <c r="F4986" s="2">
        <v>1</v>
      </c>
      <c r="G4986" t="s">
        <v>372</v>
      </c>
      <c r="H4986" t="s">
        <v>13</v>
      </c>
    </row>
    <row r="4987" spans="1:8" x14ac:dyDescent="0.25">
      <c r="A4987" s="1">
        <v>43797</v>
      </c>
      <c r="B4987" t="s">
        <v>3478</v>
      </c>
      <c r="C4987" t="s">
        <v>35</v>
      </c>
      <c r="D4987" t="s">
        <v>10</v>
      </c>
      <c r="E4987" t="s">
        <v>11</v>
      </c>
      <c r="F4987" s="2">
        <v>1</v>
      </c>
      <c r="G4987" t="s">
        <v>372</v>
      </c>
      <c r="H4987" t="s">
        <v>13</v>
      </c>
    </row>
    <row r="4988" spans="1:8" x14ac:dyDescent="0.25">
      <c r="A4988" s="1">
        <v>43797</v>
      </c>
      <c r="B4988" t="s">
        <v>3479</v>
      </c>
      <c r="C4988" t="s">
        <v>19</v>
      </c>
      <c r="D4988" t="s">
        <v>10</v>
      </c>
      <c r="E4988" t="s">
        <v>11</v>
      </c>
      <c r="F4988" s="2">
        <v>1</v>
      </c>
      <c r="G4988" t="s">
        <v>46</v>
      </c>
      <c r="H4988" t="s">
        <v>13</v>
      </c>
    </row>
    <row r="4989" spans="1:8" x14ac:dyDescent="0.25">
      <c r="A4989" s="1">
        <v>43796</v>
      </c>
      <c r="B4989" t="s">
        <v>3480</v>
      </c>
      <c r="C4989" t="s">
        <v>149</v>
      </c>
      <c r="D4989" t="s">
        <v>10</v>
      </c>
      <c r="E4989" t="s">
        <v>11</v>
      </c>
      <c r="F4989" s="2">
        <v>1</v>
      </c>
      <c r="G4989" t="s">
        <v>20</v>
      </c>
      <c r="H4989" t="s">
        <v>13</v>
      </c>
    </row>
    <row r="4990" spans="1:8" x14ac:dyDescent="0.25">
      <c r="A4990" s="1">
        <v>43796</v>
      </c>
      <c r="B4990" t="s">
        <v>3480</v>
      </c>
      <c r="C4990" t="s">
        <v>47</v>
      </c>
      <c r="D4990" t="s">
        <v>10</v>
      </c>
      <c r="E4990" t="s">
        <v>11</v>
      </c>
      <c r="F4990" s="2">
        <v>1</v>
      </c>
      <c r="G4990" t="s">
        <v>20</v>
      </c>
      <c r="H4990" t="s">
        <v>13</v>
      </c>
    </row>
    <row r="4991" spans="1:8" x14ac:dyDescent="0.25">
      <c r="A4991" s="1">
        <v>43796</v>
      </c>
      <c r="B4991" t="s">
        <v>3481</v>
      </c>
      <c r="C4991" t="s">
        <v>14</v>
      </c>
      <c r="D4991" t="s">
        <v>10</v>
      </c>
      <c r="E4991" t="s">
        <v>11</v>
      </c>
      <c r="F4991" s="2">
        <v>1</v>
      </c>
      <c r="G4991" t="s">
        <v>20</v>
      </c>
      <c r="H4991" t="s">
        <v>13</v>
      </c>
    </row>
    <row r="4992" spans="1:8" x14ac:dyDescent="0.25">
      <c r="A4992" s="1">
        <v>43796</v>
      </c>
      <c r="B4992" t="s">
        <v>3482</v>
      </c>
      <c r="C4992" t="s">
        <v>9</v>
      </c>
      <c r="D4992" t="s">
        <v>10</v>
      </c>
      <c r="E4992" t="s">
        <v>11</v>
      </c>
      <c r="F4992" s="2">
        <v>1</v>
      </c>
      <c r="G4992" t="s">
        <v>569</v>
      </c>
      <c r="H4992" t="s">
        <v>13</v>
      </c>
    </row>
    <row r="4993" spans="1:8" x14ac:dyDescent="0.25">
      <c r="A4993" s="1">
        <v>43795</v>
      </c>
      <c r="B4993" t="s">
        <v>3483</v>
      </c>
      <c r="C4993" t="s">
        <v>19</v>
      </c>
      <c r="D4993" t="s">
        <v>10</v>
      </c>
      <c r="E4993" t="s">
        <v>11</v>
      </c>
      <c r="F4993" s="2">
        <v>1</v>
      </c>
      <c r="G4993" t="s">
        <v>553</v>
      </c>
      <c r="H4993" t="s">
        <v>13</v>
      </c>
    </row>
    <row r="4994" spans="1:8" x14ac:dyDescent="0.25">
      <c r="A4994" s="1">
        <v>43795</v>
      </c>
      <c r="B4994" t="s">
        <v>3484</v>
      </c>
      <c r="C4994" t="s">
        <v>9</v>
      </c>
      <c r="D4994" t="s">
        <v>10</v>
      </c>
      <c r="E4994" t="s">
        <v>11</v>
      </c>
      <c r="F4994" s="2">
        <v>1</v>
      </c>
      <c r="G4994" t="s">
        <v>3485</v>
      </c>
      <c r="H4994" t="s">
        <v>13</v>
      </c>
    </row>
    <row r="4995" spans="1:8" x14ac:dyDescent="0.25">
      <c r="A4995" s="1">
        <v>43795</v>
      </c>
      <c r="B4995" t="s">
        <v>3486</v>
      </c>
      <c r="C4995" t="s">
        <v>3200</v>
      </c>
      <c r="D4995" t="s">
        <v>10</v>
      </c>
      <c r="E4995" t="s">
        <v>11</v>
      </c>
      <c r="F4995" s="2">
        <v>1</v>
      </c>
      <c r="G4995" t="s">
        <v>31</v>
      </c>
      <c r="H4995" t="s">
        <v>13</v>
      </c>
    </row>
    <row r="4996" spans="1:8" x14ac:dyDescent="0.25">
      <c r="A4996" s="1">
        <v>43794</v>
      </c>
      <c r="B4996" t="s">
        <v>3487</v>
      </c>
      <c r="C4996" t="s">
        <v>19</v>
      </c>
      <c r="D4996" t="s">
        <v>10</v>
      </c>
      <c r="E4996" t="s">
        <v>11</v>
      </c>
      <c r="F4996" s="2">
        <v>1</v>
      </c>
      <c r="G4996" t="s">
        <v>37</v>
      </c>
      <c r="H4996" t="s">
        <v>13</v>
      </c>
    </row>
    <row r="4997" spans="1:8" x14ac:dyDescent="0.25">
      <c r="A4997" s="1">
        <v>43794</v>
      </c>
      <c r="B4997" t="s">
        <v>3487</v>
      </c>
      <c r="C4997" t="s">
        <v>689</v>
      </c>
      <c r="D4997" t="s">
        <v>10</v>
      </c>
      <c r="E4997" t="s">
        <v>11</v>
      </c>
      <c r="F4997" s="2">
        <v>1</v>
      </c>
      <c r="G4997" t="s">
        <v>37</v>
      </c>
      <c r="H4997" t="s">
        <v>13</v>
      </c>
    </row>
    <row r="4998" spans="1:8" x14ac:dyDescent="0.25">
      <c r="A4998" s="1">
        <v>43794</v>
      </c>
      <c r="B4998" t="s">
        <v>3488</v>
      </c>
      <c r="C4998" t="s">
        <v>47</v>
      </c>
      <c r="D4998" t="s">
        <v>10</v>
      </c>
      <c r="E4998" t="s">
        <v>11</v>
      </c>
      <c r="F4998" s="2">
        <v>1</v>
      </c>
      <c r="G4998" t="s">
        <v>181</v>
      </c>
      <c r="H4998" t="s">
        <v>13</v>
      </c>
    </row>
    <row r="4999" spans="1:8" x14ac:dyDescent="0.25">
      <c r="A4999" s="1">
        <v>43794</v>
      </c>
      <c r="B4999" t="s">
        <v>3488</v>
      </c>
      <c r="C4999" t="s">
        <v>264</v>
      </c>
      <c r="D4999" t="s">
        <v>10</v>
      </c>
      <c r="E4999" t="s">
        <v>11</v>
      </c>
      <c r="F4999" s="2">
        <v>1</v>
      </c>
      <c r="G4999" t="s">
        <v>181</v>
      </c>
      <c r="H4999" t="s">
        <v>13</v>
      </c>
    </row>
    <row r="5000" spans="1:8" x14ac:dyDescent="0.25">
      <c r="A5000" s="1">
        <v>43794</v>
      </c>
      <c r="B5000" t="s">
        <v>3489</v>
      </c>
      <c r="C5000" t="s">
        <v>47</v>
      </c>
      <c r="D5000" t="s">
        <v>10</v>
      </c>
      <c r="E5000" t="s">
        <v>11</v>
      </c>
      <c r="F5000" s="2">
        <v>1</v>
      </c>
      <c r="G5000" t="s">
        <v>181</v>
      </c>
      <c r="H5000" t="s">
        <v>13</v>
      </c>
    </row>
    <row r="5001" spans="1:8" x14ac:dyDescent="0.25">
      <c r="A5001" s="1">
        <v>43793</v>
      </c>
      <c r="B5001" t="s">
        <v>3490</v>
      </c>
      <c r="C5001" t="s">
        <v>484</v>
      </c>
      <c r="D5001" t="s">
        <v>10</v>
      </c>
      <c r="E5001" t="s">
        <v>11</v>
      </c>
      <c r="F5001" s="2">
        <v>1</v>
      </c>
      <c r="G5001" t="s">
        <v>53</v>
      </c>
      <c r="H5001" t="s">
        <v>13</v>
      </c>
    </row>
    <row r="5002" spans="1:8" x14ac:dyDescent="0.25">
      <c r="A5002" s="1">
        <v>43791</v>
      </c>
      <c r="B5002" t="s">
        <v>3491</v>
      </c>
      <c r="C5002" t="s">
        <v>9</v>
      </c>
      <c r="D5002" t="s">
        <v>10</v>
      </c>
      <c r="E5002" t="s">
        <v>11</v>
      </c>
      <c r="F5002" s="2">
        <v>1</v>
      </c>
      <c r="G5002" t="s">
        <v>113</v>
      </c>
      <c r="H5002" t="s">
        <v>13</v>
      </c>
    </row>
    <row r="5003" spans="1:8" x14ac:dyDescent="0.25">
      <c r="A5003" s="1">
        <v>43791</v>
      </c>
      <c r="B5003" t="s">
        <v>3491</v>
      </c>
      <c r="C5003" t="s">
        <v>47</v>
      </c>
      <c r="D5003" t="s">
        <v>10</v>
      </c>
      <c r="E5003" t="s">
        <v>11</v>
      </c>
      <c r="F5003" s="2">
        <v>1</v>
      </c>
      <c r="G5003" t="s">
        <v>113</v>
      </c>
      <c r="H5003" t="s">
        <v>13</v>
      </c>
    </row>
    <row r="5004" spans="1:8" x14ac:dyDescent="0.25">
      <c r="A5004" s="1">
        <v>43791</v>
      </c>
      <c r="B5004" t="s">
        <v>3492</v>
      </c>
      <c r="C5004" t="s">
        <v>35</v>
      </c>
      <c r="D5004" t="s">
        <v>10</v>
      </c>
      <c r="E5004" t="s">
        <v>11</v>
      </c>
      <c r="F5004" s="2">
        <v>1</v>
      </c>
      <c r="G5004" t="s">
        <v>2181</v>
      </c>
      <c r="H5004" t="s">
        <v>13</v>
      </c>
    </row>
    <row r="5005" spans="1:8" x14ac:dyDescent="0.25">
      <c r="A5005" s="1">
        <v>43791</v>
      </c>
      <c r="B5005" t="s">
        <v>3492</v>
      </c>
      <c r="C5005" t="s">
        <v>271</v>
      </c>
      <c r="D5005" t="s">
        <v>10</v>
      </c>
      <c r="E5005" t="s">
        <v>11</v>
      </c>
      <c r="F5005" s="2">
        <v>1</v>
      </c>
      <c r="G5005" t="s">
        <v>2181</v>
      </c>
      <c r="H5005" t="s">
        <v>13</v>
      </c>
    </row>
    <row r="5006" spans="1:8" x14ac:dyDescent="0.25">
      <c r="A5006" s="1">
        <v>43791</v>
      </c>
      <c r="B5006" t="s">
        <v>3493</v>
      </c>
      <c r="C5006" t="s">
        <v>88</v>
      </c>
      <c r="D5006" t="s">
        <v>10</v>
      </c>
      <c r="E5006" t="s">
        <v>11</v>
      </c>
      <c r="F5006" s="2">
        <v>1</v>
      </c>
      <c r="G5006" t="s">
        <v>20</v>
      </c>
      <c r="H5006" t="s">
        <v>13</v>
      </c>
    </row>
    <row r="5007" spans="1:8" x14ac:dyDescent="0.25">
      <c r="A5007" s="1">
        <v>43790</v>
      </c>
      <c r="B5007" t="s">
        <v>3494</v>
      </c>
      <c r="C5007" t="s">
        <v>322</v>
      </c>
      <c r="D5007" t="s">
        <v>10</v>
      </c>
      <c r="E5007" t="s">
        <v>11</v>
      </c>
      <c r="F5007" s="2">
        <v>1</v>
      </c>
      <c r="G5007" t="s">
        <v>111</v>
      </c>
      <c r="H5007" t="s">
        <v>13</v>
      </c>
    </row>
    <row r="5008" spans="1:8" x14ac:dyDescent="0.25">
      <c r="A5008" s="1">
        <v>43790</v>
      </c>
      <c r="B5008" t="s">
        <v>3495</v>
      </c>
      <c r="C5008" t="s">
        <v>9</v>
      </c>
      <c r="D5008" t="s">
        <v>10</v>
      </c>
      <c r="E5008" t="s">
        <v>11</v>
      </c>
      <c r="F5008" s="2">
        <v>1</v>
      </c>
      <c r="G5008" t="s">
        <v>63</v>
      </c>
      <c r="H5008" t="s">
        <v>13</v>
      </c>
    </row>
    <row r="5009" spans="1:8" x14ac:dyDescent="0.25">
      <c r="A5009" s="1">
        <v>43790</v>
      </c>
      <c r="B5009" t="s">
        <v>3495</v>
      </c>
      <c r="C5009" t="s">
        <v>35</v>
      </c>
      <c r="D5009" t="s">
        <v>10</v>
      </c>
      <c r="E5009" t="s">
        <v>11</v>
      </c>
      <c r="F5009" s="2">
        <v>1</v>
      </c>
      <c r="G5009" t="s">
        <v>63</v>
      </c>
      <c r="H5009" t="s">
        <v>13</v>
      </c>
    </row>
    <row r="5010" spans="1:8" x14ac:dyDescent="0.25">
      <c r="A5010" s="1">
        <v>43790</v>
      </c>
      <c r="B5010" t="s">
        <v>3496</v>
      </c>
      <c r="C5010" t="s">
        <v>14</v>
      </c>
      <c r="D5010" t="s">
        <v>10</v>
      </c>
      <c r="E5010" t="s">
        <v>11</v>
      </c>
      <c r="F5010" s="2">
        <v>1</v>
      </c>
      <c r="G5010" t="s">
        <v>2767</v>
      </c>
      <c r="H5010" t="s">
        <v>13</v>
      </c>
    </row>
    <row r="5011" spans="1:8" x14ac:dyDescent="0.25">
      <c r="A5011" s="1">
        <v>43790</v>
      </c>
      <c r="B5011" t="s">
        <v>3497</v>
      </c>
      <c r="C5011" t="s">
        <v>9</v>
      </c>
      <c r="D5011" t="s">
        <v>10</v>
      </c>
      <c r="E5011" t="s">
        <v>11</v>
      </c>
      <c r="F5011" s="2">
        <v>1</v>
      </c>
      <c r="G5011" t="s">
        <v>123</v>
      </c>
      <c r="H5011" t="s">
        <v>13</v>
      </c>
    </row>
    <row r="5012" spans="1:8" x14ac:dyDescent="0.25">
      <c r="A5012" s="1">
        <v>43790</v>
      </c>
      <c r="B5012" t="s">
        <v>3497</v>
      </c>
      <c r="C5012" t="s">
        <v>174</v>
      </c>
      <c r="D5012" t="s">
        <v>10</v>
      </c>
      <c r="E5012" t="s">
        <v>11</v>
      </c>
      <c r="F5012" s="2">
        <v>1</v>
      </c>
      <c r="G5012" t="s">
        <v>123</v>
      </c>
      <c r="H5012" t="s">
        <v>13</v>
      </c>
    </row>
    <row r="5013" spans="1:8" x14ac:dyDescent="0.25">
      <c r="A5013" s="1">
        <v>43790</v>
      </c>
      <c r="B5013" t="s">
        <v>3498</v>
      </c>
      <c r="C5013" t="s">
        <v>1918</v>
      </c>
      <c r="D5013" t="s">
        <v>10</v>
      </c>
      <c r="E5013" t="s">
        <v>11</v>
      </c>
      <c r="F5013" s="2">
        <v>1</v>
      </c>
      <c r="G5013" t="s">
        <v>650</v>
      </c>
      <c r="H5013" t="s">
        <v>13</v>
      </c>
    </row>
    <row r="5014" spans="1:8" x14ac:dyDescent="0.25">
      <c r="A5014" s="1">
        <v>43790</v>
      </c>
      <c r="B5014" t="s">
        <v>3498</v>
      </c>
      <c r="C5014" t="s">
        <v>3034</v>
      </c>
      <c r="D5014" t="s">
        <v>10</v>
      </c>
      <c r="E5014" t="s">
        <v>11</v>
      </c>
      <c r="F5014" s="2">
        <v>1</v>
      </c>
      <c r="G5014" t="s">
        <v>650</v>
      </c>
      <c r="H5014" t="s">
        <v>13</v>
      </c>
    </row>
    <row r="5015" spans="1:8" x14ac:dyDescent="0.25">
      <c r="A5015" s="1">
        <v>43789</v>
      </c>
      <c r="B5015" t="s">
        <v>3499</v>
      </c>
      <c r="C5015" t="s">
        <v>9</v>
      </c>
      <c r="D5015" t="s">
        <v>10</v>
      </c>
      <c r="E5015" t="s">
        <v>11</v>
      </c>
      <c r="F5015" s="2">
        <v>1</v>
      </c>
      <c r="G5015" t="s">
        <v>20</v>
      </c>
      <c r="H5015" t="s">
        <v>13</v>
      </c>
    </row>
    <row r="5016" spans="1:8" x14ac:dyDescent="0.25">
      <c r="A5016" s="1">
        <v>43789</v>
      </c>
      <c r="B5016" t="s">
        <v>3499</v>
      </c>
      <c r="C5016" t="s">
        <v>47</v>
      </c>
      <c r="D5016" t="s">
        <v>10</v>
      </c>
      <c r="E5016" t="s">
        <v>11</v>
      </c>
      <c r="F5016" s="2">
        <v>1</v>
      </c>
      <c r="G5016" t="s">
        <v>20</v>
      </c>
      <c r="H5016" t="s">
        <v>13</v>
      </c>
    </row>
    <row r="5017" spans="1:8" x14ac:dyDescent="0.25">
      <c r="A5017" s="1">
        <v>43788</v>
      </c>
      <c r="B5017" t="s">
        <v>3500</v>
      </c>
      <c r="C5017" t="s">
        <v>35</v>
      </c>
      <c r="D5017" t="s">
        <v>10</v>
      </c>
      <c r="E5017" t="s">
        <v>11</v>
      </c>
      <c r="F5017" s="2">
        <v>1</v>
      </c>
      <c r="G5017" t="s">
        <v>77</v>
      </c>
      <c r="H5017" t="s">
        <v>13</v>
      </c>
    </row>
    <row r="5018" spans="1:8" x14ac:dyDescent="0.25">
      <c r="A5018" s="1">
        <v>43788</v>
      </c>
      <c r="B5018" t="s">
        <v>3501</v>
      </c>
      <c r="C5018" t="s">
        <v>79</v>
      </c>
      <c r="D5018" t="s">
        <v>10</v>
      </c>
      <c r="E5018" t="s">
        <v>11</v>
      </c>
      <c r="F5018" s="2">
        <v>1</v>
      </c>
      <c r="G5018" t="s">
        <v>527</v>
      </c>
      <c r="H5018" t="s">
        <v>13</v>
      </c>
    </row>
    <row r="5019" spans="1:8" x14ac:dyDescent="0.25">
      <c r="A5019" s="1">
        <v>43788</v>
      </c>
      <c r="B5019" t="s">
        <v>3502</v>
      </c>
      <c r="C5019" t="s">
        <v>14</v>
      </c>
      <c r="D5019" t="s">
        <v>10</v>
      </c>
      <c r="E5019" t="s">
        <v>11</v>
      </c>
      <c r="F5019" s="2">
        <v>1</v>
      </c>
      <c r="G5019" t="s">
        <v>2328</v>
      </c>
      <c r="H5019" t="s">
        <v>13</v>
      </c>
    </row>
    <row r="5020" spans="1:8" x14ac:dyDescent="0.25">
      <c r="A5020" s="1">
        <v>43788</v>
      </c>
      <c r="B5020" t="s">
        <v>3503</v>
      </c>
      <c r="C5020" t="s">
        <v>74</v>
      </c>
      <c r="D5020" t="s">
        <v>10</v>
      </c>
      <c r="E5020" t="s">
        <v>11</v>
      </c>
      <c r="F5020" s="2">
        <v>1</v>
      </c>
      <c r="G5020" t="s">
        <v>661</v>
      </c>
      <c r="H5020" t="s">
        <v>13</v>
      </c>
    </row>
    <row r="5021" spans="1:8" x14ac:dyDescent="0.25">
      <c r="A5021" s="1">
        <v>43787</v>
      </c>
      <c r="B5021" t="s">
        <v>3504</v>
      </c>
      <c r="C5021" t="s">
        <v>9</v>
      </c>
      <c r="D5021" t="s">
        <v>10</v>
      </c>
      <c r="E5021" t="s">
        <v>11</v>
      </c>
      <c r="F5021" s="2">
        <v>1</v>
      </c>
      <c r="G5021" t="s">
        <v>20</v>
      </c>
      <c r="H5021" t="s">
        <v>13</v>
      </c>
    </row>
    <row r="5022" spans="1:8" x14ac:dyDescent="0.25">
      <c r="A5022" s="1">
        <v>43787</v>
      </c>
      <c r="B5022" t="s">
        <v>3504</v>
      </c>
      <c r="C5022" t="s">
        <v>35</v>
      </c>
      <c r="D5022" t="s">
        <v>10</v>
      </c>
      <c r="E5022" t="s">
        <v>11</v>
      </c>
      <c r="F5022" s="2">
        <v>1</v>
      </c>
      <c r="G5022" t="s">
        <v>20</v>
      </c>
      <c r="H5022" t="s">
        <v>13</v>
      </c>
    </row>
    <row r="5023" spans="1:8" x14ac:dyDescent="0.25">
      <c r="A5023" s="1">
        <v>43786</v>
      </c>
      <c r="B5023" t="s">
        <v>3505</v>
      </c>
      <c r="C5023" t="s">
        <v>9</v>
      </c>
      <c r="D5023" t="s">
        <v>10</v>
      </c>
      <c r="E5023" t="s">
        <v>11</v>
      </c>
      <c r="F5023" s="2">
        <v>1</v>
      </c>
      <c r="G5023" t="s">
        <v>67</v>
      </c>
      <c r="H5023" t="s">
        <v>13</v>
      </c>
    </row>
    <row r="5024" spans="1:8" x14ac:dyDescent="0.25">
      <c r="A5024" s="1">
        <v>43786</v>
      </c>
      <c r="B5024" t="s">
        <v>3505</v>
      </c>
      <c r="C5024" t="s">
        <v>47</v>
      </c>
      <c r="D5024" t="s">
        <v>10</v>
      </c>
      <c r="E5024" t="s">
        <v>11</v>
      </c>
      <c r="F5024" s="2">
        <v>1</v>
      </c>
      <c r="G5024" t="s">
        <v>67</v>
      </c>
      <c r="H5024" t="s">
        <v>13</v>
      </c>
    </row>
    <row r="5025" spans="1:8" x14ac:dyDescent="0.25">
      <c r="A5025" s="1">
        <v>43785</v>
      </c>
      <c r="B5025" t="s">
        <v>3506</v>
      </c>
      <c r="C5025" t="s">
        <v>19</v>
      </c>
      <c r="D5025" t="s">
        <v>10</v>
      </c>
      <c r="E5025" t="s">
        <v>11</v>
      </c>
      <c r="F5025" s="2">
        <v>1</v>
      </c>
      <c r="G5025" t="s">
        <v>67</v>
      </c>
      <c r="H5025" t="s">
        <v>13</v>
      </c>
    </row>
    <row r="5026" spans="1:8" x14ac:dyDescent="0.25">
      <c r="A5026" s="1">
        <v>43785</v>
      </c>
      <c r="B5026" t="s">
        <v>3506</v>
      </c>
      <c r="C5026" t="s">
        <v>52</v>
      </c>
      <c r="D5026" t="s">
        <v>10</v>
      </c>
      <c r="E5026" t="s">
        <v>11</v>
      </c>
      <c r="F5026" s="2">
        <v>1</v>
      </c>
      <c r="G5026" t="s">
        <v>67</v>
      </c>
      <c r="H5026" t="s">
        <v>13</v>
      </c>
    </row>
    <row r="5027" spans="1:8" x14ac:dyDescent="0.25">
      <c r="A5027" s="1">
        <v>43784</v>
      </c>
      <c r="B5027" t="s">
        <v>3507</v>
      </c>
      <c r="C5027" t="s">
        <v>19</v>
      </c>
      <c r="D5027" t="s">
        <v>10</v>
      </c>
      <c r="E5027" t="s">
        <v>11</v>
      </c>
      <c r="F5027" s="2">
        <v>1</v>
      </c>
      <c r="G5027" t="s">
        <v>197</v>
      </c>
      <c r="H5027" t="s">
        <v>13</v>
      </c>
    </row>
    <row r="5028" spans="1:8" x14ac:dyDescent="0.25">
      <c r="A5028" s="1">
        <v>43784</v>
      </c>
      <c r="B5028" t="s">
        <v>3507</v>
      </c>
      <c r="C5028" t="s">
        <v>689</v>
      </c>
      <c r="D5028" t="s">
        <v>10</v>
      </c>
      <c r="E5028" t="s">
        <v>11</v>
      </c>
      <c r="F5028" s="2">
        <v>1</v>
      </c>
      <c r="G5028" t="s">
        <v>197</v>
      </c>
      <c r="H5028" t="s">
        <v>13</v>
      </c>
    </row>
    <row r="5029" spans="1:8" x14ac:dyDescent="0.25">
      <c r="A5029" s="1">
        <v>43783</v>
      </c>
      <c r="B5029" t="s">
        <v>3508</v>
      </c>
      <c r="C5029" t="s">
        <v>9</v>
      </c>
      <c r="D5029" t="s">
        <v>10</v>
      </c>
      <c r="E5029" t="s">
        <v>11</v>
      </c>
      <c r="F5029" s="2">
        <v>1</v>
      </c>
      <c r="G5029" t="s">
        <v>1650</v>
      </c>
      <c r="H5029" t="s">
        <v>13</v>
      </c>
    </row>
    <row r="5030" spans="1:8" x14ac:dyDescent="0.25">
      <c r="A5030" s="1">
        <v>43783</v>
      </c>
      <c r="B5030" t="s">
        <v>3509</v>
      </c>
      <c r="C5030" t="s">
        <v>74</v>
      </c>
      <c r="D5030" t="s">
        <v>10</v>
      </c>
      <c r="E5030" t="s">
        <v>11</v>
      </c>
      <c r="F5030" s="2">
        <v>1</v>
      </c>
      <c r="G5030" t="s">
        <v>181</v>
      </c>
      <c r="H5030" t="s">
        <v>13</v>
      </c>
    </row>
    <row r="5031" spans="1:8" x14ac:dyDescent="0.25">
      <c r="A5031" s="1">
        <v>43783</v>
      </c>
      <c r="B5031" t="s">
        <v>3509</v>
      </c>
      <c r="C5031" t="s">
        <v>518</v>
      </c>
      <c r="D5031" t="s">
        <v>10</v>
      </c>
      <c r="E5031" t="s">
        <v>11</v>
      </c>
      <c r="F5031" s="2">
        <v>1</v>
      </c>
      <c r="G5031" t="s">
        <v>181</v>
      </c>
      <c r="H5031" t="s">
        <v>13</v>
      </c>
    </row>
    <row r="5032" spans="1:8" x14ac:dyDescent="0.25">
      <c r="A5032" s="1">
        <v>43782</v>
      </c>
      <c r="B5032" t="s">
        <v>3510</v>
      </c>
      <c r="C5032" t="s">
        <v>1883</v>
      </c>
      <c r="D5032" t="s">
        <v>10</v>
      </c>
      <c r="E5032" t="s">
        <v>11</v>
      </c>
      <c r="F5032" s="2">
        <v>1</v>
      </c>
      <c r="G5032" t="s">
        <v>137</v>
      </c>
      <c r="H5032" t="s">
        <v>13</v>
      </c>
    </row>
    <row r="5033" spans="1:8" x14ac:dyDescent="0.25">
      <c r="A5033" s="1">
        <v>43782</v>
      </c>
      <c r="B5033" t="s">
        <v>3511</v>
      </c>
      <c r="C5033" t="s">
        <v>486</v>
      </c>
      <c r="D5033" t="s">
        <v>10</v>
      </c>
      <c r="E5033" t="s">
        <v>11</v>
      </c>
      <c r="F5033" s="2">
        <v>1</v>
      </c>
      <c r="G5033" t="s">
        <v>61</v>
      </c>
      <c r="H5033" t="s">
        <v>13</v>
      </c>
    </row>
    <row r="5034" spans="1:8" x14ac:dyDescent="0.25">
      <c r="A5034" s="1">
        <v>43782</v>
      </c>
      <c r="B5034" t="s">
        <v>3512</v>
      </c>
      <c r="C5034" t="s">
        <v>16</v>
      </c>
      <c r="D5034" t="s">
        <v>10</v>
      </c>
      <c r="E5034" t="s">
        <v>11</v>
      </c>
      <c r="F5034" s="2">
        <v>1</v>
      </c>
      <c r="G5034" t="s">
        <v>53</v>
      </c>
      <c r="H5034" t="s">
        <v>13</v>
      </c>
    </row>
    <row r="5035" spans="1:8" x14ac:dyDescent="0.25">
      <c r="A5035" s="1">
        <v>43782</v>
      </c>
      <c r="B5035" t="s">
        <v>3512</v>
      </c>
      <c r="C5035" t="s">
        <v>1054</v>
      </c>
      <c r="D5035" t="s">
        <v>10</v>
      </c>
      <c r="E5035" t="s">
        <v>11</v>
      </c>
      <c r="F5035" s="2">
        <v>1</v>
      </c>
      <c r="G5035" t="s">
        <v>53</v>
      </c>
      <c r="H5035" t="s">
        <v>13</v>
      </c>
    </row>
    <row r="5036" spans="1:8" x14ac:dyDescent="0.25">
      <c r="A5036" s="1">
        <v>43782</v>
      </c>
      <c r="B5036" t="s">
        <v>3512</v>
      </c>
      <c r="C5036" t="s">
        <v>416</v>
      </c>
      <c r="D5036" t="s">
        <v>10</v>
      </c>
      <c r="E5036" t="s">
        <v>11</v>
      </c>
      <c r="F5036" s="2">
        <v>1</v>
      </c>
      <c r="G5036" t="s">
        <v>53</v>
      </c>
      <c r="H5036" t="s">
        <v>13</v>
      </c>
    </row>
    <row r="5037" spans="1:8" x14ac:dyDescent="0.25">
      <c r="A5037" s="1">
        <v>43781</v>
      </c>
      <c r="B5037" t="s">
        <v>3513</v>
      </c>
      <c r="C5037" t="s">
        <v>142</v>
      </c>
      <c r="D5037" t="s">
        <v>10</v>
      </c>
      <c r="E5037" t="s">
        <v>11</v>
      </c>
      <c r="F5037" s="2">
        <v>1</v>
      </c>
      <c r="G5037" t="s">
        <v>197</v>
      </c>
      <c r="H5037" t="s">
        <v>13</v>
      </c>
    </row>
    <row r="5038" spans="1:8" x14ac:dyDescent="0.25">
      <c r="A5038" s="1">
        <v>43781</v>
      </c>
      <c r="B5038" t="s">
        <v>3513</v>
      </c>
      <c r="C5038" t="s">
        <v>379</v>
      </c>
      <c r="D5038" t="s">
        <v>10</v>
      </c>
      <c r="E5038" t="s">
        <v>11</v>
      </c>
      <c r="F5038" s="2">
        <v>1</v>
      </c>
      <c r="G5038" t="s">
        <v>197</v>
      </c>
      <c r="H5038" t="s">
        <v>13</v>
      </c>
    </row>
    <row r="5039" spans="1:8" x14ac:dyDescent="0.25">
      <c r="A5039" s="1">
        <v>43781</v>
      </c>
      <c r="B5039" t="s">
        <v>3513</v>
      </c>
      <c r="C5039" t="s">
        <v>282</v>
      </c>
      <c r="D5039" t="s">
        <v>10</v>
      </c>
      <c r="E5039" t="s">
        <v>11</v>
      </c>
      <c r="F5039" s="2">
        <v>1</v>
      </c>
      <c r="G5039" t="s">
        <v>197</v>
      </c>
      <c r="H5039" t="s">
        <v>13</v>
      </c>
    </row>
    <row r="5040" spans="1:8" x14ac:dyDescent="0.25">
      <c r="A5040" s="1">
        <v>43781</v>
      </c>
      <c r="B5040" t="s">
        <v>3513</v>
      </c>
      <c r="C5040" t="s">
        <v>151</v>
      </c>
      <c r="D5040" t="s">
        <v>10</v>
      </c>
      <c r="E5040" t="s">
        <v>11</v>
      </c>
      <c r="F5040" s="2">
        <v>1</v>
      </c>
      <c r="G5040" t="s">
        <v>197</v>
      </c>
      <c r="H5040" t="s">
        <v>13</v>
      </c>
    </row>
    <row r="5041" spans="1:8" x14ac:dyDescent="0.25">
      <c r="A5041" s="1">
        <v>43781</v>
      </c>
      <c r="B5041" t="s">
        <v>3514</v>
      </c>
      <c r="C5041" t="s">
        <v>9</v>
      </c>
      <c r="D5041" t="s">
        <v>10</v>
      </c>
      <c r="E5041" t="s">
        <v>11</v>
      </c>
      <c r="F5041" s="2">
        <v>1</v>
      </c>
      <c r="G5041" t="s">
        <v>135</v>
      </c>
      <c r="H5041" t="s">
        <v>13</v>
      </c>
    </row>
    <row r="5042" spans="1:8" x14ac:dyDescent="0.25">
      <c r="A5042" s="1">
        <v>43780</v>
      </c>
      <c r="B5042" t="s">
        <v>3515</v>
      </c>
      <c r="C5042" t="s">
        <v>174</v>
      </c>
      <c r="D5042" t="s">
        <v>10</v>
      </c>
      <c r="E5042" t="s">
        <v>11</v>
      </c>
      <c r="F5042" s="2">
        <v>1</v>
      </c>
      <c r="G5042" t="s">
        <v>31</v>
      </c>
      <c r="H5042" t="s">
        <v>13</v>
      </c>
    </row>
    <row r="5043" spans="1:8" x14ac:dyDescent="0.25">
      <c r="A5043" s="1">
        <v>43780</v>
      </c>
      <c r="B5043" t="s">
        <v>3516</v>
      </c>
      <c r="C5043" t="s">
        <v>76</v>
      </c>
      <c r="D5043" t="s">
        <v>10</v>
      </c>
      <c r="E5043" t="s">
        <v>11</v>
      </c>
      <c r="F5043" s="2">
        <v>1</v>
      </c>
      <c r="G5043" t="s">
        <v>83</v>
      </c>
      <c r="H5043" t="s">
        <v>13</v>
      </c>
    </row>
    <row r="5044" spans="1:8" x14ac:dyDescent="0.25">
      <c r="A5044" s="1">
        <v>43780</v>
      </c>
      <c r="B5044" t="s">
        <v>3517</v>
      </c>
      <c r="C5044" t="s">
        <v>16</v>
      </c>
      <c r="D5044" t="s">
        <v>10</v>
      </c>
      <c r="E5044" t="s">
        <v>11</v>
      </c>
      <c r="F5044" s="2">
        <v>1</v>
      </c>
      <c r="G5044" t="s">
        <v>181</v>
      </c>
      <c r="H5044" t="s">
        <v>13</v>
      </c>
    </row>
    <row r="5045" spans="1:8" x14ac:dyDescent="0.25">
      <c r="A5045" s="1">
        <v>43780</v>
      </c>
      <c r="B5045" t="s">
        <v>3517</v>
      </c>
      <c r="C5045" t="s">
        <v>149</v>
      </c>
      <c r="D5045" t="s">
        <v>10</v>
      </c>
      <c r="E5045" t="s">
        <v>11</v>
      </c>
      <c r="F5045" s="2">
        <v>1</v>
      </c>
      <c r="G5045" t="s">
        <v>181</v>
      </c>
      <c r="H5045" t="s">
        <v>13</v>
      </c>
    </row>
    <row r="5046" spans="1:8" x14ac:dyDescent="0.25">
      <c r="A5046" s="1">
        <v>43780</v>
      </c>
      <c r="B5046" t="s">
        <v>3517</v>
      </c>
      <c r="C5046" t="s">
        <v>47</v>
      </c>
      <c r="D5046" t="s">
        <v>10</v>
      </c>
      <c r="E5046" t="s">
        <v>11</v>
      </c>
      <c r="F5046" s="2">
        <v>1</v>
      </c>
      <c r="G5046" t="s">
        <v>181</v>
      </c>
      <c r="H5046" t="s">
        <v>13</v>
      </c>
    </row>
    <row r="5047" spans="1:8" x14ac:dyDescent="0.25">
      <c r="A5047" s="1">
        <v>43779</v>
      </c>
      <c r="B5047" t="s">
        <v>3518</v>
      </c>
      <c r="C5047" t="s">
        <v>821</v>
      </c>
      <c r="D5047" t="s">
        <v>10</v>
      </c>
      <c r="E5047" t="s">
        <v>11</v>
      </c>
      <c r="F5047" s="2">
        <v>1</v>
      </c>
      <c r="G5047" t="s">
        <v>72</v>
      </c>
      <c r="H5047" t="s">
        <v>13</v>
      </c>
    </row>
    <row r="5048" spans="1:8" x14ac:dyDescent="0.25">
      <c r="A5048" s="1">
        <v>43779</v>
      </c>
      <c r="B5048" t="s">
        <v>3519</v>
      </c>
      <c r="C5048" t="s">
        <v>9</v>
      </c>
      <c r="D5048" t="s">
        <v>10</v>
      </c>
      <c r="E5048" t="s">
        <v>11</v>
      </c>
      <c r="F5048" s="2">
        <v>1</v>
      </c>
      <c r="G5048" t="s">
        <v>72</v>
      </c>
      <c r="H5048" t="s">
        <v>13</v>
      </c>
    </row>
    <row r="5049" spans="1:8" x14ac:dyDescent="0.25">
      <c r="A5049" s="1">
        <v>43779</v>
      </c>
      <c r="B5049" t="s">
        <v>3519</v>
      </c>
      <c r="C5049" t="s">
        <v>29</v>
      </c>
      <c r="D5049" t="s">
        <v>10</v>
      </c>
      <c r="E5049" t="s">
        <v>11</v>
      </c>
      <c r="F5049" s="2">
        <v>1</v>
      </c>
      <c r="G5049" t="s">
        <v>72</v>
      </c>
      <c r="H5049" t="s">
        <v>13</v>
      </c>
    </row>
    <row r="5050" spans="1:8" x14ac:dyDescent="0.25">
      <c r="A5050" s="1">
        <v>43779</v>
      </c>
      <c r="B5050" t="s">
        <v>3519</v>
      </c>
      <c r="C5050" t="s">
        <v>35</v>
      </c>
      <c r="D5050" t="s">
        <v>10</v>
      </c>
      <c r="E5050" t="s">
        <v>11</v>
      </c>
      <c r="F5050" s="2">
        <v>1</v>
      </c>
      <c r="G5050" t="s">
        <v>72</v>
      </c>
      <c r="H5050" t="s">
        <v>13</v>
      </c>
    </row>
    <row r="5051" spans="1:8" x14ac:dyDescent="0.25">
      <c r="A5051" s="1">
        <v>43779</v>
      </c>
      <c r="B5051" t="s">
        <v>3519</v>
      </c>
      <c r="C5051" t="s">
        <v>47</v>
      </c>
      <c r="D5051" t="s">
        <v>10</v>
      </c>
      <c r="E5051" t="s">
        <v>11</v>
      </c>
      <c r="F5051" s="2">
        <v>1</v>
      </c>
      <c r="G5051" t="s">
        <v>72</v>
      </c>
      <c r="H5051" t="s">
        <v>13</v>
      </c>
    </row>
    <row r="5052" spans="1:8" x14ac:dyDescent="0.25">
      <c r="A5052" s="1">
        <v>43778</v>
      </c>
      <c r="B5052" t="s">
        <v>3520</v>
      </c>
      <c r="C5052" t="s">
        <v>149</v>
      </c>
      <c r="D5052" t="s">
        <v>10</v>
      </c>
      <c r="E5052" t="s">
        <v>11</v>
      </c>
      <c r="F5052" s="2">
        <v>2</v>
      </c>
      <c r="G5052" t="s">
        <v>31</v>
      </c>
      <c r="H5052" t="s">
        <v>13</v>
      </c>
    </row>
    <row r="5053" spans="1:8" x14ac:dyDescent="0.25">
      <c r="A5053" s="1">
        <v>43778</v>
      </c>
      <c r="B5053" t="s">
        <v>3520</v>
      </c>
      <c r="C5053" t="s">
        <v>149</v>
      </c>
      <c r="D5053" t="s">
        <v>10</v>
      </c>
      <c r="E5053" t="s">
        <v>11</v>
      </c>
      <c r="F5053" s="2">
        <v>2</v>
      </c>
      <c r="G5053" t="s">
        <v>31</v>
      </c>
      <c r="H5053" t="s">
        <v>13</v>
      </c>
    </row>
    <row r="5054" spans="1:8" x14ac:dyDescent="0.25">
      <c r="A5054" s="1">
        <v>43778</v>
      </c>
      <c r="B5054" t="s">
        <v>3521</v>
      </c>
      <c r="C5054" t="s">
        <v>79</v>
      </c>
      <c r="D5054" t="s">
        <v>10</v>
      </c>
      <c r="E5054" t="s">
        <v>11</v>
      </c>
      <c r="F5054" s="2">
        <v>1</v>
      </c>
      <c r="G5054" t="s">
        <v>20</v>
      </c>
      <c r="H5054" t="s">
        <v>13</v>
      </c>
    </row>
    <row r="5055" spans="1:8" x14ac:dyDescent="0.25">
      <c r="A5055" s="1">
        <v>43778</v>
      </c>
      <c r="B5055" t="s">
        <v>3521</v>
      </c>
      <c r="C5055" t="s">
        <v>80</v>
      </c>
      <c r="D5055" t="s">
        <v>10</v>
      </c>
      <c r="E5055" t="s">
        <v>11</v>
      </c>
      <c r="F5055" s="2">
        <v>1</v>
      </c>
      <c r="G5055" t="s">
        <v>20</v>
      </c>
      <c r="H5055" t="s">
        <v>13</v>
      </c>
    </row>
    <row r="5056" spans="1:8" x14ac:dyDescent="0.25">
      <c r="A5056" s="1">
        <v>43778</v>
      </c>
      <c r="B5056" t="s">
        <v>3522</v>
      </c>
      <c r="C5056" t="s">
        <v>1153</v>
      </c>
      <c r="D5056" t="s">
        <v>10</v>
      </c>
      <c r="E5056" t="s">
        <v>11</v>
      </c>
      <c r="F5056" s="2">
        <v>1</v>
      </c>
      <c r="G5056" t="s">
        <v>181</v>
      </c>
      <c r="H5056" t="s">
        <v>13</v>
      </c>
    </row>
    <row r="5057" spans="1:8" x14ac:dyDescent="0.25">
      <c r="A5057" s="1">
        <v>43778</v>
      </c>
      <c r="B5057" t="s">
        <v>3522</v>
      </c>
      <c r="C5057" t="s">
        <v>47</v>
      </c>
      <c r="D5057" t="s">
        <v>10</v>
      </c>
      <c r="E5057" t="s">
        <v>11</v>
      </c>
      <c r="F5057" s="2">
        <v>1</v>
      </c>
      <c r="G5057" t="s">
        <v>181</v>
      </c>
      <c r="H5057" t="s">
        <v>13</v>
      </c>
    </row>
    <row r="5058" spans="1:8" x14ac:dyDescent="0.25">
      <c r="A5058" s="1">
        <v>43777</v>
      </c>
      <c r="B5058" t="s">
        <v>3523</v>
      </c>
      <c r="C5058" t="s">
        <v>3293</v>
      </c>
      <c r="D5058" t="s">
        <v>10</v>
      </c>
      <c r="E5058" t="s">
        <v>11</v>
      </c>
      <c r="F5058" s="2">
        <v>1</v>
      </c>
      <c r="G5058" t="s">
        <v>181</v>
      </c>
      <c r="H5058" t="s">
        <v>13</v>
      </c>
    </row>
    <row r="5059" spans="1:8" x14ac:dyDescent="0.25">
      <c r="A5059" s="1">
        <v>43777</v>
      </c>
      <c r="B5059" t="s">
        <v>3524</v>
      </c>
      <c r="C5059" t="s">
        <v>271</v>
      </c>
      <c r="D5059" t="s">
        <v>10</v>
      </c>
      <c r="E5059" t="s">
        <v>11</v>
      </c>
      <c r="F5059" s="2">
        <v>1</v>
      </c>
      <c r="G5059" t="s">
        <v>46</v>
      </c>
      <c r="H5059" t="s">
        <v>13</v>
      </c>
    </row>
    <row r="5060" spans="1:8" x14ac:dyDescent="0.25">
      <c r="A5060" s="1">
        <v>43777</v>
      </c>
      <c r="B5060" t="s">
        <v>3525</v>
      </c>
      <c r="C5060" t="s">
        <v>174</v>
      </c>
      <c r="D5060" t="s">
        <v>10</v>
      </c>
      <c r="E5060" t="s">
        <v>11</v>
      </c>
      <c r="F5060" s="2">
        <v>1</v>
      </c>
      <c r="G5060" t="s">
        <v>157</v>
      </c>
      <c r="H5060" t="s">
        <v>13</v>
      </c>
    </row>
    <row r="5061" spans="1:8" x14ac:dyDescent="0.25">
      <c r="A5061" s="1">
        <v>43777</v>
      </c>
      <c r="B5061" t="s">
        <v>3526</v>
      </c>
      <c r="C5061" t="s">
        <v>86</v>
      </c>
      <c r="D5061" t="s">
        <v>10</v>
      </c>
      <c r="E5061" t="s">
        <v>11</v>
      </c>
      <c r="F5061" s="2">
        <v>1</v>
      </c>
      <c r="G5061" t="s">
        <v>2273</v>
      </c>
      <c r="H5061" t="s">
        <v>13</v>
      </c>
    </row>
    <row r="5062" spans="1:8" x14ac:dyDescent="0.25">
      <c r="A5062" s="1">
        <v>43776</v>
      </c>
      <c r="B5062" t="s">
        <v>3527</v>
      </c>
      <c r="C5062" t="s">
        <v>19</v>
      </c>
      <c r="D5062" t="s">
        <v>10</v>
      </c>
      <c r="E5062" t="s">
        <v>11</v>
      </c>
      <c r="F5062" s="2">
        <v>1</v>
      </c>
      <c r="G5062" t="s">
        <v>701</v>
      </c>
      <c r="H5062" t="s">
        <v>13</v>
      </c>
    </row>
    <row r="5063" spans="1:8" x14ac:dyDescent="0.25">
      <c r="A5063" s="1">
        <v>43776</v>
      </c>
      <c r="B5063" t="s">
        <v>3527</v>
      </c>
      <c r="C5063" t="s">
        <v>689</v>
      </c>
      <c r="D5063" t="s">
        <v>10</v>
      </c>
      <c r="E5063" t="s">
        <v>11</v>
      </c>
      <c r="F5063" s="2">
        <v>1</v>
      </c>
      <c r="G5063" t="s">
        <v>701</v>
      </c>
      <c r="H5063" t="s">
        <v>13</v>
      </c>
    </row>
    <row r="5064" spans="1:8" x14ac:dyDescent="0.25">
      <c r="A5064" s="1">
        <v>43776</v>
      </c>
      <c r="B5064" t="s">
        <v>3528</v>
      </c>
      <c r="C5064" t="s">
        <v>16</v>
      </c>
      <c r="D5064" t="s">
        <v>10</v>
      </c>
      <c r="E5064" t="s">
        <v>11</v>
      </c>
      <c r="F5064" s="2">
        <v>1</v>
      </c>
      <c r="G5064" t="s">
        <v>98</v>
      </c>
      <c r="H5064" t="s">
        <v>13</v>
      </c>
    </row>
    <row r="5065" spans="1:8" x14ac:dyDescent="0.25">
      <c r="A5065" s="1">
        <v>43776</v>
      </c>
      <c r="B5065" t="s">
        <v>3528</v>
      </c>
      <c r="C5065" t="s">
        <v>47</v>
      </c>
      <c r="D5065" t="s">
        <v>10</v>
      </c>
      <c r="E5065" t="s">
        <v>11</v>
      </c>
      <c r="F5065" s="2">
        <v>1</v>
      </c>
      <c r="G5065" t="s">
        <v>98</v>
      </c>
      <c r="H5065" t="s">
        <v>13</v>
      </c>
    </row>
    <row r="5066" spans="1:8" x14ac:dyDescent="0.25">
      <c r="A5066" s="1">
        <v>43775</v>
      </c>
      <c r="B5066" t="s">
        <v>3529</v>
      </c>
      <c r="C5066" t="s">
        <v>1698</v>
      </c>
      <c r="D5066" t="s">
        <v>26</v>
      </c>
      <c r="E5066" t="s">
        <v>11</v>
      </c>
      <c r="F5066" s="2">
        <v>1</v>
      </c>
      <c r="G5066" t="s">
        <v>194</v>
      </c>
      <c r="H5066" t="s">
        <v>13</v>
      </c>
    </row>
    <row r="5067" spans="1:8" x14ac:dyDescent="0.25">
      <c r="A5067" s="1">
        <v>43775</v>
      </c>
      <c r="B5067" t="s">
        <v>3530</v>
      </c>
      <c r="C5067" t="s">
        <v>222</v>
      </c>
      <c r="D5067" t="s">
        <v>10</v>
      </c>
      <c r="E5067" t="s">
        <v>11</v>
      </c>
      <c r="F5067" s="2">
        <v>1</v>
      </c>
      <c r="G5067" t="s">
        <v>3531</v>
      </c>
      <c r="H5067" t="s">
        <v>13</v>
      </c>
    </row>
    <row r="5068" spans="1:8" x14ac:dyDescent="0.25">
      <c r="A5068" s="1">
        <v>43775</v>
      </c>
      <c r="B5068" t="s">
        <v>3530</v>
      </c>
      <c r="C5068" t="s">
        <v>484</v>
      </c>
      <c r="D5068" t="s">
        <v>10</v>
      </c>
      <c r="E5068" t="s">
        <v>11</v>
      </c>
      <c r="F5068" s="2">
        <v>1</v>
      </c>
      <c r="G5068" t="s">
        <v>3531</v>
      </c>
      <c r="H5068" t="s">
        <v>13</v>
      </c>
    </row>
    <row r="5069" spans="1:8" x14ac:dyDescent="0.25">
      <c r="A5069" s="1">
        <v>43775</v>
      </c>
      <c r="B5069" t="s">
        <v>3532</v>
      </c>
      <c r="C5069" t="s">
        <v>19</v>
      </c>
      <c r="D5069" t="s">
        <v>10</v>
      </c>
      <c r="E5069" t="s">
        <v>11</v>
      </c>
      <c r="F5069" s="2">
        <v>1</v>
      </c>
      <c r="G5069" t="s">
        <v>31</v>
      </c>
      <c r="H5069" t="s">
        <v>13</v>
      </c>
    </row>
    <row r="5070" spans="1:8" x14ac:dyDescent="0.25">
      <c r="A5070" s="1">
        <v>43775</v>
      </c>
      <c r="B5070" t="s">
        <v>3532</v>
      </c>
      <c r="C5070" t="s">
        <v>79</v>
      </c>
      <c r="D5070" t="s">
        <v>10</v>
      </c>
      <c r="E5070" t="s">
        <v>11</v>
      </c>
      <c r="F5070" s="2">
        <v>1</v>
      </c>
      <c r="G5070" t="s">
        <v>31</v>
      </c>
      <c r="H5070" t="s">
        <v>13</v>
      </c>
    </row>
    <row r="5071" spans="1:8" x14ac:dyDescent="0.25">
      <c r="A5071" s="1">
        <v>43775</v>
      </c>
      <c r="B5071" t="s">
        <v>3532</v>
      </c>
      <c r="C5071" t="s">
        <v>103</v>
      </c>
      <c r="D5071" t="s">
        <v>10</v>
      </c>
      <c r="E5071" t="s">
        <v>11</v>
      </c>
      <c r="F5071" s="2">
        <v>1</v>
      </c>
      <c r="G5071" t="s">
        <v>31</v>
      </c>
      <c r="H5071" t="s">
        <v>13</v>
      </c>
    </row>
    <row r="5072" spans="1:8" x14ac:dyDescent="0.25">
      <c r="A5072" s="1">
        <v>43774</v>
      </c>
      <c r="B5072" t="s">
        <v>3533</v>
      </c>
      <c r="C5072" t="s">
        <v>50</v>
      </c>
      <c r="D5072" t="s">
        <v>10</v>
      </c>
      <c r="E5072" t="s">
        <v>11</v>
      </c>
      <c r="F5072" s="2">
        <v>1</v>
      </c>
      <c r="G5072" t="s">
        <v>77</v>
      </c>
      <c r="H5072" t="s">
        <v>13</v>
      </c>
    </row>
    <row r="5073" spans="1:8" x14ac:dyDescent="0.25">
      <c r="A5073" s="1">
        <v>43773</v>
      </c>
      <c r="B5073" t="s">
        <v>3534</v>
      </c>
      <c r="C5073" t="s">
        <v>16</v>
      </c>
      <c r="D5073" t="s">
        <v>10</v>
      </c>
      <c r="E5073" t="s">
        <v>11</v>
      </c>
      <c r="F5073" s="2">
        <v>1</v>
      </c>
      <c r="G5073" t="s">
        <v>100</v>
      </c>
      <c r="H5073" t="s">
        <v>13</v>
      </c>
    </row>
    <row r="5074" spans="1:8" x14ac:dyDescent="0.25">
      <c r="A5074" s="1">
        <v>43773</v>
      </c>
      <c r="B5074" t="s">
        <v>3534</v>
      </c>
      <c r="C5074" t="s">
        <v>1082</v>
      </c>
      <c r="D5074" t="s">
        <v>10</v>
      </c>
      <c r="E5074" t="s">
        <v>11</v>
      </c>
      <c r="F5074" s="2">
        <v>1</v>
      </c>
      <c r="G5074" t="s">
        <v>100</v>
      </c>
      <c r="H5074" t="s">
        <v>13</v>
      </c>
    </row>
    <row r="5075" spans="1:8" x14ac:dyDescent="0.25">
      <c r="A5075" s="1">
        <v>43773</v>
      </c>
      <c r="B5075" t="s">
        <v>3535</v>
      </c>
      <c r="C5075" t="s">
        <v>222</v>
      </c>
      <c r="D5075" t="s">
        <v>10</v>
      </c>
      <c r="E5075" t="s">
        <v>11</v>
      </c>
      <c r="F5075" s="2">
        <v>1</v>
      </c>
      <c r="G5075" t="s">
        <v>93</v>
      </c>
      <c r="H5075" t="s">
        <v>13</v>
      </c>
    </row>
    <row r="5076" spans="1:8" x14ac:dyDescent="0.25">
      <c r="A5076" s="1">
        <v>43771</v>
      </c>
      <c r="B5076" t="s">
        <v>3536</v>
      </c>
      <c r="C5076" t="s">
        <v>174</v>
      </c>
      <c r="D5076" t="s">
        <v>10</v>
      </c>
      <c r="E5076" t="s">
        <v>11</v>
      </c>
      <c r="F5076" s="2">
        <v>1</v>
      </c>
      <c r="G5076" t="s">
        <v>31</v>
      </c>
      <c r="H5076" t="s">
        <v>13</v>
      </c>
    </row>
    <row r="5077" spans="1:8" x14ac:dyDescent="0.25">
      <c r="A5077" s="1">
        <v>43770</v>
      </c>
      <c r="B5077" t="s">
        <v>3537</v>
      </c>
      <c r="C5077" t="s">
        <v>115</v>
      </c>
      <c r="D5077" t="s">
        <v>10</v>
      </c>
      <c r="E5077" t="s">
        <v>11</v>
      </c>
      <c r="F5077" s="2">
        <v>1</v>
      </c>
      <c r="G5077" t="s">
        <v>181</v>
      </c>
      <c r="H5077" t="s">
        <v>13</v>
      </c>
    </row>
    <row r="5078" spans="1:8" x14ac:dyDescent="0.25">
      <c r="A5078" s="1">
        <v>43769</v>
      </c>
      <c r="B5078" t="s">
        <v>3538</v>
      </c>
      <c r="C5078" t="s">
        <v>9</v>
      </c>
      <c r="D5078" t="s">
        <v>10</v>
      </c>
      <c r="E5078" t="s">
        <v>11</v>
      </c>
      <c r="F5078" s="2">
        <v>1</v>
      </c>
      <c r="G5078" t="s">
        <v>2131</v>
      </c>
      <c r="H5078" t="s">
        <v>13</v>
      </c>
    </row>
    <row r="5079" spans="1:8" x14ac:dyDescent="0.25">
      <c r="A5079" s="1">
        <v>43769</v>
      </c>
      <c r="B5079" t="s">
        <v>3539</v>
      </c>
      <c r="C5079" t="s">
        <v>42</v>
      </c>
      <c r="D5079" t="s">
        <v>10</v>
      </c>
      <c r="E5079" t="s">
        <v>11</v>
      </c>
      <c r="F5079" s="2">
        <v>1</v>
      </c>
      <c r="G5079" t="s">
        <v>31</v>
      </c>
      <c r="H5079" t="s">
        <v>13</v>
      </c>
    </row>
    <row r="5080" spans="1:8" x14ac:dyDescent="0.25">
      <c r="A5080" s="1">
        <v>43768</v>
      </c>
      <c r="B5080" t="s">
        <v>3540</v>
      </c>
      <c r="C5080" t="s">
        <v>9</v>
      </c>
      <c r="D5080" t="s">
        <v>10</v>
      </c>
      <c r="E5080" t="s">
        <v>11</v>
      </c>
      <c r="F5080" s="2">
        <v>1</v>
      </c>
      <c r="G5080" t="s">
        <v>31</v>
      </c>
      <c r="H5080" t="s">
        <v>13</v>
      </c>
    </row>
    <row r="5081" spans="1:8" x14ac:dyDescent="0.25">
      <c r="A5081" s="1">
        <v>43768</v>
      </c>
      <c r="B5081" t="s">
        <v>3541</v>
      </c>
      <c r="C5081" t="s">
        <v>271</v>
      </c>
      <c r="D5081" t="s">
        <v>10</v>
      </c>
      <c r="E5081" t="s">
        <v>11</v>
      </c>
      <c r="F5081" s="2">
        <v>1</v>
      </c>
      <c r="G5081" t="s">
        <v>61</v>
      </c>
      <c r="H5081" t="s">
        <v>13</v>
      </c>
    </row>
    <row r="5082" spans="1:8" x14ac:dyDescent="0.25">
      <c r="A5082" s="1">
        <v>43768</v>
      </c>
      <c r="B5082" t="s">
        <v>3542</v>
      </c>
      <c r="C5082" t="s">
        <v>1534</v>
      </c>
      <c r="D5082" t="s">
        <v>10</v>
      </c>
      <c r="E5082" t="s">
        <v>11</v>
      </c>
      <c r="F5082" s="2">
        <v>1</v>
      </c>
      <c r="G5082" t="s">
        <v>364</v>
      </c>
      <c r="H5082" t="s">
        <v>13</v>
      </c>
    </row>
    <row r="5083" spans="1:8" x14ac:dyDescent="0.25">
      <c r="A5083" s="1">
        <v>43768</v>
      </c>
      <c r="B5083" t="s">
        <v>3542</v>
      </c>
      <c r="C5083" t="s">
        <v>47</v>
      </c>
      <c r="D5083" t="s">
        <v>10</v>
      </c>
      <c r="E5083" t="s">
        <v>11</v>
      </c>
      <c r="F5083" s="2">
        <v>1</v>
      </c>
      <c r="G5083" t="s">
        <v>364</v>
      </c>
      <c r="H5083" t="s">
        <v>13</v>
      </c>
    </row>
    <row r="5084" spans="1:8" x14ac:dyDescent="0.25">
      <c r="A5084" s="1">
        <v>43768</v>
      </c>
      <c r="B5084" t="s">
        <v>3542</v>
      </c>
      <c r="C5084" t="s">
        <v>151</v>
      </c>
      <c r="D5084" t="s">
        <v>10</v>
      </c>
      <c r="E5084" t="s">
        <v>11</v>
      </c>
      <c r="F5084" s="2">
        <v>1</v>
      </c>
      <c r="G5084" t="s">
        <v>364</v>
      </c>
      <c r="H5084" t="s">
        <v>13</v>
      </c>
    </row>
    <row r="5085" spans="1:8" x14ac:dyDescent="0.25">
      <c r="A5085" s="1">
        <v>43768</v>
      </c>
      <c r="B5085" t="s">
        <v>3542</v>
      </c>
      <c r="C5085" t="s">
        <v>453</v>
      </c>
      <c r="D5085" t="s">
        <v>10</v>
      </c>
      <c r="E5085" t="s">
        <v>11</v>
      </c>
      <c r="F5085" s="2">
        <v>1</v>
      </c>
      <c r="G5085" t="s">
        <v>364</v>
      </c>
      <c r="H5085" t="s">
        <v>13</v>
      </c>
    </row>
    <row r="5086" spans="1:8" x14ac:dyDescent="0.25">
      <c r="A5086" s="1">
        <v>43767</v>
      </c>
      <c r="B5086" t="s">
        <v>3543</v>
      </c>
      <c r="C5086" t="s">
        <v>9</v>
      </c>
      <c r="D5086" t="s">
        <v>10</v>
      </c>
      <c r="E5086" t="s">
        <v>11</v>
      </c>
      <c r="F5086" s="2">
        <v>1</v>
      </c>
      <c r="G5086" t="s">
        <v>72</v>
      </c>
      <c r="H5086" t="s">
        <v>13</v>
      </c>
    </row>
    <row r="5087" spans="1:8" x14ac:dyDescent="0.25">
      <c r="A5087" s="1">
        <v>43764</v>
      </c>
      <c r="B5087" t="s">
        <v>3544</v>
      </c>
      <c r="C5087" t="s">
        <v>35</v>
      </c>
      <c r="D5087" t="s">
        <v>10</v>
      </c>
      <c r="E5087" t="s">
        <v>11</v>
      </c>
      <c r="F5087" s="2">
        <v>1</v>
      </c>
      <c r="G5087" t="s">
        <v>27</v>
      </c>
      <c r="H5087" t="s">
        <v>13</v>
      </c>
    </row>
    <row r="5088" spans="1:8" x14ac:dyDescent="0.25">
      <c r="A5088" s="1">
        <v>43763</v>
      </c>
      <c r="B5088" t="s">
        <v>3545</v>
      </c>
      <c r="C5088" t="s">
        <v>79</v>
      </c>
      <c r="D5088" t="s">
        <v>10</v>
      </c>
      <c r="E5088" t="s">
        <v>11</v>
      </c>
      <c r="F5088" s="2">
        <v>1</v>
      </c>
      <c r="G5088" t="s">
        <v>181</v>
      </c>
      <c r="H5088" t="s">
        <v>13</v>
      </c>
    </row>
    <row r="5089" spans="1:8" x14ac:dyDescent="0.25">
      <c r="A5089" s="1">
        <v>43763</v>
      </c>
      <c r="B5089" t="s">
        <v>3545</v>
      </c>
      <c r="C5089" t="s">
        <v>80</v>
      </c>
      <c r="D5089" t="s">
        <v>10</v>
      </c>
      <c r="E5089" t="s">
        <v>11</v>
      </c>
      <c r="F5089" s="2">
        <v>1</v>
      </c>
      <c r="G5089" t="s">
        <v>181</v>
      </c>
      <c r="H5089" t="s">
        <v>13</v>
      </c>
    </row>
    <row r="5090" spans="1:8" x14ac:dyDescent="0.25">
      <c r="A5090" s="1">
        <v>43763</v>
      </c>
      <c r="B5090" t="s">
        <v>3546</v>
      </c>
      <c r="C5090" t="s">
        <v>35</v>
      </c>
      <c r="D5090" t="s">
        <v>10</v>
      </c>
      <c r="E5090" t="s">
        <v>11</v>
      </c>
      <c r="F5090" s="2">
        <v>1</v>
      </c>
      <c r="G5090" t="s">
        <v>83</v>
      </c>
      <c r="H5090" t="s">
        <v>13</v>
      </c>
    </row>
    <row r="5091" spans="1:8" x14ac:dyDescent="0.25">
      <c r="A5091" s="1">
        <v>43763</v>
      </c>
      <c r="B5091" t="s">
        <v>3547</v>
      </c>
      <c r="C5091" t="s">
        <v>60</v>
      </c>
      <c r="D5091" t="s">
        <v>10</v>
      </c>
      <c r="E5091" t="s">
        <v>11</v>
      </c>
      <c r="F5091" s="2">
        <v>1</v>
      </c>
      <c r="G5091" t="s">
        <v>492</v>
      </c>
      <c r="H5091" t="s">
        <v>13</v>
      </c>
    </row>
    <row r="5092" spans="1:8" x14ac:dyDescent="0.25">
      <c r="A5092" s="1">
        <v>43762</v>
      </c>
      <c r="B5092" t="s">
        <v>3548</v>
      </c>
      <c r="C5092" t="s">
        <v>16</v>
      </c>
      <c r="D5092" t="s">
        <v>10</v>
      </c>
      <c r="E5092" t="s">
        <v>11</v>
      </c>
      <c r="F5092" s="2">
        <v>1</v>
      </c>
      <c r="G5092" t="s">
        <v>553</v>
      </c>
      <c r="H5092" t="s">
        <v>13</v>
      </c>
    </row>
    <row r="5093" spans="1:8" x14ac:dyDescent="0.25">
      <c r="A5093" s="1">
        <v>43762</v>
      </c>
      <c r="B5093" t="s">
        <v>3548</v>
      </c>
      <c r="C5093" t="s">
        <v>65</v>
      </c>
      <c r="D5093" t="s">
        <v>10</v>
      </c>
      <c r="E5093" t="s">
        <v>11</v>
      </c>
      <c r="F5093" s="2">
        <v>1</v>
      </c>
      <c r="G5093" t="s">
        <v>553</v>
      </c>
      <c r="H5093" t="s">
        <v>13</v>
      </c>
    </row>
    <row r="5094" spans="1:8" x14ac:dyDescent="0.25">
      <c r="A5094" s="1">
        <v>43762</v>
      </c>
      <c r="B5094" t="s">
        <v>3549</v>
      </c>
      <c r="C5094" t="s">
        <v>47</v>
      </c>
      <c r="D5094" t="s">
        <v>10</v>
      </c>
      <c r="E5094" t="s">
        <v>11</v>
      </c>
      <c r="F5094" s="2">
        <v>1</v>
      </c>
      <c r="G5094" t="s">
        <v>553</v>
      </c>
      <c r="H5094" t="s">
        <v>13</v>
      </c>
    </row>
    <row r="5095" spans="1:8" x14ac:dyDescent="0.25">
      <c r="A5095" s="1">
        <v>43761</v>
      </c>
      <c r="B5095" t="s">
        <v>3550</v>
      </c>
      <c r="C5095" t="s">
        <v>52</v>
      </c>
      <c r="D5095" t="s">
        <v>10</v>
      </c>
      <c r="E5095" t="s">
        <v>11</v>
      </c>
      <c r="F5095" s="2">
        <v>1</v>
      </c>
      <c r="G5095" t="s">
        <v>859</v>
      </c>
      <c r="H5095" t="s">
        <v>13</v>
      </c>
    </row>
    <row r="5096" spans="1:8" x14ac:dyDescent="0.25">
      <c r="A5096" s="1">
        <v>43761</v>
      </c>
      <c r="B5096" t="s">
        <v>3551</v>
      </c>
      <c r="C5096" t="s">
        <v>9</v>
      </c>
      <c r="D5096" t="s">
        <v>10</v>
      </c>
      <c r="E5096" t="s">
        <v>11</v>
      </c>
      <c r="F5096" s="2">
        <v>1</v>
      </c>
      <c r="G5096" t="s">
        <v>44</v>
      </c>
      <c r="H5096" t="s">
        <v>13</v>
      </c>
    </row>
    <row r="5097" spans="1:8" x14ac:dyDescent="0.25">
      <c r="A5097" s="1">
        <v>43760</v>
      </c>
      <c r="B5097" t="s">
        <v>3552</v>
      </c>
      <c r="C5097" t="s">
        <v>115</v>
      </c>
      <c r="D5097" t="s">
        <v>10</v>
      </c>
      <c r="E5097" t="s">
        <v>11</v>
      </c>
      <c r="F5097" s="2">
        <v>1</v>
      </c>
      <c r="G5097" t="s">
        <v>111</v>
      </c>
      <c r="H5097" t="s">
        <v>13</v>
      </c>
    </row>
    <row r="5098" spans="1:8" x14ac:dyDescent="0.25">
      <c r="A5098" s="1">
        <v>43760</v>
      </c>
      <c r="B5098" t="s">
        <v>3553</v>
      </c>
      <c r="C5098" t="s">
        <v>16</v>
      </c>
      <c r="D5098" t="s">
        <v>26</v>
      </c>
      <c r="E5098" t="s">
        <v>11</v>
      </c>
      <c r="F5098" s="2">
        <v>1</v>
      </c>
      <c r="G5098" t="s">
        <v>24</v>
      </c>
      <c r="H5098" t="s">
        <v>13</v>
      </c>
    </row>
    <row r="5099" spans="1:8" x14ac:dyDescent="0.25">
      <c r="A5099" s="1">
        <v>43760</v>
      </c>
      <c r="B5099" t="s">
        <v>3554</v>
      </c>
      <c r="C5099" t="s">
        <v>52</v>
      </c>
      <c r="D5099" t="s">
        <v>10</v>
      </c>
      <c r="E5099" t="s">
        <v>11</v>
      </c>
      <c r="F5099" s="2">
        <v>1</v>
      </c>
      <c r="G5099" t="s">
        <v>240</v>
      </c>
      <c r="H5099" t="s">
        <v>13</v>
      </c>
    </row>
    <row r="5100" spans="1:8" x14ac:dyDescent="0.25">
      <c r="A5100" s="1">
        <v>43760</v>
      </c>
      <c r="B5100" t="s">
        <v>3554</v>
      </c>
      <c r="C5100" t="s">
        <v>14</v>
      </c>
      <c r="D5100" t="s">
        <v>10</v>
      </c>
      <c r="E5100" t="s">
        <v>11</v>
      </c>
      <c r="F5100" s="2">
        <v>1</v>
      </c>
      <c r="G5100" t="s">
        <v>240</v>
      </c>
      <c r="H5100" t="s">
        <v>13</v>
      </c>
    </row>
    <row r="5101" spans="1:8" x14ac:dyDescent="0.25">
      <c r="A5101" s="1">
        <v>43760</v>
      </c>
      <c r="B5101" t="s">
        <v>3555</v>
      </c>
      <c r="C5101" t="s">
        <v>47</v>
      </c>
      <c r="D5101" t="s">
        <v>10</v>
      </c>
      <c r="E5101" t="s">
        <v>11</v>
      </c>
      <c r="F5101" s="2">
        <v>1</v>
      </c>
      <c r="G5101" t="s">
        <v>793</v>
      </c>
      <c r="H5101" t="s">
        <v>13</v>
      </c>
    </row>
    <row r="5102" spans="1:8" x14ac:dyDescent="0.25">
      <c r="A5102" s="1">
        <v>43758</v>
      </c>
      <c r="B5102" t="s">
        <v>3556</v>
      </c>
      <c r="C5102" t="s">
        <v>2933</v>
      </c>
      <c r="D5102" t="s">
        <v>10</v>
      </c>
      <c r="E5102" t="s">
        <v>11</v>
      </c>
      <c r="F5102" s="2">
        <v>1</v>
      </c>
      <c r="G5102" t="s">
        <v>2131</v>
      </c>
      <c r="H5102" t="s">
        <v>13</v>
      </c>
    </row>
    <row r="5103" spans="1:8" x14ac:dyDescent="0.25">
      <c r="A5103" s="1">
        <v>43758</v>
      </c>
      <c r="B5103" t="s">
        <v>3556</v>
      </c>
      <c r="C5103" t="s">
        <v>689</v>
      </c>
      <c r="D5103" t="s">
        <v>10</v>
      </c>
      <c r="E5103" t="s">
        <v>11</v>
      </c>
      <c r="F5103" s="2">
        <v>1</v>
      </c>
      <c r="G5103" t="s">
        <v>2131</v>
      </c>
      <c r="H5103" t="s">
        <v>13</v>
      </c>
    </row>
    <row r="5104" spans="1:8" x14ac:dyDescent="0.25">
      <c r="A5104" s="1">
        <v>43758</v>
      </c>
      <c r="B5104" t="s">
        <v>3556</v>
      </c>
      <c r="C5104" t="s">
        <v>453</v>
      </c>
      <c r="D5104" t="s">
        <v>10</v>
      </c>
      <c r="E5104" t="s">
        <v>11</v>
      </c>
      <c r="F5104" s="2">
        <v>1</v>
      </c>
      <c r="G5104" t="s">
        <v>2131</v>
      </c>
      <c r="H5104" t="s">
        <v>13</v>
      </c>
    </row>
    <row r="5105" spans="1:8" x14ac:dyDescent="0.25">
      <c r="A5105" s="1">
        <v>43758</v>
      </c>
      <c r="B5105" t="s">
        <v>3557</v>
      </c>
      <c r="C5105" t="s">
        <v>47</v>
      </c>
      <c r="D5105" t="s">
        <v>10</v>
      </c>
      <c r="E5105" t="s">
        <v>11</v>
      </c>
      <c r="F5105" s="2">
        <v>1</v>
      </c>
      <c r="G5105" t="s">
        <v>135</v>
      </c>
      <c r="H5105" t="s">
        <v>13</v>
      </c>
    </row>
    <row r="5106" spans="1:8" x14ac:dyDescent="0.25">
      <c r="A5106" s="1">
        <v>43757</v>
      </c>
      <c r="B5106" t="s">
        <v>3558</v>
      </c>
      <c r="C5106" t="s">
        <v>19</v>
      </c>
      <c r="D5106" t="s">
        <v>10</v>
      </c>
      <c r="E5106" t="s">
        <v>11</v>
      </c>
      <c r="F5106" s="2">
        <v>1</v>
      </c>
      <c r="G5106" t="s">
        <v>37</v>
      </c>
      <c r="H5106" t="s">
        <v>13</v>
      </c>
    </row>
    <row r="5107" spans="1:8" x14ac:dyDescent="0.25">
      <c r="A5107" s="1">
        <v>43757</v>
      </c>
      <c r="B5107" t="s">
        <v>3559</v>
      </c>
      <c r="C5107" t="s">
        <v>16</v>
      </c>
      <c r="D5107" t="s">
        <v>10</v>
      </c>
      <c r="E5107" t="s">
        <v>11</v>
      </c>
      <c r="F5107" s="2">
        <v>1</v>
      </c>
      <c r="G5107" t="s">
        <v>701</v>
      </c>
      <c r="H5107" t="s">
        <v>13</v>
      </c>
    </row>
    <row r="5108" spans="1:8" x14ac:dyDescent="0.25">
      <c r="A5108" s="1">
        <v>43756</v>
      </c>
      <c r="B5108" t="s">
        <v>3560</v>
      </c>
      <c r="C5108" t="s">
        <v>60</v>
      </c>
      <c r="D5108" t="s">
        <v>10</v>
      </c>
      <c r="E5108" t="s">
        <v>11</v>
      </c>
      <c r="F5108" s="2">
        <v>1</v>
      </c>
      <c r="G5108" t="s">
        <v>93</v>
      </c>
      <c r="H5108" t="s">
        <v>13</v>
      </c>
    </row>
    <row r="5109" spans="1:8" x14ac:dyDescent="0.25">
      <c r="A5109" s="1">
        <v>43756</v>
      </c>
      <c r="B5109" t="s">
        <v>3561</v>
      </c>
      <c r="C5109" t="s">
        <v>9</v>
      </c>
      <c r="D5109" t="s">
        <v>10</v>
      </c>
      <c r="E5109" t="s">
        <v>11</v>
      </c>
      <c r="F5109" s="2">
        <v>1</v>
      </c>
      <c r="G5109" t="s">
        <v>145</v>
      </c>
      <c r="H5109" t="s">
        <v>13</v>
      </c>
    </row>
    <row r="5110" spans="1:8" x14ac:dyDescent="0.25">
      <c r="A5110" s="1">
        <v>43756</v>
      </c>
      <c r="B5110" t="s">
        <v>3561</v>
      </c>
      <c r="C5110" t="s">
        <v>47</v>
      </c>
      <c r="D5110" t="s">
        <v>10</v>
      </c>
      <c r="E5110" t="s">
        <v>11</v>
      </c>
      <c r="F5110" s="2">
        <v>1</v>
      </c>
      <c r="G5110" t="s">
        <v>145</v>
      </c>
      <c r="H5110" t="s">
        <v>13</v>
      </c>
    </row>
    <row r="5111" spans="1:8" x14ac:dyDescent="0.25">
      <c r="A5111" s="1">
        <v>43755</v>
      </c>
      <c r="B5111" t="s">
        <v>3562</v>
      </c>
      <c r="C5111" t="s">
        <v>47</v>
      </c>
      <c r="D5111" t="s">
        <v>10</v>
      </c>
      <c r="E5111" t="s">
        <v>11</v>
      </c>
      <c r="F5111" s="2">
        <v>1</v>
      </c>
      <c r="G5111" t="s">
        <v>216</v>
      </c>
      <c r="H5111" t="s">
        <v>13</v>
      </c>
    </row>
    <row r="5112" spans="1:8" x14ac:dyDescent="0.25">
      <c r="A5112" s="1">
        <v>43755</v>
      </c>
      <c r="B5112" t="s">
        <v>3563</v>
      </c>
      <c r="C5112" t="s">
        <v>9</v>
      </c>
      <c r="D5112" t="s">
        <v>10</v>
      </c>
      <c r="E5112" t="s">
        <v>11</v>
      </c>
      <c r="F5112" s="2">
        <v>1</v>
      </c>
      <c r="G5112" t="s">
        <v>187</v>
      </c>
      <c r="H5112" t="s">
        <v>13</v>
      </c>
    </row>
    <row r="5113" spans="1:8" x14ac:dyDescent="0.25">
      <c r="A5113" s="1">
        <v>43755</v>
      </c>
      <c r="B5113" t="s">
        <v>3563</v>
      </c>
      <c r="C5113" t="s">
        <v>14</v>
      </c>
      <c r="D5113" t="s">
        <v>10</v>
      </c>
      <c r="E5113" t="s">
        <v>11</v>
      </c>
      <c r="F5113" s="2">
        <v>1</v>
      </c>
      <c r="G5113" t="s">
        <v>187</v>
      </c>
      <c r="H5113" t="s">
        <v>13</v>
      </c>
    </row>
    <row r="5114" spans="1:8" x14ac:dyDescent="0.25">
      <c r="A5114" s="1">
        <v>43755</v>
      </c>
      <c r="B5114" t="s">
        <v>3564</v>
      </c>
      <c r="C5114" t="s">
        <v>9</v>
      </c>
      <c r="D5114" t="s">
        <v>10</v>
      </c>
      <c r="E5114" t="s">
        <v>11</v>
      </c>
      <c r="F5114" s="2">
        <v>1</v>
      </c>
      <c r="G5114" t="s">
        <v>53</v>
      </c>
      <c r="H5114" t="s">
        <v>13</v>
      </c>
    </row>
    <row r="5115" spans="1:8" x14ac:dyDescent="0.25">
      <c r="A5115" s="1">
        <v>43755</v>
      </c>
      <c r="B5115" t="s">
        <v>3565</v>
      </c>
      <c r="C5115" t="s">
        <v>379</v>
      </c>
      <c r="D5115" t="s">
        <v>10</v>
      </c>
      <c r="E5115" t="s">
        <v>11</v>
      </c>
      <c r="F5115" s="2">
        <v>1</v>
      </c>
      <c r="G5115" t="s">
        <v>1650</v>
      </c>
      <c r="H5115" t="s">
        <v>13</v>
      </c>
    </row>
    <row r="5116" spans="1:8" x14ac:dyDescent="0.25">
      <c r="A5116" s="1">
        <v>43755</v>
      </c>
      <c r="B5116" t="s">
        <v>3565</v>
      </c>
      <c r="C5116" t="s">
        <v>379</v>
      </c>
      <c r="D5116" t="s">
        <v>10</v>
      </c>
      <c r="E5116" t="s">
        <v>11</v>
      </c>
      <c r="F5116" s="2">
        <v>1</v>
      </c>
      <c r="G5116" t="s">
        <v>1650</v>
      </c>
      <c r="H5116" t="s">
        <v>13</v>
      </c>
    </row>
    <row r="5117" spans="1:8" x14ac:dyDescent="0.25">
      <c r="A5117" s="1">
        <v>43755</v>
      </c>
      <c r="B5117" t="s">
        <v>3565</v>
      </c>
      <c r="C5117" t="s">
        <v>199</v>
      </c>
      <c r="D5117" t="s">
        <v>10</v>
      </c>
      <c r="E5117" t="s">
        <v>11</v>
      </c>
      <c r="F5117" s="2">
        <v>1</v>
      </c>
      <c r="G5117" t="s">
        <v>1650</v>
      </c>
      <c r="H5117" t="s">
        <v>13</v>
      </c>
    </row>
    <row r="5118" spans="1:8" x14ac:dyDescent="0.25">
      <c r="A5118" s="1">
        <v>43755</v>
      </c>
      <c r="B5118" t="s">
        <v>3565</v>
      </c>
      <c r="C5118" t="s">
        <v>199</v>
      </c>
      <c r="D5118" t="s">
        <v>10</v>
      </c>
      <c r="E5118" t="s">
        <v>11</v>
      </c>
      <c r="F5118" s="2">
        <v>1</v>
      </c>
      <c r="G5118" t="s">
        <v>1650</v>
      </c>
      <c r="H5118" t="s">
        <v>13</v>
      </c>
    </row>
    <row r="5119" spans="1:8" x14ac:dyDescent="0.25">
      <c r="A5119" s="1">
        <v>43755</v>
      </c>
      <c r="B5119" t="s">
        <v>3565</v>
      </c>
      <c r="C5119" t="s">
        <v>1259</v>
      </c>
      <c r="D5119" t="s">
        <v>10</v>
      </c>
      <c r="E5119" t="s">
        <v>11</v>
      </c>
      <c r="F5119" s="2">
        <v>1</v>
      </c>
      <c r="G5119" t="s">
        <v>1650</v>
      </c>
      <c r="H5119" t="s">
        <v>13</v>
      </c>
    </row>
    <row r="5120" spans="1:8" x14ac:dyDescent="0.25">
      <c r="A5120" s="1">
        <v>43755</v>
      </c>
      <c r="B5120" t="s">
        <v>3565</v>
      </c>
      <c r="C5120" t="s">
        <v>1259</v>
      </c>
      <c r="D5120" t="s">
        <v>10</v>
      </c>
      <c r="E5120" t="s">
        <v>11</v>
      </c>
      <c r="F5120" s="2">
        <v>1</v>
      </c>
      <c r="G5120" t="s">
        <v>1650</v>
      </c>
      <c r="H5120" t="s">
        <v>13</v>
      </c>
    </row>
    <row r="5121" spans="1:8" x14ac:dyDescent="0.25">
      <c r="A5121" s="1">
        <v>43754</v>
      </c>
      <c r="B5121" t="s">
        <v>3566</v>
      </c>
      <c r="C5121" t="s">
        <v>9</v>
      </c>
      <c r="D5121" t="s">
        <v>10</v>
      </c>
      <c r="E5121" t="s">
        <v>11</v>
      </c>
      <c r="F5121" s="2">
        <v>1</v>
      </c>
      <c r="G5121" t="s">
        <v>72</v>
      </c>
      <c r="H5121" t="s">
        <v>13</v>
      </c>
    </row>
    <row r="5122" spans="1:8" x14ac:dyDescent="0.25">
      <c r="A5122" s="1">
        <v>43754</v>
      </c>
      <c r="B5122" t="s">
        <v>3566</v>
      </c>
      <c r="C5122" t="s">
        <v>28</v>
      </c>
      <c r="D5122" t="s">
        <v>10</v>
      </c>
      <c r="E5122" t="s">
        <v>11</v>
      </c>
      <c r="F5122" s="2">
        <v>1</v>
      </c>
      <c r="G5122" t="s">
        <v>72</v>
      </c>
      <c r="H5122" t="s">
        <v>13</v>
      </c>
    </row>
    <row r="5123" spans="1:8" x14ac:dyDescent="0.25">
      <c r="A5123" s="1">
        <v>43754</v>
      </c>
      <c r="B5123" t="s">
        <v>3566</v>
      </c>
      <c r="C5123" t="s">
        <v>35</v>
      </c>
      <c r="D5123" t="s">
        <v>10</v>
      </c>
      <c r="E5123" t="s">
        <v>11</v>
      </c>
      <c r="F5123" s="2">
        <v>1</v>
      </c>
      <c r="G5123" t="s">
        <v>72</v>
      </c>
      <c r="H5123" t="s">
        <v>13</v>
      </c>
    </row>
    <row r="5124" spans="1:8" x14ac:dyDescent="0.25">
      <c r="A5124" s="1">
        <v>43754</v>
      </c>
      <c r="B5124" t="s">
        <v>3567</v>
      </c>
      <c r="C5124" t="s">
        <v>14</v>
      </c>
      <c r="D5124" t="s">
        <v>10</v>
      </c>
      <c r="E5124" t="s">
        <v>11</v>
      </c>
      <c r="F5124" s="2">
        <v>1</v>
      </c>
      <c r="G5124" t="s">
        <v>1003</v>
      </c>
      <c r="H5124" t="s">
        <v>13</v>
      </c>
    </row>
    <row r="5125" spans="1:8" x14ac:dyDescent="0.25">
      <c r="A5125" s="1">
        <v>43753</v>
      </c>
      <c r="B5125" t="s">
        <v>3568</v>
      </c>
      <c r="C5125" t="s">
        <v>9</v>
      </c>
      <c r="D5125" t="s">
        <v>10</v>
      </c>
      <c r="E5125" t="s">
        <v>11</v>
      </c>
      <c r="F5125" s="2">
        <v>1</v>
      </c>
      <c r="G5125" t="s">
        <v>20</v>
      </c>
      <c r="H5125" t="s">
        <v>13</v>
      </c>
    </row>
    <row r="5126" spans="1:8" x14ac:dyDescent="0.25">
      <c r="A5126" s="1">
        <v>43753</v>
      </c>
      <c r="B5126" t="s">
        <v>3568</v>
      </c>
      <c r="C5126" t="s">
        <v>28</v>
      </c>
      <c r="D5126" t="s">
        <v>10</v>
      </c>
      <c r="E5126" t="s">
        <v>11</v>
      </c>
      <c r="F5126" s="2">
        <v>1</v>
      </c>
      <c r="G5126" t="s">
        <v>20</v>
      </c>
      <c r="H5126" t="s">
        <v>13</v>
      </c>
    </row>
    <row r="5127" spans="1:8" x14ac:dyDescent="0.25">
      <c r="A5127" s="1">
        <v>43753</v>
      </c>
      <c r="B5127" t="s">
        <v>3568</v>
      </c>
      <c r="C5127" t="s">
        <v>29</v>
      </c>
      <c r="D5127" t="s">
        <v>10</v>
      </c>
      <c r="E5127" t="s">
        <v>11</v>
      </c>
      <c r="F5127" s="2">
        <v>1</v>
      </c>
      <c r="G5127" t="s">
        <v>20</v>
      </c>
      <c r="H5127" t="s">
        <v>13</v>
      </c>
    </row>
    <row r="5128" spans="1:8" x14ac:dyDescent="0.25">
      <c r="A5128" s="1">
        <v>43753</v>
      </c>
      <c r="B5128" t="s">
        <v>3568</v>
      </c>
      <c r="C5128" t="s">
        <v>35</v>
      </c>
      <c r="D5128" t="s">
        <v>10</v>
      </c>
      <c r="E5128" t="s">
        <v>11</v>
      </c>
      <c r="F5128" s="2">
        <v>1</v>
      </c>
      <c r="G5128" t="s">
        <v>20</v>
      </c>
      <c r="H5128" t="s">
        <v>13</v>
      </c>
    </row>
    <row r="5129" spans="1:8" x14ac:dyDescent="0.25">
      <c r="A5129" s="1">
        <v>43753</v>
      </c>
      <c r="B5129" t="s">
        <v>3569</v>
      </c>
      <c r="C5129" t="s">
        <v>413</v>
      </c>
      <c r="D5129" t="s">
        <v>10</v>
      </c>
      <c r="E5129" t="s">
        <v>11</v>
      </c>
      <c r="F5129" s="2">
        <v>1</v>
      </c>
      <c r="G5129" t="s">
        <v>145</v>
      </c>
      <c r="H5129" t="s">
        <v>13</v>
      </c>
    </row>
    <row r="5130" spans="1:8" x14ac:dyDescent="0.25">
      <c r="A5130" s="1">
        <v>43753</v>
      </c>
      <c r="B5130" t="s">
        <v>3570</v>
      </c>
      <c r="C5130" t="s">
        <v>9</v>
      </c>
      <c r="D5130" t="s">
        <v>10</v>
      </c>
      <c r="E5130" t="s">
        <v>11</v>
      </c>
      <c r="F5130" s="2">
        <v>1</v>
      </c>
      <c r="G5130" t="s">
        <v>100</v>
      </c>
      <c r="H5130" t="s">
        <v>13</v>
      </c>
    </row>
    <row r="5131" spans="1:8" x14ac:dyDescent="0.25">
      <c r="A5131" s="1">
        <v>43753</v>
      </c>
      <c r="B5131" t="s">
        <v>3570</v>
      </c>
      <c r="C5131" t="s">
        <v>174</v>
      </c>
      <c r="D5131" t="s">
        <v>10</v>
      </c>
      <c r="E5131" t="s">
        <v>11</v>
      </c>
      <c r="F5131" s="2">
        <v>1</v>
      </c>
      <c r="G5131" t="s">
        <v>100</v>
      </c>
      <c r="H5131" t="s">
        <v>13</v>
      </c>
    </row>
    <row r="5132" spans="1:8" x14ac:dyDescent="0.25">
      <c r="A5132" s="1">
        <v>43753</v>
      </c>
      <c r="B5132" t="s">
        <v>3570</v>
      </c>
      <c r="C5132" t="s">
        <v>35</v>
      </c>
      <c r="D5132" t="s">
        <v>10</v>
      </c>
      <c r="E5132" t="s">
        <v>11</v>
      </c>
      <c r="F5132" s="2">
        <v>1</v>
      </c>
      <c r="G5132" t="s">
        <v>100</v>
      </c>
      <c r="H5132" t="s">
        <v>13</v>
      </c>
    </row>
    <row r="5133" spans="1:8" x14ac:dyDescent="0.25">
      <c r="A5133" s="1">
        <v>43753</v>
      </c>
      <c r="B5133" t="s">
        <v>3571</v>
      </c>
      <c r="C5133" t="s">
        <v>79</v>
      </c>
      <c r="D5133" t="s">
        <v>10</v>
      </c>
      <c r="E5133" t="s">
        <v>11</v>
      </c>
      <c r="F5133" s="2">
        <v>1</v>
      </c>
      <c r="G5133" t="s">
        <v>559</v>
      </c>
      <c r="H5133" t="s">
        <v>13</v>
      </c>
    </row>
    <row r="5134" spans="1:8" x14ac:dyDescent="0.25">
      <c r="A5134" s="1">
        <v>43753</v>
      </c>
      <c r="B5134" t="s">
        <v>3571</v>
      </c>
      <c r="C5134" t="s">
        <v>80</v>
      </c>
      <c r="D5134" t="s">
        <v>10</v>
      </c>
      <c r="E5134" t="s">
        <v>11</v>
      </c>
      <c r="F5134" s="2">
        <v>1</v>
      </c>
      <c r="G5134" t="s">
        <v>559</v>
      </c>
      <c r="H5134" t="s">
        <v>13</v>
      </c>
    </row>
    <row r="5135" spans="1:8" x14ac:dyDescent="0.25">
      <c r="A5135" s="1">
        <v>43752</v>
      </c>
      <c r="B5135" t="s">
        <v>3572</v>
      </c>
      <c r="C5135" t="s">
        <v>79</v>
      </c>
      <c r="D5135" t="s">
        <v>10</v>
      </c>
      <c r="E5135" t="s">
        <v>11</v>
      </c>
      <c r="F5135" s="2">
        <v>1</v>
      </c>
      <c r="G5135" t="s">
        <v>496</v>
      </c>
      <c r="H5135" t="s">
        <v>13</v>
      </c>
    </row>
    <row r="5136" spans="1:8" x14ac:dyDescent="0.25">
      <c r="A5136" s="1">
        <v>43752</v>
      </c>
      <c r="B5136" t="s">
        <v>3572</v>
      </c>
      <c r="C5136" t="s">
        <v>80</v>
      </c>
      <c r="D5136" t="s">
        <v>10</v>
      </c>
      <c r="E5136" t="s">
        <v>11</v>
      </c>
      <c r="F5136" s="2">
        <v>1</v>
      </c>
      <c r="G5136" t="s">
        <v>496</v>
      </c>
      <c r="H5136" t="s">
        <v>13</v>
      </c>
    </row>
    <row r="5137" spans="1:8" x14ac:dyDescent="0.25">
      <c r="A5137" s="1">
        <v>43752</v>
      </c>
      <c r="B5137" t="s">
        <v>3573</v>
      </c>
      <c r="C5137" t="s">
        <v>2951</v>
      </c>
      <c r="D5137" t="s">
        <v>10</v>
      </c>
      <c r="E5137" t="s">
        <v>11</v>
      </c>
      <c r="F5137" s="2">
        <v>1</v>
      </c>
      <c r="G5137" t="s">
        <v>181</v>
      </c>
      <c r="H5137" t="s">
        <v>13</v>
      </c>
    </row>
    <row r="5138" spans="1:8" x14ac:dyDescent="0.25">
      <c r="A5138" s="1">
        <v>43751</v>
      </c>
      <c r="B5138" t="s">
        <v>3574</v>
      </c>
      <c r="C5138" t="s">
        <v>249</v>
      </c>
      <c r="D5138" t="s">
        <v>10</v>
      </c>
      <c r="E5138" t="s">
        <v>11</v>
      </c>
      <c r="F5138" s="2">
        <v>1</v>
      </c>
      <c r="G5138" t="s">
        <v>100</v>
      </c>
      <c r="H5138" t="s">
        <v>13</v>
      </c>
    </row>
    <row r="5139" spans="1:8" x14ac:dyDescent="0.25">
      <c r="A5139" s="1">
        <v>43751</v>
      </c>
      <c r="B5139" t="s">
        <v>3575</v>
      </c>
      <c r="C5139" t="s">
        <v>1512</v>
      </c>
      <c r="D5139" t="s">
        <v>10</v>
      </c>
      <c r="E5139" t="s">
        <v>11</v>
      </c>
      <c r="F5139" s="2">
        <v>1</v>
      </c>
      <c r="G5139" t="s">
        <v>145</v>
      </c>
      <c r="H5139" t="s">
        <v>13</v>
      </c>
    </row>
    <row r="5140" spans="1:8" x14ac:dyDescent="0.25">
      <c r="A5140" s="1">
        <v>43750</v>
      </c>
      <c r="B5140" t="s">
        <v>3576</v>
      </c>
      <c r="C5140" t="s">
        <v>118</v>
      </c>
      <c r="D5140" t="s">
        <v>10</v>
      </c>
      <c r="E5140" t="s">
        <v>11</v>
      </c>
      <c r="F5140" s="2">
        <v>1</v>
      </c>
      <c r="G5140" t="s">
        <v>20</v>
      </c>
      <c r="H5140" t="s">
        <v>13</v>
      </c>
    </row>
    <row r="5141" spans="1:8" x14ac:dyDescent="0.25">
      <c r="A5141" s="1">
        <v>43750</v>
      </c>
      <c r="B5141" t="s">
        <v>3576</v>
      </c>
      <c r="C5141" t="s">
        <v>35</v>
      </c>
      <c r="D5141" t="s">
        <v>10</v>
      </c>
      <c r="E5141" t="s">
        <v>11</v>
      </c>
      <c r="F5141" s="2">
        <v>1</v>
      </c>
      <c r="G5141" t="s">
        <v>20</v>
      </c>
      <c r="H5141" t="s">
        <v>13</v>
      </c>
    </row>
    <row r="5142" spans="1:8" x14ac:dyDescent="0.25">
      <c r="A5142" s="1">
        <v>43750</v>
      </c>
      <c r="B5142" t="s">
        <v>3576</v>
      </c>
      <c r="C5142" t="s">
        <v>47</v>
      </c>
      <c r="D5142" t="s">
        <v>10</v>
      </c>
      <c r="E5142" t="s">
        <v>11</v>
      </c>
      <c r="F5142" s="2">
        <v>1</v>
      </c>
      <c r="G5142" t="s">
        <v>20</v>
      </c>
      <c r="H5142" t="s">
        <v>13</v>
      </c>
    </row>
    <row r="5143" spans="1:8" x14ac:dyDescent="0.25">
      <c r="A5143" s="1">
        <v>43750</v>
      </c>
      <c r="B5143" t="s">
        <v>3576</v>
      </c>
      <c r="C5143" t="s">
        <v>731</v>
      </c>
      <c r="D5143" t="s">
        <v>10</v>
      </c>
      <c r="E5143" t="s">
        <v>11</v>
      </c>
      <c r="F5143" s="2">
        <v>1</v>
      </c>
      <c r="G5143" t="s">
        <v>20</v>
      </c>
      <c r="H5143" t="s">
        <v>13</v>
      </c>
    </row>
    <row r="5144" spans="1:8" x14ac:dyDescent="0.25">
      <c r="A5144" s="1">
        <v>43749</v>
      </c>
      <c r="B5144" t="s">
        <v>3577</v>
      </c>
      <c r="C5144" t="s">
        <v>35</v>
      </c>
      <c r="D5144" t="s">
        <v>10</v>
      </c>
      <c r="E5144" t="s">
        <v>11</v>
      </c>
      <c r="F5144" s="2">
        <v>1</v>
      </c>
      <c r="G5144" t="s">
        <v>49</v>
      </c>
      <c r="H5144" t="s">
        <v>13</v>
      </c>
    </row>
    <row r="5145" spans="1:8" x14ac:dyDescent="0.25">
      <c r="A5145" s="1">
        <v>43749</v>
      </c>
      <c r="B5145" t="s">
        <v>3577</v>
      </c>
      <c r="C5145" t="s">
        <v>35</v>
      </c>
      <c r="D5145" t="s">
        <v>10</v>
      </c>
      <c r="E5145" t="s">
        <v>11</v>
      </c>
      <c r="F5145" s="2">
        <v>1</v>
      </c>
      <c r="G5145" t="s">
        <v>49</v>
      </c>
      <c r="H5145" t="s">
        <v>13</v>
      </c>
    </row>
    <row r="5146" spans="1:8" x14ac:dyDescent="0.25">
      <c r="A5146" s="1">
        <v>43749</v>
      </c>
      <c r="B5146" t="s">
        <v>3577</v>
      </c>
      <c r="C5146" t="s">
        <v>47</v>
      </c>
      <c r="D5146" t="s">
        <v>10</v>
      </c>
      <c r="E5146" t="s">
        <v>11</v>
      </c>
      <c r="F5146" s="2">
        <v>1</v>
      </c>
      <c r="G5146" t="s">
        <v>49</v>
      </c>
      <c r="H5146" t="s">
        <v>13</v>
      </c>
    </row>
    <row r="5147" spans="1:8" x14ac:dyDescent="0.25">
      <c r="A5147" s="1">
        <v>43749</v>
      </c>
      <c r="B5147" t="s">
        <v>3577</v>
      </c>
      <c r="C5147" t="s">
        <v>47</v>
      </c>
      <c r="D5147" t="s">
        <v>10</v>
      </c>
      <c r="E5147" t="s">
        <v>11</v>
      </c>
      <c r="F5147" s="2">
        <v>1</v>
      </c>
      <c r="G5147" t="s">
        <v>49</v>
      </c>
      <c r="H5147" t="s">
        <v>13</v>
      </c>
    </row>
    <row r="5148" spans="1:8" x14ac:dyDescent="0.25">
      <c r="A5148" s="1">
        <v>43749</v>
      </c>
      <c r="B5148" t="s">
        <v>3577</v>
      </c>
      <c r="C5148" t="s">
        <v>1714</v>
      </c>
      <c r="D5148" t="s">
        <v>10</v>
      </c>
      <c r="E5148" t="s">
        <v>11</v>
      </c>
      <c r="F5148" s="2">
        <v>1</v>
      </c>
      <c r="G5148" t="s">
        <v>49</v>
      </c>
      <c r="H5148" t="s">
        <v>13</v>
      </c>
    </row>
    <row r="5149" spans="1:8" x14ac:dyDescent="0.25">
      <c r="A5149" s="1">
        <v>43749</v>
      </c>
      <c r="B5149" t="s">
        <v>3577</v>
      </c>
      <c r="C5149" t="s">
        <v>1714</v>
      </c>
      <c r="D5149" t="s">
        <v>10</v>
      </c>
      <c r="E5149" t="s">
        <v>11</v>
      </c>
      <c r="F5149" s="2">
        <v>1</v>
      </c>
      <c r="G5149" t="s">
        <v>49</v>
      </c>
      <c r="H5149" t="s">
        <v>13</v>
      </c>
    </row>
    <row r="5150" spans="1:8" x14ac:dyDescent="0.25">
      <c r="A5150" s="1">
        <v>43749</v>
      </c>
      <c r="B5150" t="s">
        <v>3577</v>
      </c>
      <c r="C5150" t="s">
        <v>264</v>
      </c>
      <c r="D5150" t="s">
        <v>10</v>
      </c>
      <c r="E5150" t="s">
        <v>11</v>
      </c>
      <c r="F5150" s="2">
        <v>1</v>
      </c>
      <c r="G5150" t="s">
        <v>49</v>
      </c>
      <c r="H5150" t="s">
        <v>13</v>
      </c>
    </row>
    <row r="5151" spans="1:8" x14ac:dyDescent="0.25">
      <c r="A5151" s="1">
        <v>43749</v>
      </c>
      <c r="B5151" t="s">
        <v>3577</v>
      </c>
      <c r="C5151" t="s">
        <v>264</v>
      </c>
      <c r="D5151" t="s">
        <v>10</v>
      </c>
      <c r="E5151" t="s">
        <v>11</v>
      </c>
      <c r="F5151" s="2">
        <v>1</v>
      </c>
      <c r="G5151" t="s">
        <v>49</v>
      </c>
      <c r="H5151" t="s">
        <v>13</v>
      </c>
    </row>
    <row r="5152" spans="1:8" x14ac:dyDescent="0.25">
      <c r="A5152" s="1">
        <v>43749</v>
      </c>
      <c r="B5152" t="s">
        <v>3578</v>
      </c>
      <c r="C5152" t="s">
        <v>52</v>
      </c>
      <c r="D5152" t="s">
        <v>10</v>
      </c>
      <c r="E5152" t="s">
        <v>11</v>
      </c>
      <c r="F5152" s="2">
        <v>1</v>
      </c>
      <c r="G5152" t="s">
        <v>135</v>
      </c>
      <c r="H5152" t="s">
        <v>13</v>
      </c>
    </row>
    <row r="5153" spans="1:8" x14ac:dyDescent="0.25">
      <c r="A5153" s="1">
        <v>43749</v>
      </c>
      <c r="B5153" t="s">
        <v>3578</v>
      </c>
      <c r="C5153" t="s">
        <v>142</v>
      </c>
      <c r="D5153" t="s">
        <v>10</v>
      </c>
      <c r="E5153" t="s">
        <v>11</v>
      </c>
      <c r="F5153" s="2">
        <v>1</v>
      </c>
      <c r="G5153" t="s">
        <v>135</v>
      </c>
      <c r="H5153" t="s">
        <v>13</v>
      </c>
    </row>
    <row r="5154" spans="1:8" x14ac:dyDescent="0.25">
      <c r="A5154" s="1">
        <v>43749</v>
      </c>
      <c r="B5154" t="s">
        <v>3578</v>
      </c>
      <c r="C5154" t="s">
        <v>151</v>
      </c>
      <c r="D5154" t="s">
        <v>10</v>
      </c>
      <c r="E5154" t="s">
        <v>11</v>
      </c>
      <c r="F5154" s="2">
        <v>1</v>
      </c>
      <c r="G5154" t="s">
        <v>135</v>
      </c>
      <c r="H5154" t="s">
        <v>13</v>
      </c>
    </row>
    <row r="5155" spans="1:8" x14ac:dyDescent="0.25">
      <c r="A5155" s="1">
        <v>43748</v>
      </c>
      <c r="B5155" t="s">
        <v>3579</v>
      </c>
      <c r="C5155" t="s">
        <v>79</v>
      </c>
      <c r="D5155" t="s">
        <v>10</v>
      </c>
      <c r="E5155" t="s">
        <v>11</v>
      </c>
      <c r="F5155" s="2">
        <v>1</v>
      </c>
      <c r="G5155" t="s">
        <v>1392</v>
      </c>
      <c r="H5155" t="s">
        <v>13</v>
      </c>
    </row>
    <row r="5156" spans="1:8" x14ac:dyDescent="0.25">
      <c r="A5156" s="1">
        <v>43748</v>
      </c>
      <c r="B5156" t="s">
        <v>3580</v>
      </c>
      <c r="C5156" t="s">
        <v>9</v>
      </c>
      <c r="D5156" t="s">
        <v>10</v>
      </c>
      <c r="E5156" t="s">
        <v>11</v>
      </c>
      <c r="F5156" s="2">
        <v>1</v>
      </c>
      <c r="G5156" t="s">
        <v>3581</v>
      </c>
      <c r="H5156" t="s">
        <v>13</v>
      </c>
    </row>
    <row r="5157" spans="1:8" x14ac:dyDescent="0.25">
      <c r="A5157" s="1">
        <v>43748</v>
      </c>
      <c r="B5157" t="s">
        <v>3582</v>
      </c>
      <c r="C5157" t="s">
        <v>86</v>
      </c>
      <c r="D5157" t="s">
        <v>10</v>
      </c>
      <c r="E5157" t="s">
        <v>11</v>
      </c>
      <c r="F5157" s="2">
        <v>1</v>
      </c>
      <c r="G5157" t="s">
        <v>12</v>
      </c>
      <c r="H5157" t="s">
        <v>13</v>
      </c>
    </row>
    <row r="5158" spans="1:8" x14ac:dyDescent="0.25">
      <c r="A5158" s="1">
        <v>43747</v>
      </c>
      <c r="B5158" t="s">
        <v>3583</v>
      </c>
      <c r="C5158" t="s">
        <v>9</v>
      </c>
      <c r="D5158" t="s">
        <v>10</v>
      </c>
      <c r="E5158" t="s">
        <v>11</v>
      </c>
      <c r="F5158" s="2">
        <v>1</v>
      </c>
      <c r="G5158" t="s">
        <v>296</v>
      </c>
      <c r="H5158" t="s">
        <v>13</v>
      </c>
    </row>
    <row r="5159" spans="1:8" x14ac:dyDescent="0.25">
      <c r="A5159" s="1">
        <v>43747</v>
      </c>
      <c r="B5159" t="s">
        <v>3583</v>
      </c>
      <c r="C5159" t="s">
        <v>47</v>
      </c>
      <c r="D5159" t="s">
        <v>10</v>
      </c>
      <c r="E5159" t="s">
        <v>11</v>
      </c>
      <c r="F5159" s="2">
        <v>1</v>
      </c>
      <c r="G5159" t="s">
        <v>296</v>
      </c>
      <c r="H5159" t="s">
        <v>13</v>
      </c>
    </row>
    <row r="5160" spans="1:8" x14ac:dyDescent="0.25">
      <c r="A5160" s="1">
        <v>43745</v>
      </c>
      <c r="B5160" t="s">
        <v>3584</v>
      </c>
      <c r="C5160" t="s">
        <v>1883</v>
      </c>
      <c r="D5160" t="s">
        <v>10</v>
      </c>
      <c r="E5160" t="s">
        <v>11</v>
      </c>
      <c r="F5160" s="2">
        <v>1</v>
      </c>
      <c r="G5160" t="s">
        <v>20</v>
      </c>
      <c r="H5160" t="s">
        <v>13</v>
      </c>
    </row>
    <row r="5161" spans="1:8" x14ac:dyDescent="0.25">
      <c r="A5161" s="1">
        <v>43744</v>
      </c>
      <c r="B5161" t="s">
        <v>3585</v>
      </c>
      <c r="C5161" t="s">
        <v>9</v>
      </c>
      <c r="D5161" t="s">
        <v>10</v>
      </c>
      <c r="E5161" t="s">
        <v>11</v>
      </c>
      <c r="F5161" s="2">
        <v>1</v>
      </c>
      <c r="G5161" t="s">
        <v>46</v>
      </c>
      <c r="H5161" t="s">
        <v>13</v>
      </c>
    </row>
    <row r="5162" spans="1:8" x14ac:dyDescent="0.25">
      <c r="A5162" s="1">
        <v>43744</v>
      </c>
      <c r="B5162" t="s">
        <v>3585</v>
      </c>
      <c r="C5162" t="s">
        <v>35</v>
      </c>
      <c r="D5162" t="s">
        <v>10</v>
      </c>
      <c r="E5162" t="s">
        <v>11</v>
      </c>
      <c r="F5162" s="2">
        <v>1</v>
      </c>
      <c r="G5162" t="s">
        <v>46</v>
      </c>
      <c r="H5162" t="s">
        <v>13</v>
      </c>
    </row>
    <row r="5163" spans="1:8" x14ac:dyDescent="0.25">
      <c r="A5163" s="1">
        <v>43744</v>
      </c>
      <c r="B5163" t="s">
        <v>3586</v>
      </c>
      <c r="C5163" t="s">
        <v>92</v>
      </c>
      <c r="D5163" t="s">
        <v>10</v>
      </c>
      <c r="E5163" t="s">
        <v>11</v>
      </c>
      <c r="F5163" s="2">
        <v>1</v>
      </c>
      <c r="G5163" t="s">
        <v>100</v>
      </c>
      <c r="H5163" t="s">
        <v>13</v>
      </c>
    </row>
    <row r="5164" spans="1:8" x14ac:dyDescent="0.25">
      <c r="A5164" s="1">
        <v>43742</v>
      </c>
      <c r="B5164" t="s">
        <v>3587</v>
      </c>
      <c r="C5164" t="s">
        <v>9</v>
      </c>
      <c r="D5164" t="s">
        <v>10</v>
      </c>
      <c r="E5164" t="s">
        <v>11</v>
      </c>
      <c r="F5164" s="2">
        <v>1</v>
      </c>
      <c r="G5164" t="s">
        <v>37</v>
      </c>
      <c r="H5164" t="s">
        <v>13</v>
      </c>
    </row>
    <row r="5165" spans="1:8" x14ac:dyDescent="0.25">
      <c r="A5165" s="1">
        <v>43742</v>
      </c>
      <c r="B5165" t="s">
        <v>3587</v>
      </c>
      <c r="C5165" t="s">
        <v>47</v>
      </c>
      <c r="D5165" t="s">
        <v>10</v>
      </c>
      <c r="E5165" t="s">
        <v>11</v>
      </c>
      <c r="F5165" s="2">
        <v>1</v>
      </c>
      <c r="G5165" t="s">
        <v>37</v>
      </c>
      <c r="H5165" t="s">
        <v>13</v>
      </c>
    </row>
    <row r="5166" spans="1:8" x14ac:dyDescent="0.25">
      <c r="A5166" s="1">
        <v>43739</v>
      </c>
      <c r="B5166" t="s">
        <v>3588</v>
      </c>
      <c r="C5166" t="s">
        <v>160</v>
      </c>
      <c r="D5166" t="s">
        <v>10</v>
      </c>
      <c r="E5166" t="s">
        <v>11</v>
      </c>
      <c r="F5166" s="2">
        <v>1</v>
      </c>
      <c r="G5166" t="s">
        <v>31</v>
      </c>
      <c r="H5166" t="s">
        <v>13</v>
      </c>
    </row>
    <row r="5167" spans="1:8" x14ac:dyDescent="0.25">
      <c r="A5167" s="1">
        <v>43739</v>
      </c>
      <c r="B5167" t="s">
        <v>3589</v>
      </c>
      <c r="C5167" t="s">
        <v>9</v>
      </c>
      <c r="D5167" t="s">
        <v>10</v>
      </c>
      <c r="E5167" t="s">
        <v>11</v>
      </c>
      <c r="F5167" s="2">
        <v>1</v>
      </c>
      <c r="G5167" t="s">
        <v>20</v>
      </c>
      <c r="H5167" t="s">
        <v>13</v>
      </c>
    </row>
    <row r="5168" spans="1:8" x14ac:dyDescent="0.25">
      <c r="A5168" s="1">
        <v>43739</v>
      </c>
      <c r="B5168" t="s">
        <v>3589</v>
      </c>
      <c r="C5168" t="s">
        <v>142</v>
      </c>
      <c r="D5168" t="s">
        <v>10</v>
      </c>
      <c r="E5168" t="s">
        <v>11</v>
      </c>
      <c r="F5168" s="2">
        <v>1</v>
      </c>
      <c r="G5168" t="s">
        <v>20</v>
      </c>
      <c r="H5168" t="s">
        <v>13</v>
      </c>
    </row>
    <row r="5169" spans="1:8" x14ac:dyDescent="0.25">
      <c r="A5169" s="1">
        <v>43739</v>
      </c>
      <c r="B5169" t="s">
        <v>3589</v>
      </c>
      <c r="C5169" t="s">
        <v>689</v>
      </c>
      <c r="D5169" t="s">
        <v>10</v>
      </c>
      <c r="E5169" t="s">
        <v>11</v>
      </c>
      <c r="F5169" s="2">
        <v>1</v>
      </c>
      <c r="G5169" t="s">
        <v>20</v>
      </c>
      <c r="H5169" t="s">
        <v>13</v>
      </c>
    </row>
    <row r="5170" spans="1:8" x14ac:dyDescent="0.25">
      <c r="A5170" s="1">
        <v>43739</v>
      </c>
      <c r="B5170" t="s">
        <v>3589</v>
      </c>
      <c r="C5170" t="s">
        <v>1153</v>
      </c>
      <c r="D5170" t="s">
        <v>10</v>
      </c>
      <c r="E5170" t="s">
        <v>11</v>
      </c>
      <c r="F5170" s="2">
        <v>1</v>
      </c>
      <c r="G5170" t="s">
        <v>20</v>
      </c>
      <c r="H5170" t="s">
        <v>13</v>
      </c>
    </row>
    <row r="5171" spans="1:8" x14ac:dyDescent="0.25">
      <c r="A5171" s="1">
        <v>43739</v>
      </c>
      <c r="B5171" t="s">
        <v>3589</v>
      </c>
      <c r="C5171" t="s">
        <v>416</v>
      </c>
      <c r="D5171" t="s">
        <v>10</v>
      </c>
      <c r="E5171" t="s">
        <v>11</v>
      </c>
      <c r="F5171" s="2">
        <v>1</v>
      </c>
      <c r="G5171" t="s">
        <v>20</v>
      </c>
      <c r="H5171" t="s">
        <v>13</v>
      </c>
    </row>
    <row r="5172" spans="1:8" x14ac:dyDescent="0.25">
      <c r="A5172" s="1">
        <v>43739</v>
      </c>
      <c r="B5172" t="s">
        <v>3590</v>
      </c>
      <c r="C5172" t="s">
        <v>9</v>
      </c>
      <c r="D5172" t="s">
        <v>10</v>
      </c>
      <c r="E5172" t="s">
        <v>11</v>
      </c>
      <c r="F5172" s="2">
        <v>1</v>
      </c>
      <c r="G5172" t="s">
        <v>181</v>
      </c>
      <c r="H5172" t="s">
        <v>13</v>
      </c>
    </row>
    <row r="5173" spans="1:8" x14ac:dyDescent="0.25">
      <c r="A5173" s="1">
        <v>43739</v>
      </c>
      <c r="B5173" t="s">
        <v>3590</v>
      </c>
      <c r="C5173" t="s">
        <v>47</v>
      </c>
      <c r="D5173" t="s">
        <v>10</v>
      </c>
      <c r="E5173" t="s">
        <v>11</v>
      </c>
      <c r="F5173" s="2">
        <v>1</v>
      </c>
      <c r="G5173" t="s">
        <v>181</v>
      </c>
      <c r="H5173" t="s">
        <v>13</v>
      </c>
    </row>
    <row r="5174" spans="1:8" x14ac:dyDescent="0.25">
      <c r="A5174" s="1">
        <v>43737</v>
      </c>
      <c r="B5174" t="s">
        <v>3591</v>
      </c>
      <c r="C5174" t="s">
        <v>9</v>
      </c>
      <c r="D5174" t="s">
        <v>10</v>
      </c>
      <c r="E5174" t="s">
        <v>11</v>
      </c>
      <c r="F5174" s="2">
        <v>1</v>
      </c>
      <c r="G5174" t="s">
        <v>2993</v>
      </c>
      <c r="H5174" t="s">
        <v>13</v>
      </c>
    </row>
    <row r="5175" spans="1:8" x14ac:dyDescent="0.25">
      <c r="A5175" s="1">
        <v>43737</v>
      </c>
      <c r="B5175" t="s">
        <v>3591</v>
      </c>
      <c r="C5175" t="s">
        <v>481</v>
      </c>
      <c r="D5175" t="s">
        <v>10</v>
      </c>
      <c r="E5175" t="s">
        <v>11</v>
      </c>
      <c r="F5175" s="2">
        <v>1</v>
      </c>
      <c r="G5175" t="s">
        <v>2993</v>
      </c>
      <c r="H5175" t="s">
        <v>13</v>
      </c>
    </row>
    <row r="5176" spans="1:8" x14ac:dyDescent="0.25">
      <c r="A5176" s="1">
        <v>43737</v>
      </c>
      <c r="B5176" t="s">
        <v>3591</v>
      </c>
      <c r="C5176" t="s">
        <v>35</v>
      </c>
      <c r="D5176" t="s">
        <v>10</v>
      </c>
      <c r="E5176" t="s">
        <v>11</v>
      </c>
      <c r="F5176" s="2">
        <v>1</v>
      </c>
      <c r="G5176" t="s">
        <v>2993</v>
      </c>
      <c r="H5176" t="s">
        <v>13</v>
      </c>
    </row>
    <row r="5177" spans="1:8" x14ac:dyDescent="0.25">
      <c r="A5177" s="1">
        <v>43737</v>
      </c>
      <c r="B5177" t="s">
        <v>3592</v>
      </c>
      <c r="C5177" t="s">
        <v>9</v>
      </c>
      <c r="D5177" t="s">
        <v>10</v>
      </c>
      <c r="E5177" t="s">
        <v>11</v>
      </c>
      <c r="F5177" s="2">
        <v>1</v>
      </c>
      <c r="G5177" t="s">
        <v>3531</v>
      </c>
      <c r="H5177" t="s">
        <v>13</v>
      </c>
    </row>
    <row r="5178" spans="1:8" x14ac:dyDescent="0.25">
      <c r="A5178" s="1">
        <v>43736</v>
      </c>
      <c r="B5178" t="s">
        <v>3593</v>
      </c>
      <c r="C5178" t="s">
        <v>19</v>
      </c>
      <c r="D5178" t="s">
        <v>10</v>
      </c>
      <c r="E5178" t="s">
        <v>11</v>
      </c>
      <c r="F5178" s="2">
        <v>1</v>
      </c>
      <c r="G5178" t="s">
        <v>181</v>
      </c>
      <c r="H5178" t="s">
        <v>13</v>
      </c>
    </row>
    <row r="5179" spans="1:8" x14ac:dyDescent="0.25">
      <c r="A5179" s="1">
        <v>43736</v>
      </c>
      <c r="B5179" t="s">
        <v>3593</v>
      </c>
      <c r="C5179" t="s">
        <v>52</v>
      </c>
      <c r="D5179" t="s">
        <v>10</v>
      </c>
      <c r="E5179" t="s">
        <v>11</v>
      </c>
      <c r="F5179" s="2">
        <v>1</v>
      </c>
      <c r="G5179" t="s">
        <v>181</v>
      </c>
      <c r="H5179" t="s">
        <v>13</v>
      </c>
    </row>
    <row r="5180" spans="1:8" x14ac:dyDescent="0.25">
      <c r="A5180" s="1">
        <v>43736</v>
      </c>
      <c r="B5180" t="s">
        <v>3594</v>
      </c>
      <c r="C5180" t="s">
        <v>79</v>
      </c>
      <c r="D5180" t="s">
        <v>10</v>
      </c>
      <c r="E5180" t="s">
        <v>11</v>
      </c>
      <c r="F5180" s="2">
        <v>1</v>
      </c>
      <c r="G5180" t="s">
        <v>72</v>
      </c>
      <c r="H5180" t="s">
        <v>13</v>
      </c>
    </row>
    <row r="5181" spans="1:8" x14ac:dyDescent="0.25">
      <c r="A5181" s="1">
        <v>43736</v>
      </c>
      <c r="B5181" t="s">
        <v>3594</v>
      </c>
      <c r="C5181" t="s">
        <v>80</v>
      </c>
      <c r="D5181" t="s">
        <v>10</v>
      </c>
      <c r="E5181" t="s">
        <v>11</v>
      </c>
      <c r="F5181" s="2">
        <v>1</v>
      </c>
      <c r="G5181" t="s">
        <v>72</v>
      </c>
      <c r="H5181" t="s">
        <v>13</v>
      </c>
    </row>
    <row r="5182" spans="1:8" x14ac:dyDescent="0.25">
      <c r="A5182" s="1">
        <v>43735</v>
      </c>
      <c r="B5182" t="s">
        <v>3595</v>
      </c>
      <c r="C5182" t="s">
        <v>14</v>
      </c>
      <c r="D5182" t="s">
        <v>10</v>
      </c>
      <c r="E5182" t="s">
        <v>11</v>
      </c>
      <c r="F5182" s="2">
        <v>1</v>
      </c>
      <c r="G5182" t="s">
        <v>181</v>
      </c>
      <c r="H5182" t="s">
        <v>13</v>
      </c>
    </row>
    <row r="5183" spans="1:8" x14ac:dyDescent="0.25">
      <c r="A5183" s="1">
        <v>43733</v>
      </c>
      <c r="B5183" t="s">
        <v>3596</v>
      </c>
      <c r="C5183" t="s">
        <v>9</v>
      </c>
      <c r="D5183" t="s">
        <v>10</v>
      </c>
      <c r="E5183" t="s">
        <v>11</v>
      </c>
      <c r="F5183" s="2">
        <v>1</v>
      </c>
      <c r="G5183" t="s">
        <v>594</v>
      </c>
      <c r="H5183" t="s">
        <v>13</v>
      </c>
    </row>
    <row r="5184" spans="1:8" x14ac:dyDescent="0.25">
      <c r="A5184" s="1">
        <v>43733</v>
      </c>
      <c r="B5184" t="s">
        <v>3596</v>
      </c>
      <c r="C5184" t="s">
        <v>28</v>
      </c>
      <c r="D5184" t="s">
        <v>10</v>
      </c>
      <c r="E5184" t="s">
        <v>11</v>
      </c>
      <c r="F5184" s="2">
        <v>1</v>
      </c>
      <c r="G5184" t="s">
        <v>594</v>
      </c>
      <c r="H5184" t="s">
        <v>13</v>
      </c>
    </row>
    <row r="5185" spans="1:8" x14ac:dyDescent="0.25">
      <c r="A5185" s="1">
        <v>43729</v>
      </c>
      <c r="B5185" t="s">
        <v>3597</v>
      </c>
      <c r="C5185" t="s">
        <v>80</v>
      </c>
      <c r="D5185" t="s">
        <v>10</v>
      </c>
      <c r="E5185" t="s">
        <v>11</v>
      </c>
      <c r="F5185" s="2">
        <v>1</v>
      </c>
      <c r="G5185" t="s">
        <v>98</v>
      </c>
      <c r="H5185" t="s">
        <v>13</v>
      </c>
    </row>
    <row r="5186" spans="1:8" x14ac:dyDescent="0.25">
      <c r="A5186" s="1">
        <v>43729</v>
      </c>
      <c r="B5186" t="s">
        <v>3598</v>
      </c>
      <c r="C5186" t="s">
        <v>271</v>
      </c>
      <c r="D5186" t="s">
        <v>10</v>
      </c>
      <c r="E5186" t="s">
        <v>11</v>
      </c>
      <c r="F5186" s="2">
        <v>1</v>
      </c>
      <c r="G5186" t="s">
        <v>100</v>
      </c>
      <c r="H5186" t="s">
        <v>13</v>
      </c>
    </row>
    <row r="5187" spans="1:8" x14ac:dyDescent="0.25">
      <c r="A5187" s="1">
        <v>43728</v>
      </c>
      <c r="B5187" t="s">
        <v>3599</v>
      </c>
      <c r="C5187" t="s">
        <v>9</v>
      </c>
      <c r="D5187" t="s">
        <v>10</v>
      </c>
      <c r="E5187" t="s">
        <v>11</v>
      </c>
      <c r="F5187" s="2">
        <v>1</v>
      </c>
      <c r="G5187" t="s">
        <v>37</v>
      </c>
      <c r="H5187" t="s">
        <v>13</v>
      </c>
    </row>
    <row r="5188" spans="1:8" x14ac:dyDescent="0.25">
      <c r="A5188" s="1">
        <v>43728</v>
      </c>
      <c r="B5188" t="s">
        <v>3599</v>
      </c>
      <c r="C5188" t="s">
        <v>52</v>
      </c>
      <c r="D5188" t="s">
        <v>10</v>
      </c>
      <c r="E5188" t="s">
        <v>11</v>
      </c>
      <c r="F5188" s="2">
        <v>1</v>
      </c>
      <c r="G5188" t="s">
        <v>37</v>
      </c>
      <c r="H5188" t="s">
        <v>13</v>
      </c>
    </row>
    <row r="5189" spans="1:8" x14ac:dyDescent="0.25">
      <c r="A5189" s="1">
        <v>43728</v>
      </c>
      <c r="B5189" t="s">
        <v>3599</v>
      </c>
      <c r="C5189" t="s">
        <v>86</v>
      </c>
      <c r="D5189" t="s">
        <v>10</v>
      </c>
      <c r="E5189" t="s">
        <v>11</v>
      </c>
      <c r="F5189" s="2">
        <v>1</v>
      </c>
      <c r="G5189" t="s">
        <v>37</v>
      </c>
      <c r="H5189" t="s">
        <v>13</v>
      </c>
    </row>
    <row r="5190" spans="1:8" x14ac:dyDescent="0.25">
      <c r="A5190" s="1">
        <v>43727</v>
      </c>
      <c r="B5190" t="s">
        <v>3600</v>
      </c>
      <c r="C5190" t="s">
        <v>29</v>
      </c>
      <c r="D5190" t="s">
        <v>10</v>
      </c>
      <c r="E5190" t="s">
        <v>11</v>
      </c>
      <c r="F5190" s="2">
        <v>1</v>
      </c>
      <c r="G5190" t="s">
        <v>83</v>
      </c>
      <c r="H5190" t="s">
        <v>13</v>
      </c>
    </row>
    <row r="5191" spans="1:8" x14ac:dyDescent="0.25">
      <c r="A5191" s="1">
        <v>43727</v>
      </c>
      <c r="B5191" t="s">
        <v>3600</v>
      </c>
      <c r="C5191" t="s">
        <v>29</v>
      </c>
      <c r="D5191" t="s">
        <v>10</v>
      </c>
      <c r="E5191" t="s">
        <v>11</v>
      </c>
      <c r="F5191" s="2">
        <v>1</v>
      </c>
      <c r="G5191" t="s">
        <v>83</v>
      </c>
      <c r="H5191" t="s">
        <v>13</v>
      </c>
    </row>
    <row r="5192" spans="1:8" x14ac:dyDescent="0.25">
      <c r="A5192" s="1">
        <v>43727</v>
      </c>
      <c r="B5192" t="s">
        <v>3601</v>
      </c>
      <c r="C5192" t="s">
        <v>29</v>
      </c>
      <c r="D5192" t="s">
        <v>10</v>
      </c>
      <c r="E5192" t="s">
        <v>11</v>
      </c>
      <c r="F5192" s="2">
        <v>1</v>
      </c>
      <c r="G5192" t="s">
        <v>100</v>
      </c>
      <c r="H5192" t="s">
        <v>13</v>
      </c>
    </row>
    <row r="5193" spans="1:8" x14ac:dyDescent="0.25">
      <c r="A5193" s="1">
        <v>43726</v>
      </c>
      <c r="B5193" t="s">
        <v>3602</v>
      </c>
      <c r="C5193" t="s">
        <v>14</v>
      </c>
      <c r="D5193" t="s">
        <v>10</v>
      </c>
      <c r="E5193" t="s">
        <v>11</v>
      </c>
      <c r="F5193" s="2">
        <v>1</v>
      </c>
      <c r="G5193" t="s">
        <v>2131</v>
      </c>
      <c r="H5193" t="s">
        <v>13</v>
      </c>
    </row>
    <row r="5194" spans="1:8" x14ac:dyDescent="0.25">
      <c r="A5194" s="1">
        <v>43726</v>
      </c>
      <c r="B5194" t="s">
        <v>3603</v>
      </c>
      <c r="C5194" t="s">
        <v>9</v>
      </c>
      <c r="D5194" t="s">
        <v>10</v>
      </c>
      <c r="E5194" t="s">
        <v>11</v>
      </c>
      <c r="F5194" s="2">
        <v>1</v>
      </c>
      <c r="G5194" t="s">
        <v>3604</v>
      </c>
      <c r="H5194" t="s">
        <v>13</v>
      </c>
    </row>
    <row r="5195" spans="1:8" x14ac:dyDescent="0.25">
      <c r="A5195" s="1">
        <v>43726</v>
      </c>
      <c r="B5195" t="s">
        <v>3603</v>
      </c>
      <c r="C5195" t="s">
        <v>29</v>
      </c>
      <c r="D5195" t="s">
        <v>10</v>
      </c>
      <c r="E5195" t="s">
        <v>11</v>
      </c>
      <c r="F5195" s="2">
        <v>1</v>
      </c>
      <c r="G5195" t="s">
        <v>3604</v>
      </c>
      <c r="H5195" t="s">
        <v>13</v>
      </c>
    </row>
    <row r="5196" spans="1:8" x14ac:dyDescent="0.25">
      <c r="A5196" s="1">
        <v>43725</v>
      </c>
      <c r="B5196" t="s">
        <v>3605</v>
      </c>
      <c r="C5196" t="s">
        <v>35</v>
      </c>
      <c r="D5196" t="s">
        <v>10</v>
      </c>
      <c r="E5196" t="s">
        <v>11</v>
      </c>
      <c r="F5196" s="2">
        <v>1</v>
      </c>
      <c r="G5196" t="s">
        <v>53</v>
      </c>
      <c r="H5196" t="s">
        <v>13</v>
      </c>
    </row>
    <row r="5197" spans="1:8" x14ac:dyDescent="0.25">
      <c r="A5197" s="1">
        <v>43725</v>
      </c>
      <c r="B5197" t="s">
        <v>3606</v>
      </c>
      <c r="C5197" t="s">
        <v>2983</v>
      </c>
      <c r="D5197" t="s">
        <v>10</v>
      </c>
      <c r="E5197" t="s">
        <v>11</v>
      </c>
      <c r="F5197" s="2">
        <v>1</v>
      </c>
      <c r="G5197" t="s">
        <v>72</v>
      </c>
      <c r="H5197" t="s">
        <v>13</v>
      </c>
    </row>
    <row r="5198" spans="1:8" x14ac:dyDescent="0.25">
      <c r="A5198" s="1">
        <v>43724</v>
      </c>
      <c r="B5198" t="s">
        <v>3607</v>
      </c>
      <c r="C5198" t="s">
        <v>52</v>
      </c>
      <c r="D5198" t="s">
        <v>10</v>
      </c>
      <c r="E5198" t="s">
        <v>11</v>
      </c>
      <c r="F5198" s="2">
        <v>1</v>
      </c>
      <c r="G5198" t="s">
        <v>137</v>
      </c>
      <c r="H5198" t="s">
        <v>13</v>
      </c>
    </row>
    <row r="5199" spans="1:8" x14ac:dyDescent="0.25">
      <c r="A5199" s="1">
        <v>43724</v>
      </c>
      <c r="B5199" t="s">
        <v>3607</v>
      </c>
      <c r="C5199" t="s">
        <v>14</v>
      </c>
      <c r="D5199" t="s">
        <v>10</v>
      </c>
      <c r="E5199" t="s">
        <v>11</v>
      </c>
      <c r="F5199" s="2">
        <v>1</v>
      </c>
      <c r="G5199" t="s">
        <v>137</v>
      </c>
      <c r="H5199" t="s">
        <v>13</v>
      </c>
    </row>
    <row r="5200" spans="1:8" x14ac:dyDescent="0.25">
      <c r="A5200" s="1">
        <v>43724</v>
      </c>
      <c r="B5200" t="s">
        <v>3608</v>
      </c>
      <c r="C5200" t="s">
        <v>9</v>
      </c>
      <c r="D5200" t="s">
        <v>10</v>
      </c>
      <c r="E5200" t="s">
        <v>11</v>
      </c>
      <c r="F5200" s="2">
        <v>1</v>
      </c>
      <c r="G5200" t="s">
        <v>1477</v>
      </c>
      <c r="H5200" t="s">
        <v>13</v>
      </c>
    </row>
    <row r="5201" spans="1:8" x14ac:dyDescent="0.25">
      <c r="A5201" s="1">
        <v>43724</v>
      </c>
      <c r="B5201" t="s">
        <v>3608</v>
      </c>
      <c r="C5201" t="s">
        <v>174</v>
      </c>
      <c r="D5201" t="s">
        <v>10</v>
      </c>
      <c r="E5201" t="s">
        <v>11</v>
      </c>
      <c r="F5201" s="2">
        <v>1</v>
      </c>
      <c r="G5201" t="s">
        <v>1477</v>
      </c>
      <c r="H5201" t="s">
        <v>13</v>
      </c>
    </row>
    <row r="5202" spans="1:8" x14ac:dyDescent="0.25">
      <c r="A5202" s="1">
        <v>43723</v>
      </c>
      <c r="B5202" t="s">
        <v>3609</v>
      </c>
      <c r="C5202" t="s">
        <v>9</v>
      </c>
      <c r="D5202" t="s">
        <v>10</v>
      </c>
      <c r="E5202" t="s">
        <v>11</v>
      </c>
      <c r="F5202" s="2">
        <v>1</v>
      </c>
      <c r="G5202" t="s">
        <v>555</v>
      </c>
      <c r="H5202" t="s">
        <v>13</v>
      </c>
    </row>
    <row r="5203" spans="1:8" x14ac:dyDescent="0.25">
      <c r="A5203" s="1">
        <v>43723</v>
      </c>
      <c r="B5203" t="s">
        <v>3609</v>
      </c>
      <c r="C5203" t="s">
        <v>35</v>
      </c>
      <c r="D5203" t="s">
        <v>10</v>
      </c>
      <c r="E5203" t="s">
        <v>11</v>
      </c>
      <c r="F5203" s="2">
        <v>1</v>
      </c>
      <c r="G5203" t="s">
        <v>555</v>
      </c>
      <c r="H5203" t="s">
        <v>13</v>
      </c>
    </row>
    <row r="5204" spans="1:8" x14ac:dyDescent="0.25">
      <c r="A5204" s="1">
        <v>43723</v>
      </c>
      <c r="B5204" t="s">
        <v>3609</v>
      </c>
      <c r="C5204" t="s">
        <v>47</v>
      </c>
      <c r="D5204" t="s">
        <v>10</v>
      </c>
      <c r="E5204" t="s">
        <v>11</v>
      </c>
      <c r="F5204" s="2">
        <v>1</v>
      </c>
      <c r="G5204" t="s">
        <v>555</v>
      </c>
      <c r="H5204" t="s">
        <v>13</v>
      </c>
    </row>
    <row r="5205" spans="1:8" x14ac:dyDescent="0.25">
      <c r="A5205" s="1">
        <v>43723</v>
      </c>
      <c r="B5205" t="s">
        <v>3610</v>
      </c>
      <c r="C5205" t="s">
        <v>271</v>
      </c>
      <c r="D5205" t="s">
        <v>10</v>
      </c>
      <c r="E5205" t="s">
        <v>11</v>
      </c>
      <c r="F5205" s="2">
        <v>1</v>
      </c>
      <c r="G5205" t="s">
        <v>411</v>
      </c>
      <c r="H5205" t="s">
        <v>13</v>
      </c>
    </row>
    <row r="5206" spans="1:8" x14ac:dyDescent="0.25">
      <c r="A5206" s="1">
        <v>43723</v>
      </c>
      <c r="B5206" t="s">
        <v>3611</v>
      </c>
      <c r="C5206" t="s">
        <v>9</v>
      </c>
      <c r="D5206" t="s">
        <v>10</v>
      </c>
      <c r="E5206" t="s">
        <v>11</v>
      </c>
      <c r="F5206" s="2">
        <v>1</v>
      </c>
      <c r="G5206" t="s">
        <v>701</v>
      </c>
      <c r="H5206" t="s">
        <v>13</v>
      </c>
    </row>
    <row r="5207" spans="1:8" x14ac:dyDescent="0.25">
      <c r="A5207" s="1">
        <v>43723</v>
      </c>
      <c r="B5207" t="s">
        <v>3611</v>
      </c>
      <c r="C5207" t="s">
        <v>29</v>
      </c>
      <c r="D5207" t="s">
        <v>10</v>
      </c>
      <c r="E5207" t="s">
        <v>11</v>
      </c>
      <c r="F5207" s="2">
        <v>1</v>
      </c>
      <c r="G5207" t="s">
        <v>701</v>
      </c>
      <c r="H5207" t="s">
        <v>13</v>
      </c>
    </row>
    <row r="5208" spans="1:8" x14ac:dyDescent="0.25">
      <c r="A5208" s="1">
        <v>43723</v>
      </c>
      <c r="B5208" t="s">
        <v>3611</v>
      </c>
      <c r="C5208" t="s">
        <v>35</v>
      </c>
      <c r="D5208" t="s">
        <v>10</v>
      </c>
      <c r="E5208" t="s">
        <v>11</v>
      </c>
      <c r="F5208" s="2">
        <v>1</v>
      </c>
      <c r="G5208" t="s">
        <v>701</v>
      </c>
      <c r="H5208" t="s">
        <v>13</v>
      </c>
    </row>
    <row r="5209" spans="1:8" x14ac:dyDescent="0.25">
      <c r="A5209" s="1">
        <v>43722</v>
      </c>
      <c r="B5209" t="s">
        <v>3612</v>
      </c>
      <c r="C5209" t="s">
        <v>1153</v>
      </c>
      <c r="D5209" t="s">
        <v>10</v>
      </c>
      <c r="E5209" t="s">
        <v>11</v>
      </c>
      <c r="F5209" s="2">
        <v>1</v>
      </c>
      <c r="G5209" t="s">
        <v>859</v>
      </c>
      <c r="H5209" t="s">
        <v>13</v>
      </c>
    </row>
    <row r="5210" spans="1:8" x14ac:dyDescent="0.25">
      <c r="A5210" s="1">
        <v>43721</v>
      </c>
      <c r="B5210" t="s">
        <v>3613</v>
      </c>
      <c r="C5210" t="s">
        <v>79</v>
      </c>
      <c r="D5210" t="s">
        <v>10</v>
      </c>
      <c r="E5210" t="s">
        <v>11</v>
      </c>
      <c r="F5210" s="2">
        <v>1</v>
      </c>
      <c r="G5210" t="s">
        <v>3318</v>
      </c>
      <c r="H5210" t="s">
        <v>13</v>
      </c>
    </row>
    <row r="5211" spans="1:8" x14ac:dyDescent="0.25">
      <c r="A5211" s="1">
        <v>43721</v>
      </c>
      <c r="B5211" t="s">
        <v>3614</v>
      </c>
      <c r="C5211" t="s">
        <v>115</v>
      </c>
      <c r="D5211" t="s">
        <v>10</v>
      </c>
      <c r="E5211" t="s">
        <v>11</v>
      </c>
      <c r="F5211" s="2">
        <v>1</v>
      </c>
      <c r="G5211" t="s">
        <v>77</v>
      </c>
      <c r="H5211" t="s">
        <v>13</v>
      </c>
    </row>
    <row r="5212" spans="1:8" x14ac:dyDescent="0.25">
      <c r="A5212" s="1">
        <v>43721</v>
      </c>
      <c r="B5212" t="s">
        <v>3615</v>
      </c>
      <c r="C5212" t="s">
        <v>9</v>
      </c>
      <c r="D5212" t="s">
        <v>10</v>
      </c>
      <c r="E5212" t="s">
        <v>11</v>
      </c>
      <c r="F5212" s="2">
        <v>1</v>
      </c>
      <c r="G5212" t="s">
        <v>100</v>
      </c>
      <c r="H5212" t="s">
        <v>13</v>
      </c>
    </row>
    <row r="5213" spans="1:8" x14ac:dyDescent="0.25">
      <c r="A5213" s="1">
        <v>43721</v>
      </c>
      <c r="B5213" t="s">
        <v>3615</v>
      </c>
      <c r="C5213" t="s">
        <v>35</v>
      </c>
      <c r="D5213" t="s">
        <v>10</v>
      </c>
      <c r="E5213" t="s">
        <v>11</v>
      </c>
      <c r="F5213" s="2">
        <v>1</v>
      </c>
      <c r="G5213" t="s">
        <v>100</v>
      </c>
      <c r="H5213" t="s">
        <v>13</v>
      </c>
    </row>
    <row r="5214" spans="1:8" x14ac:dyDescent="0.25">
      <c r="A5214" s="1">
        <v>43721</v>
      </c>
      <c r="B5214" t="s">
        <v>3615</v>
      </c>
      <c r="C5214" t="s">
        <v>1883</v>
      </c>
      <c r="D5214" t="s">
        <v>10</v>
      </c>
      <c r="E5214" t="s">
        <v>11</v>
      </c>
      <c r="F5214" s="2">
        <v>1</v>
      </c>
      <c r="G5214" t="s">
        <v>100</v>
      </c>
      <c r="H5214" t="s">
        <v>13</v>
      </c>
    </row>
    <row r="5215" spans="1:8" x14ac:dyDescent="0.25">
      <c r="A5215" s="1">
        <v>43718</v>
      </c>
      <c r="B5215" t="s">
        <v>3616</v>
      </c>
      <c r="C5215" t="s">
        <v>9</v>
      </c>
      <c r="D5215" t="s">
        <v>10</v>
      </c>
      <c r="E5215" t="s">
        <v>11</v>
      </c>
      <c r="F5215" s="2">
        <v>1</v>
      </c>
      <c r="G5215" t="s">
        <v>31</v>
      </c>
      <c r="H5215" t="s">
        <v>13</v>
      </c>
    </row>
    <row r="5216" spans="1:8" x14ac:dyDescent="0.25">
      <c r="A5216" s="1">
        <v>43718</v>
      </c>
      <c r="B5216" t="s">
        <v>3617</v>
      </c>
      <c r="C5216" t="s">
        <v>52</v>
      </c>
      <c r="D5216" t="s">
        <v>10</v>
      </c>
      <c r="E5216" t="s">
        <v>11</v>
      </c>
      <c r="F5216" s="2">
        <v>1</v>
      </c>
      <c r="G5216" t="s">
        <v>83</v>
      </c>
      <c r="H5216" t="s">
        <v>13</v>
      </c>
    </row>
    <row r="5217" spans="1:8" x14ac:dyDescent="0.25">
      <c r="A5217" s="1">
        <v>43718</v>
      </c>
      <c r="B5217" t="s">
        <v>3617</v>
      </c>
      <c r="C5217" t="s">
        <v>2989</v>
      </c>
      <c r="D5217" t="s">
        <v>10</v>
      </c>
      <c r="E5217" t="s">
        <v>11</v>
      </c>
      <c r="F5217" s="2">
        <v>1</v>
      </c>
      <c r="G5217" t="s">
        <v>83</v>
      </c>
      <c r="H5217" t="s">
        <v>13</v>
      </c>
    </row>
    <row r="5218" spans="1:8" x14ac:dyDescent="0.25">
      <c r="A5218" s="1">
        <v>43718</v>
      </c>
      <c r="B5218" t="s">
        <v>3617</v>
      </c>
      <c r="C5218" t="s">
        <v>47</v>
      </c>
      <c r="D5218" t="s">
        <v>10</v>
      </c>
      <c r="E5218" t="s">
        <v>11</v>
      </c>
      <c r="F5218" s="2">
        <v>1</v>
      </c>
      <c r="G5218" t="s">
        <v>83</v>
      </c>
      <c r="H5218" t="s">
        <v>13</v>
      </c>
    </row>
    <row r="5219" spans="1:8" x14ac:dyDescent="0.25">
      <c r="A5219" s="1">
        <v>43718</v>
      </c>
      <c r="B5219" t="s">
        <v>3618</v>
      </c>
      <c r="C5219" t="s">
        <v>35</v>
      </c>
      <c r="D5219" t="s">
        <v>10</v>
      </c>
      <c r="E5219" t="s">
        <v>11</v>
      </c>
      <c r="F5219" s="2">
        <v>1</v>
      </c>
      <c r="G5219" t="s">
        <v>191</v>
      </c>
      <c r="H5219" t="s">
        <v>13</v>
      </c>
    </row>
    <row r="5220" spans="1:8" x14ac:dyDescent="0.25">
      <c r="A5220" s="1">
        <v>43718</v>
      </c>
      <c r="B5220" t="s">
        <v>3619</v>
      </c>
      <c r="C5220" t="s">
        <v>47</v>
      </c>
      <c r="D5220" t="s">
        <v>10</v>
      </c>
      <c r="E5220" t="s">
        <v>11</v>
      </c>
      <c r="F5220" s="2">
        <v>1</v>
      </c>
      <c r="G5220" t="s">
        <v>31</v>
      </c>
      <c r="H5220" t="s">
        <v>13</v>
      </c>
    </row>
    <row r="5221" spans="1:8" x14ac:dyDescent="0.25">
      <c r="A5221" s="1">
        <v>43718</v>
      </c>
      <c r="B5221" t="s">
        <v>3620</v>
      </c>
      <c r="C5221" t="s">
        <v>9</v>
      </c>
      <c r="D5221" t="s">
        <v>10</v>
      </c>
      <c r="E5221" t="s">
        <v>11</v>
      </c>
      <c r="F5221" s="2">
        <v>1</v>
      </c>
      <c r="G5221" t="s">
        <v>3621</v>
      </c>
      <c r="H5221" t="s">
        <v>13</v>
      </c>
    </row>
    <row r="5222" spans="1:8" x14ac:dyDescent="0.25">
      <c r="A5222" s="1">
        <v>43717</v>
      </c>
      <c r="B5222" t="s">
        <v>3622</v>
      </c>
      <c r="C5222" t="s">
        <v>35</v>
      </c>
      <c r="D5222" t="s">
        <v>10</v>
      </c>
      <c r="E5222" t="s">
        <v>11</v>
      </c>
      <c r="F5222" s="2">
        <v>1</v>
      </c>
      <c r="G5222" t="s">
        <v>330</v>
      </c>
      <c r="H5222" t="s">
        <v>13</v>
      </c>
    </row>
    <row r="5223" spans="1:8" x14ac:dyDescent="0.25">
      <c r="A5223" s="1">
        <v>43716</v>
      </c>
      <c r="B5223" t="s">
        <v>3623</v>
      </c>
      <c r="C5223" t="s">
        <v>60</v>
      </c>
      <c r="D5223" t="s">
        <v>10</v>
      </c>
      <c r="E5223" t="s">
        <v>11</v>
      </c>
      <c r="F5223" s="2">
        <v>1</v>
      </c>
      <c r="G5223" t="s">
        <v>411</v>
      </c>
      <c r="H5223" t="s">
        <v>13</v>
      </c>
    </row>
    <row r="5224" spans="1:8" x14ac:dyDescent="0.25">
      <c r="A5224" s="1">
        <v>43715</v>
      </c>
      <c r="B5224" t="s">
        <v>3624</v>
      </c>
      <c r="C5224" t="s">
        <v>9</v>
      </c>
      <c r="D5224" t="s">
        <v>10</v>
      </c>
      <c r="E5224" t="s">
        <v>11</v>
      </c>
      <c r="F5224" s="2">
        <v>1</v>
      </c>
      <c r="G5224" t="s">
        <v>123</v>
      </c>
      <c r="H5224" t="s">
        <v>13</v>
      </c>
    </row>
    <row r="5225" spans="1:8" x14ac:dyDescent="0.25">
      <c r="A5225" s="1">
        <v>43715</v>
      </c>
      <c r="B5225" t="s">
        <v>3624</v>
      </c>
      <c r="C5225" t="s">
        <v>35</v>
      </c>
      <c r="D5225" t="s">
        <v>10</v>
      </c>
      <c r="E5225" t="s">
        <v>11</v>
      </c>
      <c r="F5225" s="2">
        <v>1</v>
      </c>
      <c r="G5225" t="s">
        <v>123</v>
      </c>
      <c r="H5225" t="s">
        <v>13</v>
      </c>
    </row>
    <row r="5226" spans="1:8" x14ac:dyDescent="0.25">
      <c r="A5226" s="1">
        <v>43715</v>
      </c>
      <c r="B5226" t="s">
        <v>3624</v>
      </c>
      <c r="C5226" t="s">
        <v>14</v>
      </c>
      <c r="D5226" t="s">
        <v>10</v>
      </c>
      <c r="E5226" t="s">
        <v>11</v>
      </c>
      <c r="F5226" s="2">
        <v>1</v>
      </c>
      <c r="G5226" t="s">
        <v>123</v>
      </c>
      <c r="H5226" t="s">
        <v>13</v>
      </c>
    </row>
    <row r="5227" spans="1:8" x14ac:dyDescent="0.25">
      <c r="A5227" s="1">
        <v>43713</v>
      </c>
      <c r="B5227" t="s">
        <v>3625</v>
      </c>
      <c r="C5227" t="s">
        <v>410</v>
      </c>
      <c r="D5227" t="s">
        <v>10</v>
      </c>
      <c r="E5227" t="s">
        <v>11</v>
      </c>
      <c r="F5227" s="2">
        <v>1</v>
      </c>
      <c r="G5227" t="s">
        <v>181</v>
      </c>
      <c r="H5227" t="s">
        <v>13</v>
      </c>
    </row>
    <row r="5228" spans="1:8" x14ac:dyDescent="0.25">
      <c r="A5228" s="1">
        <v>43712</v>
      </c>
      <c r="B5228" t="s">
        <v>3626</v>
      </c>
      <c r="C5228" t="s">
        <v>16</v>
      </c>
      <c r="D5228" t="s">
        <v>10</v>
      </c>
      <c r="E5228" t="s">
        <v>11</v>
      </c>
      <c r="F5228" s="2">
        <v>1</v>
      </c>
      <c r="G5228" t="s">
        <v>113</v>
      </c>
      <c r="H5228" t="s">
        <v>13</v>
      </c>
    </row>
    <row r="5229" spans="1:8" x14ac:dyDescent="0.25">
      <c r="A5229" s="1">
        <v>43712</v>
      </c>
      <c r="B5229" t="s">
        <v>3627</v>
      </c>
      <c r="C5229" t="s">
        <v>9</v>
      </c>
      <c r="D5229" t="s">
        <v>10</v>
      </c>
      <c r="E5229" t="s">
        <v>11</v>
      </c>
      <c r="F5229" s="2">
        <v>1</v>
      </c>
      <c r="G5229" t="s">
        <v>20</v>
      </c>
      <c r="H5229" t="s">
        <v>13</v>
      </c>
    </row>
    <row r="5230" spans="1:8" x14ac:dyDescent="0.25">
      <c r="A5230" s="1">
        <v>43711</v>
      </c>
      <c r="B5230" t="s">
        <v>3628</v>
      </c>
      <c r="C5230" t="s">
        <v>174</v>
      </c>
      <c r="D5230" t="s">
        <v>10</v>
      </c>
      <c r="E5230" t="s">
        <v>11</v>
      </c>
      <c r="F5230" s="2">
        <v>1</v>
      </c>
      <c r="G5230" t="s">
        <v>20</v>
      </c>
      <c r="H5230" t="s">
        <v>13</v>
      </c>
    </row>
    <row r="5231" spans="1:8" x14ac:dyDescent="0.25">
      <c r="A5231" s="1">
        <v>43711</v>
      </c>
      <c r="B5231" t="s">
        <v>3629</v>
      </c>
      <c r="C5231" t="s">
        <v>9</v>
      </c>
      <c r="D5231" t="s">
        <v>10</v>
      </c>
      <c r="E5231" t="s">
        <v>11</v>
      </c>
      <c r="F5231" s="2">
        <v>1</v>
      </c>
      <c r="G5231" t="s">
        <v>3630</v>
      </c>
      <c r="H5231" t="s">
        <v>13</v>
      </c>
    </row>
    <row r="5232" spans="1:8" x14ac:dyDescent="0.25">
      <c r="A5232" s="1">
        <v>43710</v>
      </c>
      <c r="B5232" t="s">
        <v>3631</v>
      </c>
      <c r="C5232" t="s">
        <v>19</v>
      </c>
      <c r="D5232" t="s">
        <v>10</v>
      </c>
      <c r="E5232" t="s">
        <v>11</v>
      </c>
      <c r="F5232" s="2">
        <v>1</v>
      </c>
      <c r="G5232" t="s">
        <v>125</v>
      </c>
      <c r="H5232" t="s">
        <v>13</v>
      </c>
    </row>
    <row r="5233" spans="1:8" x14ac:dyDescent="0.25">
      <c r="A5233" s="1">
        <v>43710</v>
      </c>
      <c r="B5233" t="s">
        <v>3631</v>
      </c>
      <c r="C5233" t="s">
        <v>689</v>
      </c>
      <c r="D5233" t="s">
        <v>10</v>
      </c>
      <c r="E5233" t="s">
        <v>11</v>
      </c>
      <c r="F5233" s="2">
        <v>1</v>
      </c>
      <c r="G5233" t="s">
        <v>125</v>
      </c>
      <c r="H5233" t="s">
        <v>13</v>
      </c>
    </row>
    <row r="5234" spans="1:8" x14ac:dyDescent="0.25">
      <c r="A5234" s="1">
        <v>43710</v>
      </c>
      <c r="B5234" t="s">
        <v>3632</v>
      </c>
      <c r="C5234" t="s">
        <v>47</v>
      </c>
      <c r="D5234" t="s">
        <v>10</v>
      </c>
      <c r="E5234" t="s">
        <v>11</v>
      </c>
      <c r="F5234" s="2">
        <v>1</v>
      </c>
      <c r="G5234" t="s">
        <v>135</v>
      </c>
      <c r="H5234" t="s">
        <v>13</v>
      </c>
    </row>
    <row r="5235" spans="1:8" x14ac:dyDescent="0.25">
      <c r="A5235" s="1">
        <v>43707</v>
      </c>
      <c r="B5235" t="s">
        <v>3633</v>
      </c>
      <c r="C5235" t="s">
        <v>79</v>
      </c>
      <c r="D5235" t="s">
        <v>10</v>
      </c>
      <c r="E5235" t="s">
        <v>11</v>
      </c>
      <c r="F5235" s="2">
        <v>1</v>
      </c>
      <c r="G5235" t="s">
        <v>20</v>
      </c>
      <c r="H5235" t="s">
        <v>13</v>
      </c>
    </row>
    <row r="5236" spans="1:8" x14ac:dyDescent="0.25">
      <c r="A5236" s="1">
        <v>43707</v>
      </c>
      <c r="B5236" t="s">
        <v>3633</v>
      </c>
      <c r="C5236" t="s">
        <v>80</v>
      </c>
      <c r="D5236" t="s">
        <v>10</v>
      </c>
      <c r="E5236" t="s">
        <v>11</v>
      </c>
      <c r="F5236" s="2">
        <v>1</v>
      </c>
      <c r="G5236" t="s">
        <v>20</v>
      </c>
      <c r="H5236" t="s">
        <v>13</v>
      </c>
    </row>
    <row r="5237" spans="1:8" x14ac:dyDescent="0.25">
      <c r="A5237" s="1">
        <v>43707</v>
      </c>
      <c r="B5237" t="s">
        <v>3634</v>
      </c>
      <c r="C5237" t="s">
        <v>3153</v>
      </c>
      <c r="D5237" t="s">
        <v>10</v>
      </c>
      <c r="E5237" t="s">
        <v>11</v>
      </c>
      <c r="F5237" s="2">
        <v>1</v>
      </c>
      <c r="G5237" t="s">
        <v>1362</v>
      </c>
      <c r="H5237" t="s">
        <v>13</v>
      </c>
    </row>
    <row r="5238" spans="1:8" x14ac:dyDescent="0.25">
      <c r="A5238" s="1">
        <v>43706</v>
      </c>
      <c r="B5238" t="s">
        <v>3635</v>
      </c>
      <c r="C5238" t="s">
        <v>58</v>
      </c>
      <c r="D5238" t="s">
        <v>10</v>
      </c>
      <c r="E5238" t="s">
        <v>11</v>
      </c>
      <c r="F5238" s="2">
        <v>1</v>
      </c>
      <c r="G5238" t="s">
        <v>20</v>
      </c>
      <c r="H5238" t="s">
        <v>13</v>
      </c>
    </row>
    <row r="5239" spans="1:8" x14ac:dyDescent="0.25">
      <c r="A5239" s="1">
        <v>43705</v>
      </c>
      <c r="B5239" t="s">
        <v>3636</v>
      </c>
      <c r="C5239" t="s">
        <v>9</v>
      </c>
      <c r="D5239" t="s">
        <v>10</v>
      </c>
      <c r="E5239" t="s">
        <v>11</v>
      </c>
      <c r="F5239" s="2">
        <v>1</v>
      </c>
      <c r="G5239" t="s">
        <v>701</v>
      </c>
      <c r="H5239" t="s">
        <v>13</v>
      </c>
    </row>
    <row r="5240" spans="1:8" x14ac:dyDescent="0.25">
      <c r="A5240" s="1">
        <v>43704</v>
      </c>
      <c r="B5240" t="s">
        <v>3637</v>
      </c>
      <c r="C5240" t="s">
        <v>9</v>
      </c>
      <c r="D5240" t="s">
        <v>10</v>
      </c>
      <c r="E5240" t="s">
        <v>11</v>
      </c>
      <c r="F5240" s="2">
        <v>1</v>
      </c>
      <c r="G5240" t="s">
        <v>145</v>
      </c>
      <c r="H5240" t="s">
        <v>13</v>
      </c>
    </row>
    <row r="5241" spans="1:8" x14ac:dyDescent="0.25">
      <c r="A5241" s="1">
        <v>43704</v>
      </c>
      <c r="B5241" t="s">
        <v>3637</v>
      </c>
      <c r="C5241" t="s">
        <v>35</v>
      </c>
      <c r="D5241" t="s">
        <v>10</v>
      </c>
      <c r="E5241" t="s">
        <v>11</v>
      </c>
      <c r="F5241" s="2">
        <v>1</v>
      </c>
      <c r="G5241" t="s">
        <v>145</v>
      </c>
      <c r="H5241" t="s">
        <v>13</v>
      </c>
    </row>
    <row r="5242" spans="1:8" x14ac:dyDescent="0.25">
      <c r="A5242" s="1">
        <v>43703</v>
      </c>
      <c r="B5242" t="s">
        <v>3638</v>
      </c>
      <c r="C5242" t="s">
        <v>9</v>
      </c>
      <c r="D5242" t="s">
        <v>10</v>
      </c>
      <c r="E5242" t="s">
        <v>11</v>
      </c>
      <c r="F5242" s="2">
        <v>1</v>
      </c>
      <c r="G5242" t="s">
        <v>53</v>
      </c>
      <c r="H5242" t="s">
        <v>13</v>
      </c>
    </row>
    <row r="5243" spans="1:8" x14ac:dyDescent="0.25">
      <c r="A5243" s="1">
        <v>43703</v>
      </c>
      <c r="B5243" t="s">
        <v>3638</v>
      </c>
      <c r="C5243" t="s">
        <v>35</v>
      </c>
      <c r="D5243" t="s">
        <v>10</v>
      </c>
      <c r="E5243" t="s">
        <v>11</v>
      </c>
      <c r="F5243" s="2">
        <v>1</v>
      </c>
      <c r="G5243" t="s">
        <v>53</v>
      </c>
      <c r="H5243" t="s">
        <v>13</v>
      </c>
    </row>
    <row r="5244" spans="1:8" x14ac:dyDescent="0.25">
      <c r="A5244" s="1">
        <v>43703</v>
      </c>
      <c r="B5244" t="s">
        <v>3639</v>
      </c>
      <c r="C5244" t="s">
        <v>19</v>
      </c>
      <c r="D5244" t="s">
        <v>10</v>
      </c>
      <c r="E5244" t="s">
        <v>11</v>
      </c>
      <c r="F5244" s="2">
        <v>1</v>
      </c>
      <c r="G5244" t="s">
        <v>37</v>
      </c>
      <c r="H5244" t="s">
        <v>13</v>
      </c>
    </row>
    <row r="5245" spans="1:8" x14ac:dyDescent="0.25">
      <c r="A5245" s="1">
        <v>43703</v>
      </c>
      <c r="B5245" t="s">
        <v>3639</v>
      </c>
      <c r="C5245" t="s">
        <v>1176</v>
      </c>
      <c r="D5245" t="s">
        <v>10</v>
      </c>
      <c r="E5245" t="s">
        <v>11</v>
      </c>
      <c r="F5245" s="2">
        <v>1</v>
      </c>
      <c r="G5245" t="s">
        <v>37</v>
      </c>
      <c r="H5245" t="s">
        <v>13</v>
      </c>
    </row>
    <row r="5246" spans="1:8" x14ac:dyDescent="0.25">
      <c r="A5246" s="1">
        <v>43702</v>
      </c>
      <c r="B5246" t="s">
        <v>3640</v>
      </c>
      <c r="C5246" t="s">
        <v>9</v>
      </c>
      <c r="D5246" t="s">
        <v>10</v>
      </c>
      <c r="E5246" t="s">
        <v>11</v>
      </c>
      <c r="F5246" s="2">
        <v>1</v>
      </c>
      <c r="G5246" t="s">
        <v>559</v>
      </c>
      <c r="H5246" t="s">
        <v>13</v>
      </c>
    </row>
    <row r="5247" spans="1:8" x14ac:dyDescent="0.25">
      <c r="A5247" s="1">
        <v>43702</v>
      </c>
      <c r="B5247" t="s">
        <v>3640</v>
      </c>
      <c r="C5247" t="s">
        <v>518</v>
      </c>
      <c r="D5247" t="s">
        <v>10</v>
      </c>
      <c r="E5247" t="s">
        <v>11</v>
      </c>
      <c r="F5247" s="2">
        <v>1</v>
      </c>
      <c r="G5247" t="s">
        <v>559</v>
      </c>
      <c r="H5247" t="s">
        <v>13</v>
      </c>
    </row>
    <row r="5248" spans="1:8" x14ac:dyDescent="0.25">
      <c r="A5248" s="1">
        <v>43701</v>
      </c>
      <c r="B5248" t="s">
        <v>3641</v>
      </c>
      <c r="C5248" t="s">
        <v>52</v>
      </c>
      <c r="D5248" t="s">
        <v>10</v>
      </c>
      <c r="E5248" t="s">
        <v>11</v>
      </c>
      <c r="F5248" s="2">
        <v>1</v>
      </c>
      <c r="G5248" t="s">
        <v>117</v>
      </c>
      <c r="H5248" t="s">
        <v>13</v>
      </c>
    </row>
    <row r="5249" spans="1:8" x14ac:dyDescent="0.25">
      <c r="A5249" s="1">
        <v>43700</v>
      </c>
      <c r="B5249" t="s">
        <v>3642</v>
      </c>
      <c r="C5249" t="s">
        <v>410</v>
      </c>
      <c r="D5249" t="s">
        <v>10</v>
      </c>
      <c r="E5249" t="s">
        <v>11</v>
      </c>
      <c r="F5249" s="2">
        <v>1</v>
      </c>
      <c r="G5249" t="s">
        <v>72</v>
      </c>
      <c r="H5249" t="s">
        <v>13</v>
      </c>
    </row>
    <row r="5250" spans="1:8" x14ac:dyDescent="0.25">
      <c r="A5250" s="1">
        <v>43700</v>
      </c>
      <c r="B5250" t="s">
        <v>3643</v>
      </c>
      <c r="C5250" t="s">
        <v>9</v>
      </c>
      <c r="D5250" t="s">
        <v>10</v>
      </c>
      <c r="E5250" t="s">
        <v>11</v>
      </c>
      <c r="F5250" s="2">
        <v>1</v>
      </c>
      <c r="G5250" t="s">
        <v>20</v>
      </c>
      <c r="H5250" t="s">
        <v>13</v>
      </c>
    </row>
    <row r="5251" spans="1:8" x14ac:dyDescent="0.25">
      <c r="A5251" s="1">
        <v>43700</v>
      </c>
      <c r="B5251" t="s">
        <v>3643</v>
      </c>
      <c r="C5251" t="s">
        <v>35</v>
      </c>
      <c r="D5251" t="s">
        <v>10</v>
      </c>
      <c r="E5251" t="s">
        <v>11</v>
      </c>
      <c r="F5251" s="2">
        <v>1</v>
      </c>
      <c r="G5251" t="s">
        <v>20</v>
      </c>
      <c r="H5251" t="s">
        <v>13</v>
      </c>
    </row>
    <row r="5252" spans="1:8" x14ac:dyDescent="0.25">
      <c r="A5252" s="1">
        <v>43699</v>
      </c>
      <c r="B5252" t="s">
        <v>3644</v>
      </c>
      <c r="C5252" t="s">
        <v>79</v>
      </c>
      <c r="D5252" t="s">
        <v>10</v>
      </c>
      <c r="E5252" t="s">
        <v>11</v>
      </c>
      <c r="F5252" s="2">
        <v>1</v>
      </c>
      <c r="G5252" t="s">
        <v>111</v>
      </c>
      <c r="H5252" t="s">
        <v>13</v>
      </c>
    </row>
    <row r="5253" spans="1:8" x14ac:dyDescent="0.25">
      <c r="A5253" s="1">
        <v>43699</v>
      </c>
      <c r="B5253" t="s">
        <v>3644</v>
      </c>
      <c r="C5253" t="s">
        <v>80</v>
      </c>
      <c r="D5253" t="s">
        <v>10</v>
      </c>
      <c r="E5253" t="s">
        <v>11</v>
      </c>
      <c r="F5253" s="2">
        <v>1</v>
      </c>
      <c r="G5253" t="s">
        <v>111</v>
      </c>
      <c r="H5253" t="s">
        <v>13</v>
      </c>
    </row>
    <row r="5254" spans="1:8" x14ac:dyDescent="0.25">
      <c r="A5254" s="1">
        <v>43699</v>
      </c>
      <c r="B5254" t="s">
        <v>3645</v>
      </c>
      <c r="C5254" t="s">
        <v>47</v>
      </c>
      <c r="D5254" t="s">
        <v>10</v>
      </c>
      <c r="E5254" t="s">
        <v>11</v>
      </c>
      <c r="F5254" s="2">
        <v>1</v>
      </c>
      <c r="G5254" t="s">
        <v>20</v>
      </c>
      <c r="H5254" t="s">
        <v>13</v>
      </c>
    </row>
    <row r="5255" spans="1:8" x14ac:dyDescent="0.25">
      <c r="A5255" s="1">
        <v>43698</v>
      </c>
      <c r="B5255" t="s">
        <v>3646</v>
      </c>
      <c r="C5255" t="s">
        <v>79</v>
      </c>
      <c r="D5255" t="s">
        <v>10</v>
      </c>
      <c r="E5255" t="s">
        <v>11</v>
      </c>
      <c r="F5255" s="2">
        <v>1</v>
      </c>
      <c r="G5255" t="s">
        <v>318</v>
      </c>
      <c r="H5255" t="s">
        <v>13</v>
      </c>
    </row>
    <row r="5256" spans="1:8" x14ac:dyDescent="0.25">
      <c r="A5256" s="1">
        <v>43698</v>
      </c>
      <c r="B5256" t="s">
        <v>3646</v>
      </c>
      <c r="C5256" t="s">
        <v>80</v>
      </c>
      <c r="D5256" t="s">
        <v>10</v>
      </c>
      <c r="E5256" t="s">
        <v>11</v>
      </c>
      <c r="F5256" s="2">
        <v>1</v>
      </c>
      <c r="G5256" t="s">
        <v>318</v>
      </c>
      <c r="H5256" t="s">
        <v>13</v>
      </c>
    </row>
    <row r="5257" spans="1:8" x14ac:dyDescent="0.25">
      <c r="A5257" s="1">
        <v>43697</v>
      </c>
      <c r="B5257" t="s">
        <v>3647</v>
      </c>
      <c r="C5257" t="s">
        <v>118</v>
      </c>
      <c r="D5257" t="s">
        <v>10</v>
      </c>
      <c r="E5257" t="s">
        <v>11</v>
      </c>
      <c r="F5257" s="2">
        <v>1</v>
      </c>
      <c r="G5257" t="s">
        <v>37</v>
      </c>
      <c r="H5257" t="s">
        <v>13</v>
      </c>
    </row>
    <row r="5258" spans="1:8" x14ac:dyDescent="0.25">
      <c r="A5258" s="1">
        <v>43697</v>
      </c>
      <c r="B5258" t="s">
        <v>3647</v>
      </c>
      <c r="C5258" t="s">
        <v>142</v>
      </c>
      <c r="D5258" t="s">
        <v>10</v>
      </c>
      <c r="E5258" t="s">
        <v>11</v>
      </c>
      <c r="F5258" s="2">
        <v>1</v>
      </c>
      <c r="G5258" t="s">
        <v>37</v>
      </c>
      <c r="H5258" t="s">
        <v>13</v>
      </c>
    </row>
    <row r="5259" spans="1:8" x14ac:dyDescent="0.25">
      <c r="A5259" s="1">
        <v>43697</v>
      </c>
      <c r="B5259" t="s">
        <v>3647</v>
      </c>
      <c r="C5259" t="s">
        <v>56</v>
      </c>
      <c r="D5259" t="s">
        <v>10</v>
      </c>
      <c r="E5259" t="s">
        <v>11</v>
      </c>
      <c r="F5259" s="2">
        <v>1</v>
      </c>
      <c r="G5259" t="s">
        <v>37</v>
      </c>
      <c r="H5259" t="s">
        <v>13</v>
      </c>
    </row>
    <row r="5260" spans="1:8" x14ac:dyDescent="0.25">
      <c r="A5260" s="1">
        <v>43697</v>
      </c>
      <c r="B5260" t="s">
        <v>3647</v>
      </c>
      <c r="C5260" t="s">
        <v>151</v>
      </c>
      <c r="D5260" t="s">
        <v>10</v>
      </c>
      <c r="E5260" t="s">
        <v>11</v>
      </c>
      <c r="F5260" s="2">
        <v>1</v>
      </c>
      <c r="G5260" t="s">
        <v>37</v>
      </c>
      <c r="H5260" t="s">
        <v>13</v>
      </c>
    </row>
    <row r="5261" spans="1:8" x14ac:dyDescent="0.25">
      <c r="A5261" s="1">
        <v>43697</v>
      </c>
      <c r="B5261" t="s">
        <v>3648</v>
      </c>
      <c r="C5261" t="s">
        <v>3389</v>
      </c>
      <c r="D5261" t="s">
        <v>10</v>
      </c>
      <c r="E5261" t="s">
        <v>11</v>
      </c>
      <c r="F5261" s="2">
        <v>1</v>
      </c>
      <c r="G5261" t="s">
        <v>137</v>
      </c>
      <c r="H5261" t="s">
        <v>13</v>
      </c>
    </row>
    <row r="5262" spans="1:8" x14ac:dyDescent="0.25">
      <c r="A5262" s="1">
        <v>43696</v>
      </c>
      <c r="B5262" t="s">
        <v>3649</v>
      </c>
      <c r="C5262" t="s">
        <v>249</v>
      </c>
      <c r="D5262" t="s">
        <v>10</v>
      </c>
      <c r="E5262" t="s">
        <v>11</v>
      </c>
      <c r="F5262" s="2">
        <v>1</v>
      </c>
      <c r="G5262" t="s">
        <v>37</v>
      </c>
      <c r="H5262" t="s">
        <v>13</v>
      </c>
    </row>
    <row r="5263" spans="1:8" x14ac:dyDescent="0.25">
      <c r="A5263" s="1">
        <v>43696</v>
      </c>
      <c r="B5263" t="s">
        <v>3650</v>
      </c>
      <c r="C5263" t="s">
        <v>835</v>
      </c>
      <c r="D5263" t="s">
        <v>10</v>
      </c>
      <c r="E5263" t="s">
        <v>11</v>
      </c>
      <c r="F5263" s="2">
        <v>1</v>
      </c>
      <c r="G5263" t="s">
        <v>100</v>
      </c>
      <c r="H5263" t="s">
        <v>13</v>
      </c>
    </row>
    <row r="5264" spans="1:8" x14ac:dyDescent="0.25">
      <c r="A5264" s="1">
        <v>43696</v>
      </c>
      <c r="B5264" t="s">
        <v>3651</v>
      </c>
      <c r="C5264" t="s">
        <v>9</v>
      </c>
      <c r="D5264" t="s">
        <v>10</v>
      </c>
      <c r="E5264" t="s">
        <v>11</v>
      </c>
      <c r="F5264" s="2">
        <v>1</v>
      </c>
      <c r="G5264" t="s">
        <v>20</v>
      </c>
      <c r="H5264" t="s">
        <v>13</v>
      </c>
    </row>
    <row r="5265" spans="1:8" x14ac:dyDescent="0.25">
      <c r="A5265" s="1">
        <v>43696</v>
      </c>
      <c r="B5265" t="s">
        <v>3651</v>
      </c>
      <c r="C5265" t="s">
        <v>35</v>
      </c>
      <c r="D5265" t="s">
        <v>10</v>
      </c>
      <c r="E5265" t="s">
        <v>11</v>
      </c>
      <c r="F5265" s="2">
        <v>1</v>
      </c>
      <c r="G5265" t="s">
        <v>20</v>
      </c>
      <c r="H5265" t="s">
        <v>13</v>
      </c>
    </row>
    <row r="5266" spans="1:8" x14ac:dyDescent="0.25">
      <c r="A5266" s="1">
        <v>43696</v>
      </c>
      <c r="B5266" t="s">
        <v>3651</v>
      </c>
      <c r="C5266" t="s">
        <v>47</v>
      </c>
      <c r="D5266" t="s">
        <v>10</v>
      </c>
      <c r="E5266" t="s">
        <v>11</v>
      </c>
      <c r="F5266" s="2">
        <v>1</v>
      </c>
      <c r="G5266" t="s">
        <v>20</v>
      </c>
      <c r="H5266" t="s">
        <v>13</v>
      </c>
    </row>
    <row r="5267" spans="1:8" x14ac:dyDescent="0.25">
      <c r="A5267" s="1">
        <v>43694</v>
      </c>
      <c r="B5267" t="s">
        <v>3652</v>
      </c>
      <c r="C5267" t="s">
        <v>79</v>
      </c>
      <c r="D5267" t="s">
        <v>10</v>
      </c>
      <c r="E5267" t="s">
        <v>11</v>
      </c>
      <c r="F5267" s="2">
        <v>1</v>
      </c>
      <c r="G5267" t="s">
        <v>197</v>
      </c>
      <c r="H5267" t="s">
        <v>13</v>
      </c>
    </row>
    <row r="5268" spans="1:8" x14ac:dyDescent="0.25">
      <c r="A5268" s="1">
        <v>43694</v>
      </c>
      <c r="B5268" t="s">
        <v>3652</v>
      </c>
      <c r="C5268" t="s">
        <v>80</v>
      </c>
      <c r="D5268" t="s">
        <v>10</v>
      </c>
      <c r="E5268" t="s">
        <v>11</v>
      </c>
      <c r="F5268" s="2">
        <v>1</v>
      </c>
      <c r="G5268" t="s">
        <v>197</v>
      </c>
      <c r="H5268" t="s">
        <v>13</v>
      </c>
    </row>
    <row r="5269" spans="1:8" x14ac:dyDescent="0.25">
      <c r="A5269" s="1">
        <v>43694</v>
      </c>
      <c r="B5269" t="s">
        <v>3653</v>
      </c>
      <c r="C5269" t="s">
        <v>9</v>
      </c>
      <c r="D5269" t="s">
        <v>10</v>
      </c>
      <c r="E5269" t="s">
        <v>11</v>
      </c>
      <c r="F5269" s="2">
        <v>1</v>
      </c>
      <c r="G5269" t="s">
        <v>53</v>
      </c>
      <c r="H5269" t="s">
        <v>13</v>
      </c>
    </row>
    <row r="5270" spans="1:8" x14ac:dyDescent="0.25">
      <c r="A5270" s="1">
        <v>43694</v>
      </c>
      <c r="B5270" t="s">
        <v>3653</v>
      </c>
      <c r="C5270" t="s">
        <v>35</v>
      </c>
      <c r="D5270" t="s">
        <v>10</v>
      </c>
      <c r="E5270" t="s">
        <v>11</v>
      </c>
      <c r="F5270" s="2">
        <v>1</v>
      </c>
      <c r="G5270" t="s">
        <v>53</v>
      </c>
      <c r="H5270" t="s">
        <v>13</v>
      </c>
    </row>
    <row r="5271" spans="1:8" x14ac:dyDescent="0.25">
      <c r="A5271" s="1">
        <v>43694</v>
      </c>
      <c r="B5271" t="s">
        <v>3654</v>
      </c>
      <c r="C5271" t="s">
        <v>999</v>
      </c>
      <c r="D5271" t="s">
        <v>26</v>
      </c>
      <c r="E5271" t="s">
        <v>11</v>
      </c>
      <c r="F5271" s="2">
        <v>1</v>
      </c>
      <c r="G5271" t="s">
        <v>24</v>
      </c>
      <c r="H5271" t="s">
        <v>13</v>
      </c>
    </row>
    <row r="5272" spans="1:8" x14ac:dyDescent="0.25">
      <c r="A5272" s="1">
        <v>43694</v>
      </c>
      <c r="B5272" t="s">
        <v>3654</v>
      </c>
      <c r="C5272" t="s">
        <v>999</v>
      </c>
      <c r="D5272" t="s">
        <v>10</v>
      </c>
      <c r="E5272" t="s">
        <v>11</v>
      </c>
      <c r="F5272" s="2">
        <v>1</v>
      </c>
      <c r="G5272" t="s">
        <v>24</v>
      </c>
      <c r="H5272" t="s">
        <v>13</v>
      </c>
    </row>
    <row r="5273" spans="1:8" x14ac:dyDescent="0.25">
      <c r="A5273" s="1">
        <v>43693</v>
      </c>
      <c r="B5273" t="s">
        <v>3655</v>
      </c>
      <c r="C5273" t="s">
        <v>35</v>
      </c>
      <c r="D5273" t="s">
        <v>10</v>
      </c>
      <c r="E5273" t="s">
        <v>11</v>
      </c>
      <c r="F5273" s="2">
        <v>1</v>
      </c>
      <c r="G5273" t="s">
        <v>100</v>
      </c>
      <c r="H5273" t="s">
        <v>13</v>
      </c>
    </row>
    <row r="5274" spans="1:8" x14ac:dyDescent="0.25">
      <c r="A5274" s="1">
        <v>43693</v>
      </c>
      <c r="B5274" t="s">
        <v>3656</v>
      </c>
      <c r="C5274" t="s">
        <v>413</v>
      </c>
      <c r="D5274" t="s">
        <v>10</v>
      </c>
      <c r="E5274" t="s">
        <v>11</v>
      </c>
      <c r="F5274" s="2">
        <v>1</v>
      </c>
      <c r="G5274" t="s">
        <v>147</v>
      </c>
      <c r="H5274" t="s">
        <v>13</v>
      </c>
    </row>
    <row r="5275" spans="1:8" x14ac:dyDescent="0.25">
      <c r="A5275" s="1">
        <v>43693</v>
      </c>
      <c r="B5275" t="s">
        <v>3657</v>
      </c>
      <c r="C5275" t="s">
        <v>379</v>
      </c>
      <c r="D5275" t="s">
        <v>10</v>
      </c>
      <c r="E5275" t="s">
        <v>11</v>
      </c>
      <c r="F5275" s="2">
        <v>1</v>
      </c>
      <c r="G5275" t="s">
        <v>880</v>
      </c>
      <c r="H5275" t="s">
        <v>13</v>
      </c>
    </row>
    <row r="5276" spans="1:8" x14ac:dyDescent="0.25">
      <c r="A5276" s="1">
        <v>43692</v>
      </c>
      <c r="B5276" t="s">
        <v>3658</v>
      </c>
      <c r="C5276" t="s">
        <v>9</v>
      </c>
      <c r="D5276" t="s">
        <v>10</v>
      </c>
      <c r="E5276" t="s">
        <v>11</v>
      </c>
      <c r="F5276" s="2">
        <v>1</v>
      </c>
      <c r="G5276" t="s">
        <v>72</v>
      </c>
      <c r="H5276" t="s">
        <v>13</v>
      </c>
    </row>
    <row r="5277" spans="1:8" x14ac:dyDescent="0.25">
      <c r="A5277" s="1">
        <v>43692</v>
      </c>
      <c r="B5277" t="s">
        <v>3658</v>
      </c>
      <c r="C5277" t="s">
        <v>28</v>
      </c>
      <c r="D5277" t="s">
        <v>10</v>
      </c>
      <c r="E5277" t="s">
        <v>11</v>
      </c>
      <c r="F5277" s="2">
        <v>1</v>
      </c>
      <c r="G5277" t="s">
        <v>72</v>
      </c>
      <c r="H5277" t="s">
        <v>13</v>
      </c>
    </row>
    <row r="5278" spans="1:8" x14ac:dyDescent="0.25">
      <c r="A5278" s="1">
        <v>43692</v>
      </c>
      <c r="B5278" t="s">
        <v>3658</v>
      </c>
      <c r="C5278" t="s">
        <v>29</v>
      </c>
      <c r="D5278" t="s">
        <v>10</v>
      </c>
      <c r="E5278" t="s">
        <v>11</v>
      </c>
      <c r="F5278" s="2">
        <v>1</v>
      </c>
      <c r="G5278" t="s">
        <v>72</v>
      </c>
      <c r="H5278" t="s">
        <v>13</v>
      </c>
    </row>
    <row r="5279" spans="1:8" x14ac:dyDescent="0.25">
      <c r="A5279" s="1">
        <v>43691</v>
      </c>
      <c r="B5279" t="s">
        <v>3659</v>
      </c>
      <c r="C5279" t="s">
        <v>893</v>
      </c>
      <c r="D5279" t="s">
        <v>10</v>
      </c>
      <c r="E5279" t="s">
        <v>11</v>
      </c>
      <c r="F5279" s="2">
        <v>1</v>
      </c>
      <c r="G5279" t="s">
        <v>72</v>
      </c>
      <c r="H5279" t="s">
        <v>13</v>
      </c>
    </row>
    <row r="5280" spans="1:8" x14ac:dyDescent="0.25">
      <c r="A5280" s="1">
        <v>43691</v>
      </c>
      <c r="B5280" t="s">
        <v>3659</v>
      </c>
      <c r="C5280" t="s">
        <v>410</v>
      </c>
      <c r="D5280" t="s">
        <v>10</v>
      </c>
      <c r="E5280" t="s">
        <v>11</v>
      </c>
      <c r="F5280" s="2">
        <v>1</v>
      </c>
      <c r="G5280" t="s">
        <v>72</v>
      </c>
      <c r="H5280" t="s">
        <v>13</v>
      </c>
    </row>
    <row r="5281" spans="1:8" x14ac:dyDescent="0.25">
      <c r="A5281" s="1">
        <v>43691</v>
      </c>
      <c r="B5281" t="s">
        <v>3660</v>
      </c>
      <c r="C5281" t="s">
        <v>19</v>
      </c>
      <c r="D5281" t="s">
        <v>10</v>
      </c>
      <c r="E5281" t="s">
        <v>11</v>
      </c>
      <c r="F5281" s="2">
        <v>1</v>
      </c>
      <c r="G5281" t="s">
        <v>46</v>
      </c>
      <c r="H5281" t="s">
        <v>13</v>
      </c>
    </row>
    <row r="5282" spans="1:8" x14ac:dyDescent="0.25">
      <c r="A5282" s="1">
        <v>43689</v>
      </c>
      <c r="B5282" t="s">
        <v>3661</v>
      </c>
      <c r="C5282" t="s">
        <v>79</v>
      </c>
      <c r="D5282" t="s">
        <v>10</v>
      </c>
      <c r="E5282" t="s">
        <v>11</v>
      </c>
      <c r="F5282" s="2">
        <v>1</v>
      </c>
      <c r="G5282" t="s">
        <v>181</v>
      </c>
      <c r="H5282" t="s">
        <v>13</v>
      </c>
    </row>
    <row r="5283" spans="1:8" x14ac:dyDescent="0.25">
      <c r="A5283" s="1">
        <v>43689</v>
      </c>
      <c r="B5283" t="s">
        <v>3661</v>
      </c>
      <c r="C5283" t="s">
        <v>80</v>
      </c>
      <c r="D5283" t="s">
        <v>10</v>
      </c>
      <c r="E5283" t="s">
        <v>11</v>
      </c>
      <c r="F5283" s="2">
        <v>1</v>
      </c>
      <c r="G5283" t="s">
        <v>181</v>
      </c>
      <c r="H5283" t="s">
        <v>13</v>
      </c>
    </row>
    <row r="5284" spans="1:8" x14ac:dyDescent="0.25">
      <c r="A5284" s="1">
        <v>43688</v>
      </c>
      <c r="B5284" t="s">
        <v>3662</v>
      </c>
      <c r="C5284" t="s">
        <v>86</v>
      </c>
      <c r="D5284" t="s">
        <v>10</v>
      </c>
      <c r="E5284" t="s">
        <v>11</v>
      </c>
      <c r="F5284" s="2">
        <v>1</v>
      </c>
      <c r="G5284" t="s">
        <v>53</v>
      </c>
      <c r="H5284" t="s">
        <v>13</v>
      </c>
    </row>
    <row r="5285" spans="1:8" x14ac:dyDescent="0.25">
      <c r="A5285" s="1">
        <v>43687</v>
      </c>
      <c r="B5285" t="s">
        <v>3663</v>
      </c>
      <c r="C5285" t="s">
        <v>9</v>
      </c>
      <c r="D5285" t="s">
        <v>10</v>
      </c>
      <c r="E5285" t="s">
        <v>11</v>
      </c>
      <c r="F5285" s="2">
        <v>1</v>
      </c>
      <c r="G5285" t="s">
        <v>24</v>
      </c>
      <c r="H5285" t="s">
        <v>13</v>
      </c>
    </row>
    <row r="5286" spans="1:8" x14ac:dyDescent="0.25">
      <c r="A5286" s="1">
        <v>43686</v>
      </c>
      <c r="B5286" t="s">
        <v>3664</v>
      </c>
      <c r="C5286" t="s">
        <v>9</v>
      </c>
      <c r="D5286" t="s">
        <v>10</v>
      </c>
      <c r="E5286" t="s">
        <v>11</v>
      </c>
      <c r="F5286" s="2">
        <v>1</v>
      </c>
      <c r="G5286" t="s">
        <v>181</v>
      </c>
      <c r="H5286" t="s">
        <v>13</v>
      </c>
    </row>
    <row r="5287" spans="1:8" x14ac:dyDescent="0.25">
      <c r="A5287" s="1">
        <v>43685</v>
      </c>
      <c r="B5287" t="s">
        <v>3665</v>
      </c>
      <c r="C5287" t="s">
        <v>74</v>
      </c>
      <c r="D5287" t="s">
        <v>10</v>
      </c>
      <c r="E5287" t="s">
        <v>11</v>
      </c>
      <c r="F5287" s="2">
        <v>1</v>
      </c>
      <c r="G5287" t="s">
        <v>93</v>
      </c>
      <c r="H5287" t="s">
        <v>13</v>
      </c>
    </row>
    <row r="5288" spans="1:8" x14ac:dyDescent="0.25">
      <c r="A5288" s="1">
        <v>43684</v>
      </c>
      <c r="B5288" t="s">
        <v>3666</v>
      </c>
      <c r="C5288" t="s">
        <v>1698</v>
      </c>
      <c r="D5288" t="s">
        <v>10</v>
      </c>
      <c r="E5288" t="s">
        <v>11</v>
      </c>
      <c r="F5288" s="2">
        <v>1</v>
      </c>
      <c r="G5288" t="s">
        <v>181</v>
      </c>
      <c r="H5288" t="s">
        <v>13</v>
      </c>
    </row>
    <row r="5289" spans="1:8" x14ac:dyDescent="0.25">
      <c r="A5289" s="1">
        <v>43682</v>
      </c>
      <c r="B5289" t="s">
        <v>3667</v>
      </c>
      <c r="C5289" t="s">
        <v>16</v>
      </c>
      <c r="D5289" t="s">
        <v>10</v>
      </c>
      <c r="E5289" t="s">
        <v>11</v>
      </c>
      <c r="F5289" s="2">
        <v>1</v>
      </c>
      <c r="G5289" t="s">
        <v>135</v>
      </c>
      <c r="H5289" t="s">
        <v>13</v>
      </c>
    </row>
    <row r="5290" spans="1:8" x14ac:dyDescent="0.25">
      <c r="A5290" s="1">
        <v>43681</v>
      </c>
      <c r="B5290" t="s">
        <v>3668</v>
      </c>
      <c r="C5290" t="s">
        <v>35</v>
      </c>
      <c r="D5290" t="s">
        <v>10</v>
      </c>
      <c r="E5290" t="s">
        <v>11</v>
      </c>
      <c r="F5290" s="2">
        <v>1</v>
      </c>
      <c r="G5290" t="s">
        <v>2324</v>
      </c>
      <c r="H5290" t="s">
        <v>13</v>
      </c>
    </row>
    <row r="5291" spans="1:8" x14ac:dyDescent="0.25">
      <c r="A5291" s="1">
        <v>43681</v>
      </c>
      <c r="B5291" t="s">
        <v>3668</v>
      </c>
      <c r="C5291" t="s">
        <v>14</v>
      </c>
      <c r="D5291" t="s">
        <v>10</v>
      </c>
      <c r="E5291" t="s">
        <v>11</v>
      </c>
      <c r="F5291" s="2">
        <v>1</v>
      </c>
      <c r="G5291" t="s">
        <v>2324</v>
      </c>
      <c r="H5291" t="s">
        <v>13</v>
      </c>
    </row>
    <row r="5292" spans="1:8" x14ac:dyDescent="0.25">
      <c r="A5292" s="1">
        <v>43680</v>
      </c>
      <c r="B5292" t="s">
        <v>3669</v>
      </c>
      <c r="C5292" t="s">
        <v>222</v>
      </c>
      <c r="D5292" t="s">
        <v>10</v>
      </c>
      <c r="E5292" t="s">
        <v>11</v>
      </c>
      <c r="F5292" s="2">
        <v>1</v>
      </c>
      <c r="G5292" t="s">
        <v>661</v>
      </c>
      <c r="H5292" t="s">
        <v>13</v>
      </c>
    </row>
    <row r="5293" spans="1:8" x14ac:dyDescent="0.25">
      <c r="A5293" s="1">
        <v>43680</v>
      </c>
      <c r="B5293" t="s">
        <v>3670</v>
      </c>
      <c r="C5293" t="s">
        <v>9</v>
      </c>
      <c r="D5293" t="s">
        <v>10</v>
      </c>
      <c r="E5293" t="s">
        <v>11</v>
      </c>
      <c r="F5293" s="2">
        <v>1</v>
      </c>
      <c r="G5293" t="s">
        <v>109</v>
      </c>
      <c r="H5293" t="s">
        <v>13</v>
      </c>
    </row>
    <row r="5294" spans="1:8" x14ac:dyDescent="0.25">
      <c r="A5294" s="1">
        <v>43680</v>
      </c>
      <c r="B5294" t="s">
        <v>3670</v>
      </c>
      <c r="C5294" t="s">
        <v>3034</v>
      </c>
      <c r="D5294" t="s">
        <v>10</v>
      </c>
      <c r="E5294" t="s">
        <v>11</v>
      </c>
      <c r="F5294" s="2">
        <v>1</v>
      </c>
      <c r="G5294" t="s">
        <v>109</v>
      </c>
      <c r="H5294" t="s">
        <v>13</v>
      </c>
    </row>
    <row r="5295" spans="1:8" x14ac:dyDescent="0.25">
      <c r="A5295" s="1">
        <v>43680</v>
      </c>
      <c r="B5295" t="s">
        <v>3670</v>
      </c>
      <c r="C5295" t="s">
        <v>50</v>
      </c>
      <c r="D5295" t="s">
        <v>10</v>
      </c>
      <c r="E5295" t="s">
        <v>11</v>
      </c>
      <c r="F5295" s="2">
        <v>1</v>
      </c>
      <c r="G5295" t="s">
        <v>109</v>
      </c>
      <c r="H5295" t="s">
        <v>13</v>
      </c>
    </row>
    <row r="5296" spans="1:8" x14ac:dyDescent="0.25">
      <c r="A5296" s="1">
        <v>43679</v>
      </c>
      <c r="B5296" t="s">
        <v>3671</v>
      </c>
      <c r="C5296" t="s">
        <v>76</v>
      </c>
      <c r="D5296" t="s">
        <v>10</v>
      </c>
      <c r="E5296" t="s">
        <v>11</v>
      </c>
      <c r="F5296" s="2">
        <v>1</v>
      </c>
      <c r="G5296" t="s">
        <v>191</v>
      </c>
      <c r="H5296" t="s">
        <v>13</v>
      </c>
    </row>
    <row r="5297" spans="1:8" x14ac:dyDescent="0.25">
      <c r="A5297" s="1">
        <v>43679</v>
      </c>
      <c r="B5297" t="s">
        <v>3672</v>
      </c>
      <c r="C5297" t="s">
        <v>2313</v>
      </c>
      <c r="D5297" t="s">
        <v>10</v>
      </c>
      <c r="E5297" t="s">
        <v>11</v>
      </c>
      <c r="F5297" s="2">
        <v>1</v>
      </c>
      <c r="G5297" t="s">
        <v>100</v>
      </c>
      <c r="H5297" t="s">
        <v>13</v>
      </c>
    </row>
    <row r="5298" spans="1:8" x14ac:dyDescent="0.25">
      <c r="A5298" s="1">
        <v>43679</v>
      </c>
      <c r="B5298" t="s">
        <v>3673</v>
      </c>
      <c r="C5298" t="s">
        <v>16</v>
      </c>
      <c r="D5298" t="s">
        <v>10</v>
      </c>
      <c r="E5298" t="s">
        <v>11</v>
      </c>
      <c r="F5298" s="2">
        <v>1</v>
      </c>
      <c r="G5298" t="s">
        <v>135</v>
      </c>
      <c r="H5298" t="s">
        <v>13</v>
      </c>
    </row>
    <row r="5299" spans="1:8" x14ac:dyDescent="0.25">
      <c r="A5299" s="1">
        <v>43679</v>
      </c>
      <c r="B5299" t="s">
        <v>3674</v>
      </c>
      <c r="C5299" t="s">
        <v>9</v>
      </c>
      <c r="D5299" t="s">
        <v>10</v>
      </c>
      <c r="E5299" t="s">
        <v>11</v>
      </c>
      <c r="F5299" s="2">
        <v>1</v>
      </c>
      <c r="G5299" t="s">
        <v>93</v>
      </c>
      <c r="H5299" t="s">
        <v>13</v>
      </c>
    </row>
    <row r="5300" spans="1:8" x14ac:dyDescent="0.25">
      <c r="A5300" s="1">
        <v>43678</v>
      </c>
      <c r="B5300" t="s">
        <v>3675</v>
      </c>
      <c r="C5300" t="s">
        <v>322</v>
      </c>
      <c r="D5300" t="s">
        <v>10</v>
      </c>
      <c r="E5300" t="s">
        <v>11</v>
      </c>
      <c r="F5300" s="2">
        <v>1</v>
      </c>
      <c r="G5300" t="s">
        <v>214</v>
      </c>
      <c r="H5300" t="s">
        <v>13</v>
      </c>
    </row>
    <row r="5301" spans="1:8" x14ac:dyDescent="0.25">
      <c r="A5301" s="1">
        <v>43678</v>
      </c>
      <c r="B5301" t="s">
        <v>3676</v>
      </c>
      <c r="C5301" t="s">
        <v>52</v>
      </c>
      <c r="D5301" t="s">
        <v>10</v>
      </c>
      <c r="E5301" t="s">
        <v>11</v>
      </c>
      <c r="F5301" s="2">
        <v>1</v>
      </c>
      <c r="G5301" t="s">
        <v>953</v>
      </c>
      <c r="H5301" t="s">
        <v>13</v>
      </c>
    </row>
    <row r="5302" spans="1:8" x14ac:dyDescent="0.25">
      <c r="A5302" s="1">
        <v>43678</v>
      </c>
      <c r="B5302" t="s">
        <v>3676</v>
      </c>
      <c r="C5302" t="s">
        <v>47</v>
      </c>
      <c r="D5302" t="s">
        <v>10</v>
      </c>
      <c r="E5302" t="s">
        <v>11</v>
      </c>
      <c r="F5302" s="2">
        <v>1</v>
      </c>
      <c r="G5302" t="s">
        <v>953</v>
      </c>
      <c r="H5302" t="s">
        <v>13</v>
      </c>
    </row>
    <row r="5303" spans="1:8" x14ac:dyDescent="0.25">
      <c r="A5303" s="1">
        <v>43678</v>
      </c>
      <c r="B5303" t="s">
        <v>3676</v>
      </c>
      <c r="C5303" t="s">
        <v>379</v>
      </c>
      <c r="D5303" t="s">
        <v>10</v>
      </c>
      <c r="E5303" t="s">
        <v>11</v>
      </c>
      <c r="F5303" s="2">
        <v>1</v>
      </c>
      <c r="G5303" t="s">
        <v>953</v>
      </c>
      <c r="H5303" t="s">
        <v>13</v>
      </c>
    </row>
    <row r="5304" spans="1:8" x14ac:dyDescent="0.25">
      <c r="A5304" s="1">
        <v>43677</v>
      </c>
      <c r="B5304" t="s">
        <v>3677</v>
      </c>
      <c r="C5304" t="s">
        <v>9</v>
      </c>
      <c r="D5304" t="s">
        <v>10</v>
      </c>
      <c r="E5304" t="s">
        <v>11</v>
      </c>
      <c r="F5304" s="2">
        <v>1</v>
      </c>
      <c r="G5304" t="s">
        <v>1537</v>
      </c>
      <c r="H5304" t="s">
        <v>13</v>
      </c>
    </row>
    <row r="5305" spans="1:8" x14ac:dyDescent="0.25">
      <c r="A5305" s="1">
        <v>43676</v>
      </c>
      <c r="B5305" t="s">
        <v>3678</v>
      </c>
      <c r="C5305" t="s">
        <v>42</v>
      </c>
      <c r="D5305" t="s">
        <v>10</v>
      </c>
      <c r="E5305" t="s">
        <v>11</v>
      </c>
      <c r="F5305" s="2">
        <v>1</v>
      </c>
      <c r="G5305" t="s">
        <v>581</v>
      </c>
      <c r="H5305" t="s">
        <v>13</v>
      </c>
    </row>
    <row r="5306" spans="1:8" x14ac:dyDescent="0.25">
      <c r="A5306" s="1">
        <v>43675</v>
      </c>
      <c r="B5306" t="s">
        <v>3679</v>
      </c>
      <c r="C5306" t="s">
        <v>14</v>
      </c>
      <c r="D5306" t="s">
        <v>10</v>
      </c>
      <c r="E5306" t="s">
        <v>11</v>
      </c>
      <c r="F5306" s="2">
        <v>1</v>
      </c>
      <c r="G5306" t="s">
        <v>3680</v>
      </c>
      <c r="H5306" t="s">
        <v>13</v>
      </c>
    </row>
    <row r="5307" spans="1:8" x14ac:dyDescent="0.25">
      <c r="A5307" s="1">
        <v>43675</v>
      </c>
      <c r="B5307" t="s">
        <v>3681</v>
      </c>
      <c r="C5307" t="s">
        <v>79</v>
      </c>
      <c r="D5307" t="s">
        <v>10</v>
      </c>
      <c r="E5307" t="s">
        <v>11</v>
      </c>
      <c r="F5307" s="2">
        <v>1</v>
      </c>
      <c r="G5307" t="s">
        <v>46</v>
      </c>
      <c r="H5307" t="s">
        <v>13</v>
      </c>
    </row>
    <row r="5308" spans="1:8" x14ac:dyDescent="0.25">
      <c r="A5308" s="1">
        <v>43675</v>
      </c>
      <c r="B5308" t="s">
        <v>3681</v>
      </c>
      <c r="C5308" t="s">
        <v>80</v>
      </c>
      <c r="D5308" t="s">
        <v>10</v>
      </c>
      <c r="E5308" t="s">
        <v>11</v>
      </c>
      <c r="F5308" s="2">
        <v>1</v>
      </c>
      <c r="G5308" t="s">
        <v>46</v>
      </c>
      <c r="H5308" t="s">
        <v>13</v>
      </c>
    </row>
    <row r="5309" spans="1:8" x14ac:dyDescent="0.25">
      <c r="A5309" s="1">
        <v>43674</v>
      </c>
      <c r="B5309" t="s">
        <v>3682</v>
      </c>
      <c r="C5309" t="s">
        <v>9</v>
      </c>
      <c r="D5309" t="s">
        <v>10</v>
      </c>
      <c r="E5309" t="s">
        <v>11</v>
      </c>
      <c r="F5309" s="2">
        <v>1</v>
      </c>
      <c r="G5309" t="s">
        <v>181</v>
      </c>
      <c r="H5309" t="s">
        <v>13</v>
      </c>
    </row>
    <row r="5310" spans="1:8" x14ac:dyDescent="0.25">
      <c r="A5310" s="1">
        <v>43674</v>
      </c>
      <c r="B5310" t="s">
        <v>3682</v>
      </c>
      <c r="C5310" t="s">
        <v>394</v>
      </c>
      <c r="D5310" t="s">
        <v>10</v>
      </c>
      <c r="E5310" t="s">
        <v>11</v>
      </c>
      <c r="F5310" s="2">
        <v>1</v>
      </c>
      <c r="G5310" t="s">
        <v>181</v>
      </c>
      <c r="H5310" t="s">
        <v>13</v>
      </c>
    </row>
    <row r="5311" spans="1:8" x14ac:dyDescent="0.25">
      <c r="A5311" s="1">
        <v>43671</v>
      </c>
      <c r="B5311" t="s">
        <v>3683</v>
      </c>
      <c r="C5311" t="s">
        <v>9</v>
      </c>
      <c r="D5311" t="s">
        <v>10</v>
      </c>
      <c r="E5311" t="s">
        <v>11</v>
      </c>
      <c r="F5311" s="2">
        <v>1</v>
      </c>
      <c r="G5311" t="s">
        <v>205</v>
      </c>
      <c r="H5311" t="s">
        <v>13</v>
      </c>
    </row>
    <row r="5312" spans="1:8" x14ac:dyDescent="0.25">
      <c r="A5312" s="1">
        <v>43671</v>
      </c>
      <c r="B5312" t="s">
        <v>3683</v>
      </c>
      <c r="C5312" t="s">
        <v>417</v>
      </c>
      <c r="D5312" t="s">
        <v>10</v>
      </c>
      <c r="E5312" t="s">
        <v>11</v>
      </c>
      <c r="F5312" s="2">
        <v>1</v>
      </c>
      <c r="G5312" t="s">
        <v>205</v>
      </c>
      <c r="H5312" t="s">
        <v>13</v>
      </c>
    </row>
    <row r="5313" spans="1:8" x14ac:dyDescent="0.25">
      <c r="A5313" s="1">
        <v>43669</v>
      </c>
      <c r="B5313" t="s">
        <v>3684</v>
      </c>
      <c r="C5313" t="s">
        <v>16</v>
      </c>
      <c r="D5313" t="s">
        <v>10</v>
      </c>
      <c r="E5313" t="s">
        <v>11</v>
      </c>
      <c r="F5313" s="2">
        <v>1</v>
      </c>
      <c r="G5313" t="s">
        <v>1159</v>
      </c>
      <c r="H5313" t="s">
        <v>13</v>
      </c>
    </row>
    <row r="5314" spans="1:8" x14ac:dyDescent="0.25">
      <c r="A5314" s="1">
        <v>43669</v>
      </c>
      <c r="B5314" t="s">
        <v>3685</v>
      </c>
      <c r="C5314" t="s">
        <v>76</v>
      </c>
      <c r="D5314" t="s">
        <v>10</v>
      </c>
      <c r="E5314" t="s">
        <v>11</v>
      </c>
      <c r="F5314" s="2">
        <v>1</v>
      </c>
      <c r="G5314" t="s">
        <v>20</v>
      </c>
      <c r="H5314" t="s">
        <v>13</v>
      </c>
    </row>
    <row r="5315" spans="1:8" x14ac:dyDescent="0.25">
      <c r="A5315" s="1">
        <v>43668</v>
      </c>
      <c r="B5315" t="s">
        <v>3686</v>
      </c>
      <c r="C5315" t="s">
        <v>9</v>
      </c>
      <c r="D5315" t="s">
        <v>10</v>
      </c>
      <c r="E5315" t="s">
        <v>11</v>
      </c>
      <c r="F5315" s="2">
        <v>1</v>
      </c>
      <c r="G5315" t="s">
        <v>113</v>
      </c>
      <c r="H5315" t="s">
        <v>13</v>
      </c>
    </row>
    <row r="5316" spans="1:8" x14ac:dyDescent="0.25">
      <c r="A5316" s="1">
        <v>43668</v>
      </c>
      <c r="B5316" t="s">
        <v>3687</v>
      </c>
      <c r="C5316" t="s">
        <v>9</v>
      </c>
      <c r="D5316" t="s">
        <v>10</v>
      </c>
      <c r="E5316" t="s">
        <v>11</v>
      </c>
      <c r="F5316" s="2">
        <v>1</v>
      </c>
      <c r="G5316" t="s">
        <v>111</v>
      </c>
      <c r="H5316" t="s">
        <v>13</v>
      </c>
    </row>
    <row r="5317" spans="1:8" x14ac:dyDescent="0.25">
      <c r="A5317" s="1">
        <v>43668</v>
      </c>
      <c r="B5317" t="s">
        <v>3688</v>
      </c>
      <c r="C5317" t="s">
        <v>47</v>
      </c>
      <c r="D5317" t="s">
        <v>10</v>
      </c>
      <c r="E5317" t="s">
        <v>11</v>
      </c>
      <c r="F5317" s="2">
        <v>1</v>
      </c>
      <c r="G5317" t="s">
        <v>496</v>
      </c>
      <c r="H5317" t="s">
        <v>13</v>
      </c>
    </row>
    <row r="5318" spans="1:8" x14ac:dyDescent="0.25">
      <c r="A5318" s="1">
        <v>43668</v>
      </c>
      <c r="B5318" t="s">
        <v>3688</v>
      </c>
      <c r="C5318" t="s">
        <v>264</v>
      </c>
      <c r="D5318" t="s">
        <v>10</v>
      </c>
      <c r="E5318" t="s">
        <v>11</v>
      </c>
      <c r="F5318" s="2">
        <v>1</v>
      </c>
      <c r="G5318" t="s">
        <v>496</v>
      </c>
      <c r="H5318" t="s">
        <v>13</v>
      </c>
    </row>
    <row r="5319" spans="1:8" x14ac:dyDescent="0.25">
      <c r="A5319" s="1">
        <v>43668</v>
      </c>
      <c r="B5319" t="s">
        <v>3689</v>
      </c>
      <c r="C5319" t="s">
        <v>9</v>
      </c>
      <c r="D5319" t="s">
        <v>10</v>
      </c>
      <c r="E5319" t="s">
        <v>11</v>
      </c>
      <c r="F5319" s="2">
        <v>1</v>
      </c>
      <c r="G5319" t="s">
        <v>20</v>
      </c>
      <c r="H5319" t="s">
        <v>13</v>
      </c>
    </row>
    <row r="5320" spans="1:8" x14ac:dyDescent="0.25">
      <c r="A5320" s="1">
        <v>43668</v>
      </c>
      <c r="B5320" t="s">
        <v>3689</v>
      </c>
      <c r="C5320" t="s">
        <v>52</v>
      </c>
      <c r="D5320" t="s">
        <v>10</v>
      </c>
      <c r="E5320" t="s">
        <v>11</v>
      </c>
      <c r="F5320" s="2">
        <v>1</v>
      </c>
      <c r="G5320" t="s">
        <v>20</v>
      </c>
      <c r="H5320" t="s">
        <v>13</v>
      </c>
    </row>
    <row r="5321" spans="1:8" x14ac:dyDescent="0.25">
      <c r="A5321" s="1">
        <v>43668</v>
      </c>
      <c r="B5321" t="s">
        <v>3689</v>
      </c>
      <c r="C5321" t="s">
        <v>29</v>
      </c>
      <c r="D5321" t="s">
        <v>10</v>
      </c>
      <c r="E5321" t="s">
        <v>11</v>
      </c>
      <c r="F5321" s="2">
        <v>1</v>
      </c>
      <c r="G5321" t="s">
        <v>20</v>
      </c>
      <c r="H5321" t="s">
        <v>13</v>
      </c>
    </row>
    <row r="5322" spans="1:8" x14ac:dyDescent="0.25">
      <c r="A5322" s="1">
        <v>43667</v>
      </c>
      <c r="B5322" t="s">
        <v>3690</v>
      </c>
      <c r="C5322" t="s">
        <v>19</v>
      </c>
      <c r="D5322" t="s">
        <v>10</v>
      </c>
      <c r="E5322" t="s">
        <v>11</v>
      </c>
      <c r="F5322" s="2">
        <v>1</v>
      </c>
      <c r="G5322" t="s">
        <v>111</v>
      </c>
      <c r="H5322" t="s">
        <v>13</v>
      </c>
    </row>
    <row r="5323" spans="1:8" x14ac:dyDescent="0.25">
      <c r="A5323" s="1">
        <v>43667</v>
      </c>
      <c r="B5323" t="s">
        <v>3691</v>
      </c>
      <c r="C5323" t="s">
        <v>379</v>
      </c>
      <c r="D5323" t="s">
        <v>10</v>
      </c>
      <c r="E5323" t="s">
        <v>11</v>
      </c>
      <c r="F5323" s="2">
        <v>1</v>
      </c>
      <c r="G5323" t="s">
        <v>20</v>
      </c>
      <c r="H5323" t="s">
        <v>13</v>
      </c>
    </row>
    <row r="5324" spans="1:8" x14ac:dyDescent="0.25">
      <c r="A5324" s="1">
        <v>43667</v>
      </c>
      <c r="B5324" t="s">
        <v>3691</v>
      </c>
      <c r="C5324" t="s">
        <v>282</v>
      </c>
      <c r="D5324" t="s">
        <v>10</v>
      </c>
      <c r="E5324" t="s">
        <v>11</v>
      </c>
      <c r="F5324" s="2">
        <v>1</v>
      </c>
      <c r="G5324" t="s">
        <v>20</v>
      </c>
      <c r="H5324" t="s">
        <v>13</v>
      </c>
    </row>
    <row r="5325" spans="1:8" x14ac:dyDescent="0.25">
      <c r="A5325" s="1">
        <v>43666</v>
      </c>
      <c r="B5325" t="s">
        <v>3692</v>
      </c>
      <c r="C5325" t="s">
        <v>3693</v>
      </c>
      <c r="D5325" t="s">
        <v>10</v>
      </c>
      <c r="E5325" t="s">
        <v>11</v>
      </c>
      <c r="F5325" s="2">
        <v>1</v>
      </c>
      <c r="G5325" t="s">
        <v>303</v>
      </c>
      <c r="H5325" t="s">
        <v>13</v>
      </c>
    </row>
    <row r="5326" spans="1:8" x14ac:dyDescent="0.25">
      <c r="A5326" s="1">
        <v>43666</v>
      </c>
      <c r="B5326" t="s">
        <v>3692</v>
      </c>
      <c r="C5326" t="s">
        <v>394</v>
      </c>
      <c r="D5326" t="s">
        <v>10</v>
      </c>
      <c r="E5326" t="s">
        <v>11</v>
      </c>
      <c r="F5326" s="2">
        <v>1</v>
      </c>
      <c r="G5326" t="s">
        <v>303</v>
      </c>
      <c r="H5326" t="s">
        <v>13</v>
      </c>
    </row>
    <row r="5327" spans="1:8" x14ac:dyDescent="0.25">
      <c r="A5327" s="1">
        <v>43666</v>
      </c>
      <c r="B5327" t="s">
        <v>3692</v>
      </c>
      <c r="C5327" t="s">
        <v>249</v>
      </c>
      <c r="D5327" t="s">
        <v>10</v>
      </c>
      <c r="E5327" t="s">
        <v>11</v>
      </c>
      <c r="F5327" s="2">
        <v>1</v>
      </c>
      <c r="G5327" t="s">
        <v>303</v>
      </c>
      <c r="H5327" t="s">
        <v>13</v>
      </c>
    </row>
    <row r="5328" spans="1:8" x14ac:dyDescent="0.25">
      <c r="A5328" s="1">
        <v>43666</v>
      </c>
      <c r="B5328" t="s">
        <v>3692</v>
      </c>
      <c r="C5328" t="s">
        <v>47</v>
      </c>
      <c r="D5328" t="s">
        <v>10</v>
      </c>
      <c r="E5328" t="s">
        <v>11</v>
      </c>
      <c r="F5328" s="2">
        <v>1</v>
      </c>
      <c r="G5328" t="s">
        <v>303</v>
      </c>
      <c r="H5328" t="s">
        <v>13</v>
      </c>
    </row>
    <row r="5329" spans="1:8" x14ac:dyDescent="0.25">
      <c r="A5329" s="1">
        <v>43666</v>
      </c>
      <c r="B5329" t="s">
        <v>3694</v>
      </c>
      <c r="C5329" t="s">
        <v>19</v>
      </c>
      <c r="D5329" t="s">
        <v>10</v>
      </c>
      <c r="E5329" t="s">
        <v>11</v>
      </c>
      <c r="F5329" s="2">
        <v>1</v>
      </c>
      <c r="G5329" t="s">
        <v>123</v>
      </c>
      <c r="H5329" t="s">
        <v>13</v>
      </c>
    </row>
    <row r="5330" spans="1:8" x14ac:dyDescent="0.25">
      <c r="A5330" s="1">
        <v>43666</v>
      </c>
      <c r="B5330" t="s">
        <v>3695</v>
      </c>
      <c r="C5330" t="s">
        <v>76</v>
      </c>
      <c r="D5330" t="s">
        <v>10</v>
      </c>
      <c r="E5330" t="s">
        <v>11</v>
      </c>
      <c r="F5330" s="2">
        <v>1</v>
      </c>
      <c r="G5330" t="s">
        <v>20</v>
      </c>
      <c r="H5330" t="s">
        <v>13</v>
      </c>
    </row>
    <row r="5331" spans="1:8" x14ac:dyDescent="0.25">
      <c r="A5331" s="1">
        <v>43665</v>
      </c>
      <c r="B5331" t="s">
        <v>3696</v>
      </c>
      <c r="C5331" t="s">
        <v>9</v>
      </c>
      <c r="D5331" t="s">
        <v>10</v>
      </c>
      <c r="E5331" t="s">
        <v>11</v>
      </c>
      <c r="F5331" s="2">
        <v>1</v>
      </c>
      <c r="G5331" t="s">
        <v>24</v>
      </c>
      <c r="H5331" t="s">
        <v>13</v>
      </c>
    </row>
    <row r="5332" spans="1:8" x14ac:dyDescent="0.25">
      <c r="A5332" s="1">
        <v>43665</v>
      </c>
      <c r="B5332" t="s">
        <v>3697</v>
      </c>
      <c r="C5332" t="s">
        <v>9</v>
      </c>
      <c r="D5332" t="s">
        <v>10</v>
      </c>
      <c r="E5332" t="s">
        <v>11</v>
      </c>
      <c r="F5332" s="2">
        <v>1</v>
      </c>
      <c r="G5332" t="s">
        <v>83</v>
      </c>
      <c r="H5332" t="s">
        <v>13</v>
      </c>
    </row>
    <row r="5333" spans="1:8" x14ac:dyDescent="0.25">
      <c r="A5333" s="1">
        <v>43665</v>
      </c>
      <c r="B5333" t="s">
        <v>3697</v>
      </c>
      <c r="C5333" t="s">
        <v>47</v>
      </c>
      <c r="D5333" t="s">
        <v>10</v>
      </c>
      <c r="E5333" t="s">
        <v>11</v>
      </c>
      <c r="F5333" s="2">
        <v>1</v>
      </c>
      <c r="G5333" t="s">
        <v>83</v>
      </c>
      <c r="H5333" t="s">
        <v>13</v>
      </c>
    </row>
    <row r="5334" spans="1:8" x14ac:dyDescent="0.25">
      <c r="A5334" s="1">
        <v>43664</v>
      </c>
      <c r="B5334" t="s">
        <v>3698</v>
      </c>
      <c r="C5334" t="s">
        <v>16</v>
      </c>
      <c r="D5334" t="s">
        <v>10</v>
      </c>
      <c r="E5334" t="s">
        <v>11</v>
      </c>
      <c r="F5334" s="2">
        <v>1</v>
      </c>
      <c r="G5334" t="s">
        <v>197</v>
      </c>
      <c r="H5334" t="s">
        <v>13</v>
      </c>
    </row>
    <row r="5335" spans="1:8" x14ac:dyDescent="0.25">
      <c r="A5335" s="1">
        <v>43664</v>
      </c>
      <c r="B5335" t="s">
        <v>3698</v>
      </c>
      <c r="C5335" t="s">
        <v>271</v>
      </c>
      <c r="D5335" t="s">
        <v>10</v>
      </c>
      <c r="E5335" t="s">
        <v>11</v>
      </c>
      <c r="F5335" s="2">
        <v>1</v>
      </c>
      <c r="G5335" t="s">
        <v>197</v>
      </c>
      <c r="H5335" t="s">
        <v>13</v>
      </c>
    </row>
    <row r="5336" spans="1:8" x14ac:dyDescent="0.25">
      <c r="A5336" s="1">
        <v>43662</v>
      </c>
      <c r="B5336" t="s">
        <v>3699</v>
      </c>
      <c r="C5336" t="s">
        <v>115</v>
      </c>
      <c r="D5336" t="s">
        <v>10</v>
      </c>
      <c r="E5336" t="s">
        <v>11</v>
      </c>
      <c r="F5336" s="2">
        <v>1</v>
      </c>
      <c r="G5336" t="s">
        <v>181</v>
      </c>
      <c r="H5336" t="s">
        <v>13</v>
      </c>
    </row>
    <row r="5337" spans="1:8" x14ac:dyDescent="0.25">
      <c r="A5337" s="1">
        <v>43662</v>
      </c>
      <c r="B5337" t="s">
        <v>3700</v>
      </c>
      <c r="C5337" t="s">
        <v>9</v>
      </c>
      <c r="D5337" t="s">
        <v>10</v>
      </c>
      <c r="E5337" t="s">
        <v>11</v>
      </c>
      <c r="F5337" s="2">
        <v>1</v>
      </c>
      <c r="G5337" t="s">
        <v>1414</v>
      </c>
      <c r="H5337" t="s">
        <v>13</v>
      </c>
    </row>
    <row r="5338" spans="1:8" x14ac:dyDescent="0.25">
      <c r="A5338" s="1">
        <v>43662</v>
      </c>
      <c r="B5338" t="s">
        <v>3700</v>
      </c>
      <c r="C5338" t="s">
        <v>47</v>
      </c>
      <c r="D5338" t="s">
        <v>10</v>
      </c>
      <c r="E5338" t="s">
        <v>11</v>
      </c>
      <c r="F5338" s="2">
        <v>1</v>
      </c>
      <c r="G5338" t="s">
        <v>1414</v>
      </c>
      <c r="H5338" t="s">
        <v>13</v>
      </c>
    </row>
    <row r="5339" spans="1:8" x14ac:dyDescent="0.25">
      <c r="A5339" s="1">
        <v>43662</v>
      </c>
      <c r="B5339" t="s">
        <v>3701</v>
      </c>
      <c r="C5339" t="s">
        <v>9</v>
      </c>
      <c r="D5339" t="s">
        <v>10</v>
      </c>
      <c r="E5339" t="s">
        <v>11</v>
      </c>
      <c r="F5339" s="2">
        <v>1</v>
      </c>
      <c r="G5339" t="s">
        <v>496</v>
      </c>
      <c r="H5339" t="s">
        <v>13</v>
      </c>
    </row>
    <row r="5340" spans="1:8" x14ac:dyDescent="0.25">
      <c r="A5340" s="1">
        <v>43660</v>
      </c>
      <c r="B5340" t="s">
        <v>3702</v>
      </c>
      <c r="C5340" t="s">
        <v>9</v>
      </c>
      <c r="D5340" t="s">
        <v>10</v>
      </c>
      <c r="E5340" t="s">
        <v>11</v>
      </c>
      <c r="F5340" s="2">
        <v>1</v>
      </c>
      <c r="G5340" t="s">
        <v>20</v>
      </c>
      <c r="H5340" t="s">
        <v>13</v>
      </c>
    </row>
    <row r="5341" spans="1:8" x14ac:dyDescent="0.25">
      <c r="A5341" s="1">
        <v>43660</v>
      </c>
      <c r="B5341" t="s">
        <v>3702</v>
      </c>
      <c r="C5341" t="s">
        <v>64</v>
      </c>
      <c r="D5341" t="s">
        <v>10</v>
      </c>
      <c r="E5341" t="s">
        <v>11</v>
      </c>
      <c r="F5341" s="2">
        <v>1</v>
      </c>
      <c r="G5341" t="s">
        <v>20</v>
      </c>
      <c r="H5341" t="s">
        <v>13</v>
      </c>
    </row>
    <row r="5342" spans="1:8" x14ac:dyDescent="0.25">
      <c r="A5342" s="1">
        <v>43659</v>
      </c>
      <c r="B5342" t="s">
        <v>3703</v>
      </c>
      <c r="C5342" t="s">
        <v>19</v>
      </c>
      <c r="D5342" t="s">
        <v>10</v>
      </c>
      <c r="E5342" t="s">
        <v>11</v>
      </c>
      <c r="F5342" s="2">
        <v>1</v>
      </c>
      <c r="G5342" t="s">
        <v>197</v>
      </c>
      <c r="H5342" t="s">
        <v>13</v>
      </c>
    </row>
    <row r="5343" spans="1:8" x14ac:dyDescent="0.25">
      <c r="A5343" s="1">
        <v>43658</v>
      </c>
      <c r="B5343" t="s">
        <v>3704</v>
      </c>
      <c r="C5343" t="s">
        <v>118</v>
      </c>
      <c r="D5343" t="s">
        <v>10</v>
      </c>
      <c r="E5343" t="s">
        <v>11</v>
      </c>
      <c r="F5343" s="2">
        <v>1</v>
      </c>
      <c r="G5343" t="s">
        <v>529</v>
      </c>
      <c r="H5343" t="s">
        <v>13</v>
      </c>
    </row>
    <row r="5344" spans="1:8" x14ac:dyDescent="0.25">
      <c r="A5344" s="1">
        <v>43658</v>
      </c>
      <c r="B5344" t="s">
        <v>3704</v>
      </c>
      <c r="C5344" t="s">
        <v>142</v>
      </c>
      <c r="D5344" t="s">
        <v>10</v>
      </c>
      <c r="E5344" t="s">
        <v>11</v>
      </c>
      <c r="F5344" s="2">
        <v>1</v>
      </c>
      <c r="G5344" t="s">
        <v>529</v>
      </c>
      <c r="H5344" t="s">
        <v>13</v>
      </c>
    </row>
    <row r="5345" spans="1:8" x14ac:dyDescent="0.25">
      <c r="A5345" s="1">
        <v>43658</v>
      </c>
      <c r="B5345" t="s">
        <v>3704</v>
      </c>
      <c r="C5345" t="s">
        <v>151</v>
      </c>
      <c r="D5345" t="s">
        <v>10</v>
      </c>
      <c r="E5345" t="s">
        <v>11</v>
      </c>
      <c r="F5345" s="2">
        <v>1</v>
      </c>
      <c r="G5345" t="s">
        <v>529</v>
      </c>
      <c r="H5345" t="s">
        <v>13</v>
      </c>
    </row>
    <row r="5346" spans="1:8" x14ac:dyDescent="0.25">
      <c r="A5346" s="1">
        <v>43658</v>
      </c>
      <c r="B5346" t="s">
        <v>3705</v>
      </c>
      <c r="C5346" t="s">
        <v>79</v>
      </c>
      <c r="D5346" t="s">
        <v>10</v>
      </c>
      <c r="E5346" t="s">
        <v>11</v>
      </c>
      <c r="F5346" s="2">
        <v>1</v>
      </c>
      <c r="G5346" t="s">
        <v>100</v>
      </c>
      <c r="H5346" t="s">
        <v>13</v>
      </c>
    </row>
    <row r="5347" spans="1:8" x14ac:dyDescent="0.25">
      <c r="A5347" s="1">
        <v>43658</v>
      </c>
      <c r="B5347" t="s">
        <v>3705</v>
      </c>
      <c r="C5347" t="s">
        <v>80</v>
      </c>
      <c r="D5347" t="s">
        <v>10</v>
      </c>
      <c r="E5347" t="s">
        <v>11</v>
      </c>
      <c r="F5347" s="2">
        <v>1</v>
      </c>
      <c r="G5347" t="s">
        <v>100</v>
      </c>
      <c r="H5347" t="s">
        <v>13</v>
      </c>
    </row>
    <row r="5348" spans="1:8" x14ac:dyDescent="0.25">
      <c r="A5348" s="1">
        <v>43658</v>
      </c>
      <c r="B5348" t="s">
        <v>3706</v>
      </c>
      <c r="C5348" t="s">
        <v>79</v>
      </c>
      <c r="D5348" t="s">
        <v>10</v>
      </c>
      <c r="E5348" t="s">
        <v>11</v>
      </c>
      <c r="F5348" s="2">
        <v>1</v>
      </c>
      <c r="G5348" t="s">
        <v>93</v>
      </c>
      <c r="H5348" t="s">
        <v>13</v>
      </c>
    </row>
    <row r="5349" spans="1:8" x14ac:dyDescent="0.25">
      <c r="A5349" s="1">
        <v>43658</v>
      </c>
      <c r="B5349" t="s">
        <v>3706</v>
      </c>
      <c r="C5349" t="s">
        <v>80</v>
      </c>
      <c r="D5349" t="s">
        <v>10</v>
      </c>
      <c r="E5349" t="s">
        <v>11</v>
      </c>
      <c r="F5349" s="2">
        <v>1</v>
      </c>
      <c r="G5349" t="s">
        <v>93</v>
      </c>
      <c r="H5349" t="s">
        <v>13</v>
      </c>
    </row>
    <row r="5350" spans="1:8" x14ac:dyDescent="0.25">
      <c r="A5350" s="1">
        <v>43658</v>
      </c>
      <c r="B5350" t="s">
        <v>3707</v>
      </c>
      <c r="C5350" t="s">
        <v>47</v>
      </c>
      <c r="D5350" t="s">
        <v>10</v>
      </c>
      <c r="E5350" t="s">
        <v>11</v>
      </c>
      <c r="F5350" s="2">
        <v>1</v>
      </c>
      <c r="G5350" t="s">
        <v>181</v>
      </c>
      <c r="H5350" t="s">
        <v>13</v>
      </c>
    </row>
    <row r="5351" spans="1:8" x14ac:dyDescent="0.25">
      <c r="A5351" s="1">
        <v>43654</v>
      </c>
      <c r="B5351" t="s">
        <v>3708</v>
      </c>
      <c r="C5351" t="s">
        <v>9</v>
      </c>
      <c r="D5351" t="s">
        <v>10</v>
      </c>
      <c r="E5351" t="s">
        <v>11</v>
      </c>
      <c r="F5351" s="2">
        <v>1</v>
      </c>
      <c r="G5351" t="s">
        <v>557</v>
      </c>
      <c r="H5351" t="s">
        <v>13</v>
      </c>
    </row>
    <row r="5352" spans="1:8" x14ac:dyDescent="0.25">
      <c r="A5352" s="1">
        <v>43654</v>
      </c>
      <c r="B5352" t="s">
        <v>3708</v>
      </c>
      <c r="C5352" t="s">
        <v>14</v>
      </c>
      <c r="D5352" t="s">
        <v>10</v>
      </c>
      <c r="E5352" t="s">
        <v>11</v>
      </c>
      <c r="F5352" s="2">
        <v>1</v>
      </c>
      <c r="G5352" t="s">
        <v>557</v>
      </c>
      <c r="H5352" t="s">
        <v>13</v>
      </c>
    </row>
    <row r="5353" spans="1:8" x14ac:dyDescent="0.25">
      <c r="A5353" s="1">
        <v>43654</v>
      </c>
      <c r="B5353" t="s">
        <v>3709</v>
      </c>
      <c r="C5353" t="s">
        <v>47</v>
      </c>
      <c r="D5353" t="s">
        <v>10</v>
      </c>
      <c r="E5353" t="s">
        <v>11</v>
      </c>
      <c r="F5353" s="2">
        <v>1</v>
      </c>
      <c r="G5353" t="s">
        <v>364</v>
      </c>
      <c r="H5353" t="s">
        <v>13</v>
      </c>
    </row>
    <row r="5354" spans="1:8" x14ac:dyDescent="0.25">
      <c r="A5354" s="1">
        <v>43654</v>
      </c>
      <c r="B5354" t="s">
        <v>3710</v>
      </c>
      <c r="C5354" t="s">
        <v>16</v>
      </c>
      <c r="D5354" t="s">
        <v>10</v>
      </c>
      <c r="E5354" t="s">
        <v>11</v>
      </c>
      <c r="F5354" s="2">
        <v>1</v>
      </c>
      <c r="G5354" t="s">
        <v>93</v>
      </c>
      <c r="H5354" t="s">
        <v>13</v>
      </c>
    </row>
    <row r="5355" spans="1:8" x14ac:dyDescent="0.25">
      <c r="A5355" s="1">
        <v>43653</v>
      </c>
      <c r="B5355" t="s">
        <v>3711</v>
      </c>
      <c r="C5355" t="s">
        <v>47</v>
      </c>
      <c r="D5355" t="s">
        <v>10</v>
      </c>
      <c r="E5355" t="s">
        <v>11</v>
      </c>
      <c r="F5355" s="2">
        <v>1</v>
      </c>
      <c r="G5355" t="s">
        <v>44</v>
      </c>
      <c r="H5355" t="s">
        <v>13</v>
      </c>
    </row>
    <row r="5356" spans="1:8" x14ac:dyDescent="0.25">
      <c r="A5356" s="1">
        <v>43653</v>
      </c>
      <c r="B5356" t="s">
        <v>3712</v>
      </c>
      <c r="C5356" t="s">
        <v>35</v>
      </c>
      <c r="D5356" t="s">
        <v>10</v>
      </c>
      <c r="E5356" t="s">
        <v>11</v>
      </c>
      <c r="F5356" s="2">
        <v>1</v>
      </c>
      <c r="G5356" t="s">
        <v>61</v>
      </c>
      <c r="H5356" t="s">
        <v>13</v>
      </c>
    </row>
    <row r="5357" spans="1:8" x14ac:dyDescent="0.25">
      <c r="A5357" s="1">
        <v>43653</v>
      </c>
      <c r="B5357" t="s">
        <v>3713</v>
      </c>
      <c r="C5357" t="s">
        <v>56</v>
      </c>
      <c r="D5357" t="s">
        <v>10</v>
      </c>
      <c r="E5357" t="s">
        <v>11</v>
      </c>
      <c r="F5357" s="2">
        <v>1</v>
      </c>
      <c r="G5357" t="s">
        <v>137</v>
      </c>
      <c r="H5357" t="s">
        <v>13</v>
      </c>
    </row>
    <row r="5358" spans="1:8" x14ac:dyDescent="0.25">
      <c r="A5358" s="1">
        <v>43652</v>
      </c>
      <c r="B5358" t="s">
        <v>3714</v>
      </c>
      <c r="C5358" t="s">
        <v>16</v>
      </c>
      <c r="D5358" t="s">
        <v>10</v>
      </c>
      <c r="E5358" t="s">
        <v>11</v>
      </c>
      <c r="F5358" s="2">
        <v>1</v>
      </c>
      <c r="G5358" t="s">
        <v>98</v>
      </c>
      <c r="H5358" t="s">
        <v>13</v>
      </c>
    </row>
    <row r="5359" spans="1:8" x14ac:dyDescent="0.25">
      <c r="A5359" s="1">
        <v>43652</v>
      </c>
      <c r="B5359" t="s">
        <v>3714</v>
      </c>
      <c r="C5359" t="s">
        <v>65</v>
      </c>
      <c r="D5359" t="s">
        <v>10</v>
      </c>
      <c r="E5359" t="s">
        <v>11</v>
      </c>
      <c r="F5359" s="2">
        <v>1</v>
      </c>
      <c r="G5359" t="s">
        <v>98</v>
      </c>
      <c r="H5359" t="s">
        <v>13</v>
      </c>
    </row>
    <row r="5360" spans="1:8" x14ac:dyDescent="0.25">
      <c r="A5360" s="1">
        <v>43652</v>
      </c>
      <c r="B5360" t="s">
        <v>3715</v>
      </c>
      <c r="C5360" t="s">
        <v>79</v>
      </c>
      <c r="D5360" t="s">
        <v>10</v>
      </c>
      <c r="E5360" t="s">
        <v>11</v>
      </c>
      <c r="F5360" s="2">
        <v>1</v>
      </c>
      <c r="G5360" t="s">
        <v>53</v>
      </c>
      <c r="H5360" t="s">
        <v>13</v>
      </c>
    </row>
    <row r="5361" spans="1:8" x14ac:dyDescent="0.25">
      <c r="A5361" s="1">
        <v>43652</v>
      </c>
      <c r="B5361" t="s">
        <v>3715</v>
      </c>
      <c r="C5361" t="s">
        <v>103</v>
      </c>
      <c r="D5361" t="s">
        <v>10</v>
      </c>
      <c r="E5361" t="s">
        <v>11</v>
      </c>
      <c r="F5361" s="2">
        <v>1</v>
      </c>
      <c r="G5361" t="s">
        <v>53</v>
      </c>
      <c r="H5361" t="s">
        <v>13</v>
      </c>
    </row>
    <row r="5362" spans="1:8" x14ac:dyDescent="0.25">
      <c r="A5362" s="1">
        <v>43652</v>
      </c>
      <c r="B5362" t="s">
        <v>3716</v>
      </c>
      <c r="C5362" t="s">
        <v>9</v>
      </c>
      <c r="D5362" t="s">
        <v>10</v>
      </c>
      <c r="E5362" t="s">
        <v>11</v>
      </c>
      <c r="F5362" s="2">
        <v>1</v>
      </c>
      <c r="G5362" t="s">
        <v>157</v>
      </c>
      <c r="H5362" t="s">
        <v>13</v>
      </c>
    </row>
    <row r="5363" spans="1:8" x14ac:dyDescent="0.25">
      <c r="A5363" s="1">
        <v>43652</v>
      </c>
      <c r="B5363" t="s">
        <v>3716</v>
      </c>
      <c r="C5363" t="s">
        <v>14</v>
      </c>
      <c r="D5363" t="s">
        <v>10</v>
      </c>
      <c r="E5363" t="s">
        <v>11</v>
      </c>
      <c r="F5363" s="2">
        <v>1</v>
      </c>
      <c r="G5363" t="s">
        <v>157</v>
      </c>
      <c r="H5363" t="s">
        <v>13</v>
      </c>
    </row>
    <row r="5364" spans="1:8" x14ac:dyDescent="0.25">
      <c r="A5364" s="1">
        <v>43651</v>
      </c>
      <c r="B5364" t="s">
        <v>3717</v>
      </c>
      <c r="C5364" t="s">
        <v>142</v>
      </c>
      <c r="D5364" t="s">
        <v>10</v>
      </c>
      <c r="E5364" t="s">
        <v>11</v>
      </c>
      <c r="F5364" s="2">
        <v>1</v>
      </c>
      <c r="G5364" t="s">
        <v>1392</v>
      </c>
      <c r="H5364" t="s">
        <v>13</v>
      </c>
    </row>
    <row r="5365" spans="1:8" x14ac:dyDescent="0.25">
      <c r="A5365" s="1">
        <v>43651</v>
      </c>
      <c r="B5365" t="s">
        <v>3717</v>
      </c>
      <c r="C5365" t="s">
        <v>2313</v>
      </c>
      <c r="D5365" t="s">
        <v>10</v>
      </c>
      <c r="E5365" t="s">
        <v>11</v>
      </c>
      <c r="F5365" s="2">
        <v>1</v>
      </c>
      <c r="G5365" t="s">
        <v>1392</v>
      </c>
      <c r="H5365" t="s">
        <v>13</v>
      </c>
    </row>
    <row r="5366" spans="1:8" x14ac:dyDescent="0.25">
      <c r="A5366" s="1">
        <v>43650</v>
      </c>
      <c r="B5366" t="s">
        <v>3718</v>
      </c>
      <c r="C5366" t="s">
        <v>9</v>
      </c>
      <c r="D5366" t="s">
        <v>10</v>
      </c>
      <c r="E5366" t="s">
        <v>11</v>
      </c>
      <c r="F5366" s="2">
        <v>1</v>
      </c>
      <c r="G5366" t="s">
        <v>20</v>
      </c>
      <c r="H5366" t="s">
        <v>13</v>
      </c>
    </row>
    <row r="5367" spans="1:8" x14ac:dyDescent="0.25">
      <c r="A5367" s="1">
        <v>43650</v>
      </c>
      <c r="B5367" t="s">
        <v>3718</v>
      </c>
      <c r="C5367" t="s">
        <v>35</v>
      </c>
      <c r="D5367" t="s">
        <v>10</v>
      </c>
      <c r="E5367" t="s">
        <v>11</v>
      </c>
      <c r="F5367" s="2">
        <v>1</v>
      </c>
      <c r="G5367" t="s">
        <v>20</v>
      </c>
      <c r="H5367" t="s">
        <v>13</v>
      </c>
    </row>
    <row r="5368" spans="1:8" x14ac:dyDescent="0.25">
      <c r="A5368" s="1">
        <v>43650</v>
      </c>
      <c r="B5368" t="s">
        <v>3718</v>
      </c>
      <c r="C5368" t="s">
        <v>47</v>
      </c>
      <c r="D5368" t="s">
        <v>10</v>
      </c>
      <c r="E5368" t="s">
        <v>11</v>
      </c>
      <c r="F5368" s="2">
        <v>1</v>
      </c>
      <c r="G5368" t="s">
        <v>20</v>
      </c>
      <c r="H5368" t="s">
        <v>13</v>
      </c>
    </row>
    <row r="5369" spans="1:8" x14ac:dyDescent="0.25">
      <c r="A5369" s="1">
        <v>43650</v>
      </c>
      <c r="B5369" t="s">
        <v>3718</v>
      </c>
      <c r="C5369" t="s">
        <v>1883</v>
      </c>
      <c r="D5369" t="s">
        <v>10</v>
      </c>
      <c r="E5369" t="s">
        <v>11</v>
      </c>
      <c r="F5369" s="2">
        <v>1</v>
      </c>
      <c r="G5369" t="s">
        <v>20</v>
      </c>
      <c r="H5369" t="s">
        <v>13</v>
      </c>
    </row>
    <row r="5370" spans="1:8" x14ac:dyDescent="0.25">
      <c r="A5370" s="1">
        <v>43650</v>
      </c>
      <c r="B5370" t="s">
        <v>3719</v>
      </c>
      <c r="C5370" t="s">
        <v>79</v>
      </c>
      <c r="D5370" t="s">
        <v>10</v>
      </c>
      <c r="E5370" t="s">
        <v>11</v>
      </c>
      <c r="F5370" s="2">
        <v>1</v>
      </c>
      <c r="G5370" t="s">
        <v>100</v>
      </c>
      <c r="H5370" t="s">
        <v>13</v>
      </c>
    </row>
    <row r="5371" spans="1:8" x14ac:dyDescent="0.25">
      <c r="A5371" s="1">
        <v>43650</v>
      </c>
      <c r="B5371" t="s">
        <v>3719</v>
      </c>
      <c r="C5371" t="s">
        <v>80</v>
      </c>
      <c r="D5371" t="s">
        <v>10</v>
      </c>
      <c r="E5371" t="s">
        <v>11</v>
      </c>
      <c r="F5371" s="2">
        <v>1</v>
      </c>
      <c r="G5371" t="s">
        <v>100</v>
      </c>
      <c r="H5371" t="s">
        <v>13</v>
      </c>
    </row>
    <row r="5372" spans="1:8" x14ac:dyDescent="0.25">
      <c r="A5372" s="1">
        <v>43650</v>
      </c>
      <c r="B5372" t="s">
        <v>3720</v>
      </c>
      <c r="C5372" t="s">
        <v>9</v>
      </c>
      <c r="D5372" t="s">
        <v>10</v>
      </c>
      <c r="E5372" t="s">
        <v>11</v>
      </c>
      <c r="F5372" s="2">
        <v>1</v>
      </c>
      <c r="G5372" t="s">
        <v>46</v>
      </c>
      <c r="H5372" t="s">
        <v>13</v>
      </c>
    </row>
    <row r="5373" spans="1:8" x14ac:dyDescent="0.25">
      <c r="A5373" s="1">
        <v>43650</v>
      </c>
      <c r="B5373" t="s">
        <v>3720</v>
      </c>
      <c r="C5373" t="s">
        <v>9</v>
      </c>
      <c r="D5373" t="s">
        <v>10</v>
      </c>
      <c r="E5373" t="s">
        <v>11</v>
      </c>
      <c r="F5373" s="2">
        <v>1</v>
      </c>
      <c r="G5373" t="s">
        <v>46</v>
      </c>
      <c r="H5373" t="s">
        <v>13</v>
      </c>
    </row>
    <row r="5374" spans="1:8" x14ac:dyDescent="0.25">
      <c r="A5374" s="1">
        <v>43650</v>
      </c>
      <c r="B5374" t="s">
        <v>3720</v>
      </c>
      <c r="C5374" t="s">
        <v>16</v>
      </c>
      <c r="D5374" t="s">
        <v>10</v>
      </c>
      <c r="E5374" t="s">
        <v>11</v>
      </c>
      <c r="F5374" s="2">
        <v>1</v>
      </c>
      <c r="G5374" t="s">
        <v>46</v>
      </c>
      <c r="H5374" t="s">
        <v>13</v>
      </c>
    </row>
    <row r="5375" spans="1:8" x14ac:dyDescent="0.25">
      <c r="A5375" s="1">
        <v>43650</v>
      </c>
      <c r="B5375" t="s">
        <v>3720</v>
      </c>
      <c r="C5375" t="s">
        <v>16</v>
      </c>
      <c r="D5375" t="s">
        <v>10</v>
      </c>
      <c r="E5375" t="s">
        <v>11</v>
      </c>
      <c r="F5375" s="2">
        <v>1</v>
      </c>
      <c r="G5375" t="s">
        <v>46</v>
      </c>
      <c r="H5375" t="s">
        <v>13</v>
      </c>
    </row>
    <row r="5376" spans="1:8" x14ac:dyDescent="0.25">
      <c r="A5376" s="1">
        <v>43650</v>
      </c>
      <c r="B5376" t="s">
        <v>3720</v>
      </c>
      <c r="C5376" t="s">
        <v>249</v>
      </c>
      <c r="D5376" t="s">
        <v>10</v>
      </c>
      <c r="E5376" t="s">
        <v>11</v>
      </c>
      <c r="F5376" s="2">
        <v>1</v>
      </c>
      <c r="G5376" t="s">
        <v>46</v>
      </c>
      <c r="H5376" t="s">
        <v>13</v>
      </c>
    </row>
    <row r="5377" spans="1:8" x14ac:dyDescent="0.25">
      <c r="A5377" s="1">
        <v>43650</v>
      </c>
      <c r="B5377" t="s">
        <v>3720</v>
      </c>
      <c r="C5377" t="s">
        <v>249</v>
      </c>
      <c r="D5377" t="s">
        <v>10</v>
      </c>
      <c r="E5377" t="s">
        <v>11</v>
      </c>
      <c r="F5377" s="2">
        <v>1</v>
      </c>
      <c r="G5377" t="s">
        <v>46</v>
      </c>
      <c r="H5377" t="s">
        <v>13</v>
      </c>
    </row>
    <row r="5378" spans="1:8" x14ac:dyDescent="0.25">
      <c r="A5378" s="1">
        <v>43650</v>
      </c>
      <c r="B5378" t="s">
        <v>3721</v>
      </c>
      <c r="C5378" t="s">
        <v>19</v>
      </c>
      <c r="D5378" t="s">
        <v>10</v>
      </c>
      <c r="E5378" t="s">
        <v>11</v>
      </c>
      <c r="F5378" s="2">
        <v>1</v>
      </c>
      <c r="G5378" t="s">
        <v>123</v>
      </c>
      <c r="H5378" t="s">
        <v>13</v>
      </c>
    </row>
    <row r="5379" spans="1:8" x14ac:dyDescent="0.25">
      <c r="A5379" s="1">
        <v>43649</v>
      </c>
      <c r="B5379" t="s">
        <v>3722</v>
      </c>
      <c r="C5379" t="s">
        <v>79</v>
      </c>
      <c r="D5379" t="s">
        <v>10</v>
      </c>
      <c r="E5379" t="s">
        <v>11</v>
      </c>
      <c r="F5379" s="2">
        <v>1</v>
      </c>
      <c r="G5379" t="s">
        <v>1258</v>
      </c>
      <c r="H5379" t="s">
        <v>13</v>
      </c>
    </row>
    <row r="5380" spans="1:8" x14ac:dyDescent="0.25">
      <c r="A5380" s="1">
        <v>43649</v>
      </c>
      <c r="B5380" t="s">
        <v>3722</v>
      </c>
      <c r="C5380" t="s">
        <v>80</v>
      </c>
      <c r="D5380" t="s">
        <v>10</v>
      </c>
      <c r="E5380" t="s">
        <v>11</v>
      </c>
      <c r="F5380" s="2">
        <v>1</v>
      </c>
      <c r="G5380" t="s">
        <v>1258</v>
      </c>
      <c r="H5380" t="s">
        <v>13</v>
      </c>
    </row>
    <row r="5381" spans="1:8" x14ac:dyDescent="0.25">
      <c r="A5381" s="1">
        <v>43649</v>
      </c>
      <c r="B5381" t="s">
        <v>3723</v>
      </c>
      <c r="C5381" t="s">
        <v>9</v>
      </c>
      <c r="D5381" t="s">
        <v>10</v>
      </c>
      <c r="E5381" t="s">
        <v>11</v>
      </c>
      <c r="F5381" s="2">
        <v>1</v>
      </c>
      <c r="G5381" t="s">
        <v>135</v>
      </c>
      <c r="H5381" t="s">
        <v>13</v>
      </c>
    </row>
    <row r="5382" spans="1:8" x14ac:dyDescent="0.25">
      <c r="A5382" s="1">
        <v>43648</v>
      </c>
      <c r="B5382" t="s">
        <v>3724</v>
      </c>
      <c r="C5382" t="s">
        <v>9</v>
      </c>
      <c r="D5382" t="s">
        <v>10</v>
      </c>
      <c r="E5382" t="s">
        <v>11</v>
      </c>
      <c r="F5382" s="2">
        <v>1</v>
      </c>
      <c r="G5382" t="s">
        <v>100</v>
      </c>
      <c r="H5382" t="s">
        <v>13</v>
      </c>
    </row>
    <row r="5383" spans="1:8" x14ac:dyDescent="0.25">
      <c r="A5383" s="1">
        <v>43647</v>
      </c>
      <c r="B5383" t="s">
        <v>3725</v>
      </c>
      <c r="C5383" t="s">
        <v>268</v>
      </c>
      <c r="D5383" t="s">
        <v>10</v>
      </c>
      <c r="E5383" t="s">
        <v>11</v>
      </c>
      <c r="F5383" s="2">
        <v>1</v>
      </c>
      <c r="G5383" t="s">
        <v>650</v>
      </c>
      <c r="H5383" t="s">
        <v>13</v>
      </c>
    </row>
    <row r="5384" spans="1:8" x14ac:dyDescent="0.25">
      <c r="A5384" s="1">
        <v>43646</v>
      </c>
      <c r="B5384" t="s">
        <v>3726</v>
      </c>
      <c r="C5384" t="s">
        <v>282</v>
      </c>
      <c r="D5384" t="s">
        <v>10</v>
      </c>
      <c r="E5384" t="s">
        <v>11</v>
      </c>
      <c r="F5384" s="2">
        <v>1</v>
      </c>
      <c r="G5384" t="s">
        <v>1544</v>
      </c>
      <c r="H5384" t="s">
        <v>13</v>
      </c>
    </row>
    <row r="5385" spans="1:8" x14ac:dyDescent="0.25">
      <c r="A5385" s="1">
        <v>43646</v>
      </c>
      <c r="B5385" t="s">
        <v>3727</v>
      </c>
      <c r="C5385" t="s">
        <v>9</v>
      </c>
      <c r="D5385" t="s">
        <v>10</v>
      </c>
      <c r="E5385" t="s">
        <v>11</v>
      </c>
      <c r="F5385" s="2">
        <v>1</v>
      </c>
      <c r="G5385" t="s">
        <v>2273</v>
      </c>
      <c r="H5385" t="s">
        <v>13</v>
      </c>
    </row>
    <row r="5386" spans="1:8" x14ac:dyDescent="0.25">
      <c r="A5386" s="1">
        <v>43644</v>
      </c>
      <c r="B5386" t="s">
        <v>3728</v>
      </c>
      <c r="C5386" t="s">
        <v>1698</v>
      </c>
      <c r="D5386" t="s">
        <v>26</v>
      </c>
      <c r="E5386" t="s">
        <v>11</v>
      </c>
      <c r="F5386" s="2">
        <v>1</v>
      </c>
      <c r="G5386" t="s">
        <v>111</v>
      </c>
      <c r="H5386" t="s">
        <v>13</v>
      </c>
    </row>
    <row r="5387" spans="1:8" x14ac:dyDescent="0.25">
      <c r="A5387" s="1">
        <v>43643</v>
      </c>
      <c r="B5387" t="s">
        <v>3729</v>
      </c>
      <c r="C5387" t="s">
        <v>9</v>
      </c>
      <c r="D5387" t="s">
        <v>10</v>
      </c>
      <c r="E5387" t="s">
        <v>11</v>
      </c>
      <c r="F5387" s="2">
        <v>1</v>
      </c>
      <c r="G5387" t="s">
        <v>788</v>
      </c>
      <c r="H5387" t="s">
        <v>13</v>
      </c>
    </row>
    <row r="5388" spans="1:8" x14ac:dyDescent="0.25">
      <c r="A5388" s="1">
        <v>43643</v>
      </c>
      <c r="B5388" t="s">
        <v>3729</v>
      </c>
      <c r="C5388" t="s">
        <v>29</v>
      </c>
      <c r="D5388" t="s">
        <v>10</v>
      </c>
      <c r="E5388" t="s">
        <v>11</v>
      </c>
      <c r="F5388" s="2">
        <v>1</v>
      </c>
      <c r="G5388" t="s">
        <v>788</v>
      </c>
      <c r="H5388" t="s">
        <v>13</v>
      </c>
    </row>
    <row r="5389" spans="1:8" x14ac:dyDescent="0.25">
      <c r="A5389" s="1">
        <v>43643</v>
      </c>
      <c r="B5389" t="s">
        <v>3729</v>
      </c>
      <c r="C5389" t="s">
        <v>174</v>
      </c>
      <c r="D5389" t="s">
        <v>10</v>
      </c>
      <c r="E5389" t="s">
        <v>11</v>
      </c>
      <c r="F5389" s="2">
        <v>1</v>
      </c>
      <c r="G5389" t="s">
        <v>788</v>
      </c>
      <c r="H5389" t="s">
        <v>13</v>
      </c>
    </row>
    <row r="5390" spans="1:8" x14ac:dyDescent="0.25">
      <c r="A5390" s="1">
        <v>43642</v>
      </c>
      <c r="B5390" t="s">
        <v>3730</v>
      </c>
      <c r="C5390" t="s">
        <v>79</v>
      </c>
      <c r="D5390" t="s">
        <v>10</v>
      </c>
      <c r="E5390" t="s">
        <v>11</v>
      </c>
      <c r="F5390" s="2">
        <v>1</v>
      </c>
      <c r="G5390" t="s">
        <v>20</v>
      </c>
      <c r="H5390" t="s">
        <v>13</v>
      </c>
    </row>
    <row r="5391" spans="1:8" x14ac:dyDescent="0.25">
      <c r="A5391" s="1">
        <v>43642</v>
      </c>
      <c r="B5391" t="s">
        <v>3730</v>
      </c>
      <c r="C5391" t="s">
        <v>80</v>
      </c>
      <c r="D5391" t="s">
        <v>10</v>
      </c>
      <c r="E5391" t="s">
        <v>11</v>
      </c>
      <c r="F5391" s="2">
        <v>1</v>
      </c>
      <c r="G5391" t="s">
        <v>20</v>
      </c>
      <c r="H5391" t="s">
        <v>13</v>
      </c>
    </row>
    <row r="5392" spans="1:8" x14ac:dyDescent="0.25">
      <c r="A5392" s="1">
        <v>43642</v>
      </c>
      <c r="B5392" t="s">
        <v>3731</v>
      </c>
      <c r="C5392" t="s">
        <v>35</v>
      </c>
      <c r="D5392" t="s">
        <v>10</v>
      </c>
      <c r="E5392" t="s">
        <v>11</v>
      </c>
      <c r="F5392" s="2">
        <v>1</v>
      </c>
      <c r="G5392" t="s">
        <v>20</v>
      </c>
      <c r="H5392" t="s">
        <v>13</v>
      </c>
    </row>
    <row r="5393" spans="1:8" x14ac:dyDescent="0.25">
      <c r="A5393" s="1">
        <v>43641</v>
      </c>
      <c r="B5393" t="s">
        <v>3732</v>
      </c>
      <c r="C5393" t="s">
        <v>58</v>
      </c>
      <c r="D5393" t="s">
        <v>10</v>
      </c>
      <c r="E5393" t="s">
        <v>11</v>
      </c>
      <c r="F5393" s="2">
        <v>1</v>
      </c>
      <c r="G5393" t="s">
        <v>205</v>
      </c>
      <c r="H5393" t="s">
        <v>13</v>
      </c>
    </row>
    <row r="5394" spans="1:8" x14ac:dyDescent="0.25">
      <c r="A5394" s="1">
        <v>43639</v>
      </c>
      <c r="B5394" t="s">
        <v>3733</v>
      </c>
      <c r="C5394" t="s">
        <v>140</v>
      </c>
      <c r="D5394" t="s">
        <v>10</v>
      </c>
      <c r="E5394" t="s">
        <v>11</v>
      </c>
      <c r="F5394" s="2">
        <v>1</v>
      </c>
      <c r="G5394" t="s">
        <v>181</v>
      </c>
      <c r="H5394" t="s">
        <v>13</v>
      </c>
    </row>
    <row r="5395" spans="1:8" x14ac:dyDescent="0.25">
      <c r="A5395" s="1">
        <v>43638</v>
      </c>
      <c r="B5395" t="s">
        <v>3734</v>
      </c>
      <c r="C5395" t="s">
        <v>19</v>
      </c>
      <c r="D5395" t="s">
        <v>10</v>
      </c>
      <c r="E5395" t="s">
        <v>11</v>
      </c>
      <c r="F5395" s="2">
        <v>1</v>
      </c>
      <c r="G5395" t="s">
        <v>3735</v>
      </c>
      <c r="H5395" t="s">
        <v>13</v>
      </c>
    </row>
    <row r="5396" spans="1:8" x14ac:dyDescent="0.25">
      <c r="A5396" s="1">
        <v>43638</v>
      </c>
      <c r="B5396" t="s">
        <v>3736</v>
      </c>
      <c r="C5396" t="s">
        <v>74</v>
      </c>
      <c r="D5396" t="s">
        <v>10</v>
      </c>
      <c r="E5396" t="s">
        <v>11</v>
      </c>
      <c r="F5396" s="2">
        <v>1</v>
      </c>
      <c r="G5396" t="s">
        <v>309</v>
      </c>
      <c r="H5396" t="s">
        <v>13</v>
      </c>
    </row>
    <row r="5397" spans="1:8" x14ac:dyDescent="0.25">
      <c r="A5397" s="1">
        <v>43636</v>
      </c>
      <c r="B5397" t="s">
        <v>3737</v>
      </c>
      <c r="C5397" t="s">
        <v>9</v>
      </c>
      <c r="D5397" t="s">
        <v>10</v>
      </c>
      <c r="E5397" t="s">
        <v>11</v>
      </c>
      <c r="F5397" s="2">
        <v>1</v>
      </c>
      <c r="G5397" t="s">
        <v>20</v>
      </c>
      <c r="H5397" t="s">
        <v>13</v>
      </c>
    </row>
    <row r="5398" spans="1:8" x14ac:dyDescent="0.25">
      <c r="A5398" s="1">
        <v>43635</v>
      </c>
      <c r="B5398" t="s">
        <v>3738</v>
      </c>
      <c r="C5398" t="s">
        <v>563</v>
      </c>
      <c r="D5398" t="s">
        <v>10</v>
      </c>
      <c r="E5398" t="s">
        <v>11</v>
      </c>
      <c r="F5398" s="2">
        <v>1</v>
      </c>
      <c r="G5398" t="s">
        <v>37</v>
      </c>
      <c r="H5398" t="s">
        <v>13</v>
      </c>
    </row>
    <row r="5399" spans="1:8" x14ac:dyDescent="0.25">
      <c r="A5399" s="1">
        <v>43635</v>
      </c>
      <c r="B5399" t="s">
        <v>3739</v>
      </c>
      <c r="C5399" t="s">
        <v>76</v>
      </c>
      <c r="D5399" t="s">
        <v>10</v>
      </c>
      <c r="E5399" t="s">
        <v>11</v>
      </c>
      <c r="F5399" s="2">
        <v>1</v>
      </c>
      <c r="G5399" t="s">
        <v>3740</v>
      </c>
      <c r="H5399" t="s">
        <v>13</v>
      </c>
    </row>
    <row r="5400" spans="1:8" x14ac:dyDescent="0.25">
      <c r="A5400" s="1">
        <v>43633</v>
      </c>
      <c r="B5400" t="s">
        <v>3741</v>
      </c>
      <c r="C5400" t="s">
        <v>19</v>
      </c>
      <c r="D5400" t="s">
        <v>10</v>
      </c>
      <c r="E5400" t="s">
        <v>11</v>
      </c>
      <c r="F5400" s="2">
        <v>1</v>
      </c>
      <c r="G5400" t="s">
        <v>135</v>
      </c>
      <c r="H5400" t="s">
        <v>13</v>
      </c>
    </row>
    <row r="5401" spans="1:8" x14ac:dyDescent="0.25">
      <c r="A5401" s="1">
        <v>43633</v>
      </c>
      <c r="B5401" t="s">
        <v>3741</v>
      </c>
      <c r="C5401" t="s">
        <v>689</v>
      </c>
      <c r="D5401" t="s">
        <v>10</v>
      </c>
      <c r="E5401" t="s">
        <v>11</v>
      </c>
      <c r="F5401" s="2">
        <v>1</v>
      </c>
      <c r="G5401" t="s">
        <v>135</v>
      </c>
      <c r="H5401" t="s">
        <v>13</v>
      </c>
    </row>
    <row r="5402" spans="1:8" x14ac:dyDescent="0.25">
      <c r="A5402" s="1">
        <v>43631</v>
      </c>
      <c r="B5402" t="s">
        <v>3742</v>
      </c>
      <c r="C5402" t="s">
        <v>340</v>
      </c>
      <c r="D5402" t="s">
        <v>10</v>
      </c>
      <c r="E5402" t="s">
        <v>11</v>
      </c>
      <c r="F5402" s="2">
        <v>1</v>
      </c>
      <c r="G5402" t="s">
        <v>100</v>
      </c>
      <c r="H5402" t="s">
        <v>13</v>
      </c>
    </row>
    <row r="5403" spans="1:8" x14ac:dyDescent="0.25">
      <c r="A5403" s="1">
        <v>43631</v>
      </c>
      <c r="B5403" t="s">
        <v>3742</v>
      </c>
      <c r="C5403" t="s">
        <v>340</v>
      </c>
      <c r="D5403" t="s">
        <v>10</v>
      </c>
      <c r="E5403" t="s">
        <v>11</v>
      </c>
      <c r="F5403" s="2">
        <v>1</v>
      </c>
      <c r="G5403" t="s">
        <v>100</v>
      </c>
      <c r="H5403" t="s">
        <v>13</v>
      </c>
    </row>
    <row r="5404" spans="1:8" x14ac:dyDescent="0.25">
      <c r="A5404" s="1">
        <v>43631</v>
      </c>
      <c r="B5404" t="s">
        <v>3743</v>
      </c>
      <c r="C5404" t="s">
        <v>19</v>
      </c>
      <c r="D5404" t="s">
        <v>10</v>
      </c>
      <c r="E5404" t="s">
        <v>11</v>
      </c>
      <c r="F5404" s="2">
        <v>1</v>
      </c>
      <c r="G5404" t="s">
        <v>527</v>
      </c>
      <c r="H5404" t="s">
        <v>13</v>
      </c>
    </row>
    <row r="5405" spans="1:8" x14ac:dyDescent="0.25">
      <c r="A5405" s="1">
        <v>43631</v>
      </c>
      <c r="B5405" t="s">
        <v>3743</v>
      </c>
      <c r="C5405" t="s">
        <v>14</v>
      </c>
      <c r="D5405" t="s">
        <v>10</v>
      </c>
      <c r="E5405" t="s">
        <v>11</v>
      </c>
      <c r="F5405" s="2">
        <v>1</v>
      </c>
      <c r="G5405" t="s">
        <v>527</v>
      </c>
      <c r="H5405" t="s">
        <v>13</v>
      </c>
    </row>
    <row r="5406" spans="1:8" x14ac:dyDescent="0.25">
      <c r="A5406" s="1">
        <v>43631</v>
      </c>
      <c r="B5406" t="s">
        <v>3744</v>
      </c>
      <c r="C5406" t="s">
        <v>9</v>
      </c>
      <c r="D5406" t="s">
        <v>10</v>
      </c>
      <c r="E5406" t="s">
        <v>11</v>
      </c>
      <c r="F5406" s="2">
        <v>1</v>
      </c>
      <c r="G5406" t="s">
        <v>1414</v>
      </c>
      <c r="H5406" t="s">
        <v>13</v>
      </c>
    </row>
    <row r="5407" spans="1:8" x14ac:dyDescent="0.25">
      <c r="A5407" s="1">
        <v>43631</v>
      </c>
      <c r="B5407" t="s">
        <v>3744</v>
      </c>
      <c r="C5407" t="s">
        <v>1883</v>
      </c>
      <c r="D5407" t="s">
        <v>10</v>
      </c>
      <c r="E5407" t="s">
        <v>11</v>
      </c>
      <c r="F5407" s="2">
        <v>1</v>
      </c>
      <c r="G5407" t="s">
        <v>1414</v>
      </c>
      <c r="H5407" t="s">
        <v>13</v>
      </c>
    </row>
    <row r="5408" spans="1:8" x14ac:dyDescent="0.25">
      <c r="A5408" s="1">
        <v>43631</v>
      </c>
      <c r="B5408" t="s">
        <v>3745</v>
      </c>
      <c r="C5408" t="s">
        <v>29</v>
      </c>
      <c r="D5408" t="s">
        <v>10</v>
      </c>
      <c r="E5408" t="s">
        <v>11</v>
      </c>
      <c r="F5408" s="2">
        <v>1</v>
      </c>
      <c r="G5408" t="s">
        <v>181</v>
      </c>
      <c r="H5408" t="s">
        <v>13</v>
      </c>
    </row>
    <row r="5409" spans="1:8" x14ac:dyDescent="0.25">
      <c r="A5409" s="1">
        <v>43631</v>
      </c>
      <c r="B5409" t="s">
        <v>3745</v>
      </c>
      <c r="C5409" t="s">
        <v>35</v>
      </c>
      <c r="D5409" t="s">
        <v>10</v>
      </c>
      <c r="E5409" t="s">
        <v>11</v>
      </c>
      <c r="F5409" s="2">
        <v>1</v>
      </c>
      <c r="G5409" t="s">
        <v>181</v>
      </c>
      <c r="H5409" t="s">
        <v>13</v>
      </c>
    </row>
    <row r="5410" spans="1:8" x14ac:dyDescent="0.25">
      <c r="A5410" s="1">
        <v>43630</v>
      </c>
      <c r="B5410" t="s">
        <v>3746</v>
      </c>
      <c r="C5410" t="s">
        <v>79</v>
      </c>
      <c r="D5410" t="s">
        <v>10</v>
      </c>
      <c r="E5410" t="s">
        <v>11</v>
      </c>
      <c r="F5410" s="2">
        <v>1</v>
      </c>
      <c r="G5410" t="s">
        <v>100</v>
      </c>
      <c r="H5410" t="s">
        <v>13</v>
      </c>
    </row>
    <row r="5411" spans="1:8" x14ac:dyDescent="0.25">
      <c r="A5411" s="1">
        <v>43630</v>
      </c>
      <c r="B5411" t="s">
        <v>3746</v>
      </c>
      <c r="C5411" t="s">
        <v>80</v>
      </c>
      <c r="D5411" t="s">
        <v>10</v>
      </c>
      <c r="E5411" t="s">
        <v>11</v>
      </c>
      <c r="F5411" s="2">
        <v>1</v>
      </c>
      <c r="G5411" t="s">
        <v>100</v>
      </c>
      <c r="H5411" t="s">
        <v>13</v>
      </c>
    </row>
    <row r="5412" spans="1:8" x14ac:dyDescent="0.25">
      <c r="A5412" s="1">
        <v>43630</v>
      </c>
      <c r="B5412" t="s">
        <v>3747</v>
      </c>
      <c r="C5412" t="s">
        <v>115</v>
      </c>
      <c r="D5412" t="s">
        <v>10</v>
      </c>
      <c r="E5412" t="s">
        <v>11</v>
      </c>
      <c r="F5412" s="2">
        <v>1</v>
      </c>
      <c r="G5412" t="s">
        <v>53</v>
      </c>
      <c r="H5412" t="s">
        <v>13</v>
      </c>
    </row>
    <row r="5413" spans="1:8" x14ac:dyDescent="0.25">
      <c r="A5413" s="1">
        <v>43630</v>
      </c>
      <c r="B5413" t="s">
        <v>3747</v>
      </c>
      <c r="C5413" t="s">
        <v>413</v>
      </c>
      <c r="D5413" t="s">
        <v>10</v>
      </c>
      <c r="E5413" t="s">
        <v>11</v>
      </c>
      <c r="F5413" s="2">
        <v>1</v>
      </c>
      <c r="G5413" t="s">
        <v>53</v>
      </c>
      <c r="H5413" t="s">
        <v>13</v>
      </c>
    </row>
    <row r="5414" spans="1:8" x14ac:dyDescent="0.25">
      <c r="A5414" s="1">
        <v>43629</v>
      </c>
      <c r="B5414" t="s">
        <v>3748</v>
      </c>
      <c r="C5414" t="s">
        <v>79</v>
      </c>
      <c r="D5414" t="s">
        <v>10</v>
      </c>
      <c r="E5414" t="s">
        <v>11</v>
      </c>
      <c r="F5414" s="2">
        <v>1</v>
      </c>
      <c r="G5414" t="s">
        <v>46</v>
      </c>
      <c r="H5414" t="s">
        <v>13</v>
      </c>
    </row>
    <row r="5415" spans="1:8" x14ac:dyDescent="0.25">
      <c r="A5415" s="1">
        <v>43629</v>
      </c>
      <c r="B5415" t="s">
        <v>3748</v>
      </c>
      <c r="C5415" t="s">
        <v>80</v>
      </c>
      <c r="D5415" t="s">
        <v>10</v>
      </c>
      <c r="E5415" t="s">
        <v>11</v>
      </c>
      <c r="F5415" s="2">
        <v>1</v>
      </c>
      <c r="G5415" t="s">
        <v>46</v>
      </c>
      <c r="H5415" t="s">
        <v>13</v>
      </c>
    </row>
    <row r="5416" spans="1:8" x14ac:dyDescent="0.25">
      <c r="A5416" s="1">
        <v>43628</v>
      </c>
      <c r="B5416" t="s">
        <v>3749</v>
      </c>
      <c r="C5416" t="s">
        <v>9</v>
      </c>
      <c r="D5416" t="s">
        <v>10</v>
      </c>
      <c r="E5416" t="s">
        <v>11</v>
      </c>
      <c r="F5416" s="2">
        <v>1</v>
      </c>
      <c r="G5416" t="s">
        <v>111</v>
      </c>
      <c r="H5416" t="s">
        <v>13</v>
      </c>
    </row>
    <row r="5417" spans="1:8" x14ac:dyDescent="0.25">
      <c r="A5417" s="1">
        <v>43628</v>
      </c>
      <c r="B5417" t="s">
        <v>3749</v>
      </c>
      <c r="C5417" t="s">
        <v>64</v>
      </c>
      <c r="D5417" t="s">
        <v>10</v>
      </c>
      <c r="E5417" t="s">
        <v>11</v>
      </c>
      <c r="F5417" s="2">
        <v>1</v>
      </c>
      <c r="G5417" t="s">
        <v>111</v>
      </c>
      <c r="H5417" t="s">
        <v>13</v>
      </c>
    </row>
    <row r="5418" spans="1:8" x14ac:dyDescent="0.25">
      <c r="A5418" s="1">
        <v>43628</v>
      </c>
      <c r="B5418" t="s">
        <v>3750</v>
      </c>
      <c r="C5418" t="s">
        <v>92</v>
      </c>
      <c r="D5418" t="s">
        <v>10</v>
      </c>
      <c r="E5418" t="s">
        <v>11</v>
      </c>
      <c r="F5418" s="2">
        <v>1</v>
      </c>
      <c r="G5418" t="s">
        <v>910</v>
      </c>
      <c r="H5418" t="s">
        <v>13</v>
      </c>
    </row>
    <row r="5419" spans="1:8" x14ac:dyDescent="0.25">
      <c r="A5419" s="1">
        <v>43627</v>
      </c>
      <c r="B5419" t="s">
        <v>3751</v>
      </c>
      <c r="C5419" t="s">
        <v>812</v>
      </c>
      <c r="D5419" t="s">
        <v>10</v>
      </c>
      <c r="E5419" t="s">
        <v>11</v>
      </c>
      <c r="F5419" s="2">
        <v>1</v>
      </c>
      <c r="G5419" t="s">
        <v>53</v>
      </c>
      <c r="H5419" t="s">
        <v>13</v>
      </c>
    </row>
    <row r="5420" spans="1:8" x14ac:dyDescent="0.25">
      <c r="A5420" s="1">
        <v>43627</v>
      </c>
      <c r="B5420" t="s">
        <v>3751</v>
      </c>
      <c r="C5420" t="s">
        <v>1259</v>
      </c>
      <c r="D5420" t="s">
        <v>10</v>
      </c>
      <c r="E5420" t="s">
        <v>11</v>
      </c>
      <c r="F5420" s="2">
        <v>1</v>
      </c>
      <c r="G5420" t="s">
        <v>53</v>
      </c>
      <c r="H5420" t="s">
        <v>13</v>
      </c>
    </row>
    <row r="5421" spans="1:8" x14ac:dyDescent="0.25">
      <c r="A5421" s="1">
        <v>43627</v>
      </c>
      <c r="B5421" t="s">
        <v>3752</v>
      </c>
      <c r="C5421" t="s">
        <v>52</v>
      </c>
      <c r="D5421" t="s">
        <v>10</v>
      </c>
      <c r="E5421" t="s">
        <v>11</v>
      </c>
      <c r="F5421" s="2">
        <v>1</v>
      </c>
      <c r="G5421" t="s">
        <v>31</v>
      </c>
      <c r="H5421" t="s">
        <v>13</v>
      </c>
    </row>
    <row r="5422" spans="1:8" x14ac:dyDescent="0.25">
      <c r="A5422" s="1">
        <v>43627</v>
      </c>
      <c r="B5422" t="s">
        <v>3752</v>
      </c>
      <c r="C5422" t="s">
        <v>52</v>
      </c>
      <c r="D5422" t="s">
        <v>10</v>
      </c>
      <c r="E5422" t="s">
        <v>11</v>
      </c>
      <c r="F5422" s="2">
        <v>1</v>
      </c>
      <c r="G5422" t="s">
        <v>31</v>
      </c>
      <c r="H5422" t="s">
        <v>13</v>
      </c>
    </row>
    <row r="5423" spans="1:8" x14ac:dyDescent="0.25">
      <c r="A5423" s="1">
        <v>43627</v>
      </c>
      <c r="B5423" t="s">
        <v>3752</v>
      </c>
      <c r="C5423" t="s">
        <v>52</v>
      </c>
      <c r="D5423" t="s">
        <v>10</v>
      </c>
      <c r="E5423" t="s">
        <v>11</v>
      </c>
      <c r="F5423" s="2">
        <v>1</v>
      </c>
      <c r="G5423" t="s">
        <v>31</v>
      </c>
      <c r="H5423" t="s">
        <v>13</v>
      </c>
    </row>
    <row r="5424" spans="1:8" x14ac:dyDescent="0.25">
      <c r="A5424" s="1">
        <v>43627</v>
      </c>
      <c r="B5424" t="s">
        <v>3752</v>
      </c>
      <c r="C5424" t="s">
        <v>16</v>
      </c>
      <c r="D5424" t="s">
        <v>10</v>
      </c>
      <c r="E5424" t="s">
        <v>11</v>
      </c>
      <c r="F5424" s="2">
        <v>1</v>
      </c>
      <c r="G5424" t="s">
        <v>31</v>
      </c>
      <c r="H5424" t="s">
        <v>13</v>
      </c>
    </row>
    <row r="5425" spans="1:8" x14ac:dyDescent="0.25">
      <c r="A5425" s="1">
        <v>43627</v>
      </c>
      <c r="B5425" t="s">
        <v>3752</v>
      </c>
      <c r="C5425" t="s">
        <v>16</v>
      </c>
      <c r="D5425" t="s">
        <v>10</v>
      </c>
      <c r="E5425" t="s">
        <v>11</v>
      </c>
      <c r="F5425" s="2">
        <v>1</v>
      </c>
      <c r="G5425" t="s">
        <v>31</v>
      </c>
      <c r="H5425" t="s">
        <v>13</v>
      </c>
    </row>
    <row r="5426" spans="1:8" x14ac:dyDescent="0.25">
      <c r="A5426" s="1">
        <v>43627</v>
      </c>
      <c r="B5426" t="s">
        <v>3752</v>
      </c>
      <c r="C5426" t="s">
        <v>16</v>
      </c>
      <c r="D5426" t="s">
        <v>10</v>
      </c>
      <c r="E5426" t="s">
        <v>11</v>
      </c>
      <c r="F5426" s="2">
        <v>1</v>
      </c>
      <c r="G5426" t="s">
        <v>31</v>
      </c>
      <c r="H5426" t="s">
        <v>13</v>
      </c>
    </row>
    <row r="5427" spans="1:8" x14ac:dyDescent="0.25">
      <c r="A5427" s="1">
        <v>43626</v>
      </c>
      <c r="B5427" t="s">
        <v>3753</v>
      </c>
      <c r="C5427" t="s">
        <v>16</v>
      </c>
      <c r="D5427" t="s">
        <v>10</v>
      </c>
      <c r="E5427" t="s">
        <v>11</v>
      </c>
      <c r="F5427" s="2">
        <v>1</v>
      </c>
      <c r="G5427" t="s">
        <v>2726</v>
      </c>
      <c r="H5427" t="s">
        <v>13</v>
      </c>
    </row>
    <row r="5428" spans="1:8" x14ac:dyDescent="0.25">
      <c r="A5428" s="1">
        <v>43626</v>
      </c>
      <c r="B5428" t="s">
        <v>3754</v>
      </c>
      <c r="C5428" t="s">
        <v>47</v>
      </c>
      <c r="D5428" t="s">
        <v>10</v>
      </c>
      <c r="E5428" t="s">
        <v>11</v>
      </c>
      <c r="F5428" s="2">
        <v>1</v>
      </c>
      <c r="G5428" t="s">
        <v>100</v>
      </c>
      <c r="H5428" t="s">
        <v>13</v>
      </c>
    </row>
    <row r="5429" spans="1:8" x14ac:dyDescent="0.25">
      <c r="A5429" s="1">
        <v>43626</v>
      </c>
      <c r="B5429" t="s">
        <v>3754</v>
      </c>
      <c r="C5429" t="s">
        <v>47</v>
      </c>
      <c r="D5429" t="s">
        <v>10</v>
      </c>
      <c r="E5429" t="s">
        <v>11</v>
      </c>
      <c r="F5429" s="2">
        <v>1</v>
      </c>
      <c r="G5429" t="s">
        <v>100</v>
      </c>
      <c r="H5429" t="s">
        <v>13</v>
      </c>
    </row>
    <row r="5430" spans="1:8" x14ac:dyDescent="0.25">
      <c r="A5430" s="1">
        <v>43625</v>
      </c>
      <c r="B5430" t="s">
        <v>3755</v>
      </c>
      <c r="C5430" t="s">
        <v>120</v>
      </c>
      <c r="D5430" t="s">
        <v>10</v>
      </c>
      <c r="E5430" t="s">
        <v>11</v>
      </c>
      <c r="F5430" s="2">
        <v>1</v>
      </c>
      <c r="G5430" t="s">
        <v>483</v>
      </c>
      <c r="H5430" t="s">
        <v>13</v>
      </c>
    </row>
    <row r="5431" spans="1:8" x14ac:dyDescent="0.25">
      <c r="A5431" s="1">
        <v>43625</v>
      </c>
      <c r="B5431" t="s">
        <v>3756</v>
      </c>
      <c r="C5431" t="s">
        <v>9</v>
      </c>
      <c r="D5431" t="s">
        <v>10</v>
      </c>
      <c r="E5431" t="s">
        <v>11</v>
      </c>
      <c r="F5431" s="2">
        <v>1</v>
      </c>
      <c r="G5431" t="s">
        <v>262</v>
      </c>
      <c r="H5431" t="s">
        <v>13</v>
      </c>
    </row>
    <row r="5432" spans="1:8" x14ac:dyDescent="0.25">
      <c r="A5432" s="1">
        <v>43625</v>
      </c>
      <c r="B5432" t="s">
        <v>3756</v>
      </c>
      <c r="C5432" t="s">
        <v>14</v>
      </c>
      <c r="D5432" t="s">
        <v>10</v>
      </c>
      <c r="E5432" t="s">
        <v>11</v>
      </c>
      <c r="F5432" s="2">
        <v>1</v>
      </c>
      <c r="G5432" t="s">
        <v>262</v>
      </c>
      <c r="H5432" t="s">
        <v>13</v>
      </c>
    </row>
    <row r="5433" spans="1:8" x14ac:dyDescent="0.25">
      <c r="A5433" s="1">
        <v>43624</v>
      </c>
      <c r="B5433" t="s">
        <v>3757</v>
      </c>
      <c r="C5433" t="s">
        <v>9</v>
      </c>
      <c r="D5433" t="s">
        <v>10</v>
      </c>
      <c r="E5433" t="s">
        <v>11</v>
      </c>
      <c r="F5433" s="2">
        <v>1</v>
      </c>
      <c r="G5433" t="s">
        <v>20</v>
      </c>
      <c r="H5433" t="s">
        <v>13</v>
      </c>
    </row>
    <row r="5434" spans="1:8" x14ac:dyDescent="0.25">
      <c r="A5434" s="1">
        <v>43623</v>
      </c>
      <c r="B5434" t="s">
        <v>3758</v>
      </c>
      <c r="C5434" t="s">
        <v>35</v>
      </c>
      <c r="D5434" t="s">
        <v>10</v>
      </c>
      <c r="E5434" t="s">
        <v>11</v>
      </c>
      <c r="F5434" s="2">
        <v>1</v>
      </c>
      <c r="G5434" t="s">
        <v>187</v>
      </c>
      <c r="H5434" t="s">
        <v>13</v>
      </c>
    </row>
    <row r="5435" spans="1:8" x14ac:dyDescent="0.25">
      <c r="A5435" s="1">
        <v>43623</v>
      </c>
      <c r="B5435" t="s">
        <v>3758</v>
      </c>
      <c r="C5435" t="s">
        <v>35</v>
      </c>
      <c r="D5435" t="s">
        <v>10</v>
      </c>
      <c r="E5435" t="s">
        <v>11</v>
      </c>
      <c r="F5435" s="2">
        <v>1</v>
      </c>
      <c r="G5435" t="s">
        <v>187</v>
      </c>
      <c r="H5435" t="s">
        <v>13</v>
      </c>
    </row>
    <row r="5436" spans="1:8" x14ac:dyDescent="0.25">
      <c r="A5436" s="1">
        <v>43623</v>
      </c>
      <c r="B5436" t="s">
        <v>3759</v>
      </c>
      <c r="C5436" t="s">
        <v>47</v>
      </c>
      <c r="D5436" t="s">
        <v>10</v>
      </c>
      <c r="E5436" t="s">
        <v>11</v>
      </c>
      <c r="F5436" s="2">
        <v>1</v>
      </c>
      <c r="G5436" t="s">
        <v>1188</v>
      </c>
      <c r="H5436" t="s">
        <v>13</v>
      </c>
    </row>
    <row r="5437" spans="1:8" x14ac:dyDescent="0.25">
      <c r="A5437" s="1">
        <v>43623</v>
      </c>
      <c r="B5437" t="s">
        <v>3759</v>
      </c>
      <c r="C5437" t="s">
        <v>14</v>
      </c>
      <c r="D5437" t="s">
        <v>10</v>
      </c>
      <c r="E5437" t="s">
        <v>11</v>
      </c>
      <c r="F5437" s="2">
        <v>1</v>
      </c>
      <c r="G5437" t="s">
        <v>1188</v>
      </c>
      <c r="H5437" t="s">
        <v>13</v>
      </c>
    </row>
    <row r="5438" spans="1:8" x14ac:dyDescent="0.25">
      <c r="A5438" s="1">
        <v>43620</v>
      </c>
      <c r="B5438" t="s">
        <v>3760</v>
      </c>
      <c r="C5438" t="s">
        <v>271</v>
      </c>
      <c r="D5438" t="s">
        <v>10</v>
      </c>
      <c r="E5438" t="s">
        <v>11</v>
      </c>
      <c r="F5438" s="2">
        <v>1</v>
      </c>
      <c r="G5438" t="s">
        <v>37</v>
      </c>
      <c r="H5438" t="s">
        <v>13</v>
      </c>
    </row>
    <row r="5439" spans="1:8" x14ac:dyDescent="0.25">
      <c r="A5439" s="1">
        <v>43618</v>
      </c>
      <c r="B5439" t="s">
        <v>3761</v>
      </c>
      <c r="C5439" t="s">
        <v>28</v>
      </c>
      <c r="D5439" t="s">
        <v>10</v>
      </c>
      <c r="E5439" t="s">
        <v>11</v>
      </c>
      <c r="F5439" s="2">
        <v>1</v>
      </c>
      <c r="G5439" t="s">
        <v>72</v>
      </c>
      <c r="H5439" t="s">
        <v>13</v>
      </c>
    </row>
    <row r="5440" spans="1:8" x14ac:dyDescent="0.25">
      <c r="A5440" s="1">
        <v>43618</v>
      </c>
      <c r="B5440" t="s">
        <v>3761</v>
      </c>
      <c r="C5440" t="s">
        <v>29</v>
      </c>
      <c r="D5440" t="s">
        <v>10</v>
      </c>
      <c r="E5440" t="s">
        <v>11</v>
      </c>
      <c r="F5440" s="2">
        <v>1</v>
      </c>
      <c r="G5440" t="s">
        <v>72</v>
      </c>
      <c r="H5440" t="s">
        <v>13</v>
      </c>
    </row>
    <row r="5441" spans="1:8" x14ac:dyDescent="0.25">
      <c r="A5441" s="1">
        <v>43617</v>
      </c>
      <c r="B5441" t="s">
        <v>3762</v>
      </c>
      <c r="C5441" t="s">
        <v>222</v>
      </c>
      <c r="D5441" t="s">
        <v>10</v>
      </c>
      <c r="E5441" t="s">
        <v>11</v>
      </c>
      <c r="F5441" s="2">
        <v>1</v>
      </c>
      <c r="G5441" t="s">
        <v>181</v>
      </c>
      <c r="H5441" t="s">
        <v>13</v>
      </c>
    </row>
    <row r="5442" spans="1:8" x14ac:dyDescent="0.25">
      <c r="A5442" s="1">
        <v>43617</v>
      </c>
      <c r="B5442" t="s">
        <v>3763</v>
      </c>
      <c r="C5442" t="s">
        <v>28</v>
      </c>
      <c r="D5442" t="s">
        <v>10</v>
      </c>
      <c r="E5442" t="s">
        <v>11</v>
      </c>
      <c r="F5442" s="2">
        <v>1</v>
      </c>
      <c r="G5442" t="s">
        <v>411</v>
      </c>
      <c r="H5442" t="s">
        <v>13</v>
      </c>
    </row>
    <row r="5443" spans="1:8" x14ac:dyDescent="0.25">
      <c r="A5443" s="1">
        <v>43617</v>
      </c>
      <c r="B5443" t="s">
        <v>3763</v>
      </c>
      <c r="C5443" t="s">
        <v>28</v>
      </c>
      <c r="D5443" t="s">
        <v>10</v>
      </c>
      <c r="E5443" t="s">
        <v>11</v>
      </c>
      <c r="F5443" s="2">
        <v>1</v>
      </c>
      <c r="G5443" t="s">
        <v>411</v>
      </c>
      <c r="H5443" t="s">
        <v>13</v>
      </c>
    </row>
    <row r="5444" spans="1:8" x14ac:dyDescent="0.25">
      <c r="A5444" s="1">
        <v>43617</v>
      </c>
      <c r="B5444" t="s">
        <v>3763</v>
      </c>
      <c r="C5444" t="s">
        <v>29</v>
      </c>
      <c r="D5444" t="s">
        <v>10</v>
      </c>
      <c r="E5444" t="s">
        <v>11</v>
      </c>
      <c r="F5444" s="2">
        <v>1</v>
      </c>
      <c r="G5444" t="s">
        <v>411</v>
      </c>
      <c r="H5444" t="s">
        <v>13</v>
      </c>
    </row>
    <row r="5445" spans="1:8" x14ac:dyDescent="0.25">
      <c r="A5445" s="1">
        <v>43617</v>
      </c>
      <c r="B5445" t="s">
        <v>3763</v>
      </c>
      <c r="C5445" t="s">
        <v>29</v>
      </c>
      <c r="D5445" t="s">
        <v>10</v>
      </c>
      <c r="E5445" t="s">
        <v>11</v>
      </c>
      <c r="F5445" s="2">
        <v>1</v>
      </c>
      <c r="G5445" t="s">
        <v>411</v>
      </c>
      <c r="H5445" t="s">
        <v>13</v>
      </c>
    </row>
    <row r="5446" spans="1:8" x14ac:dyDescent="0.25">
      <c r="A5446" s="1">
        <v>43617</v>
      </c>
      <c r="B5446" t="s">
        <v>3764</v>
      </c>
      <c r="C5446" t="s">
        <v>76</v>
      </c>
      <c r="D5446" t="s">
        <v>10</v>
      </c>
      <c r="E5446" t="s">
        <v>11</v>
      </c>
      <c r="F5446" s="2">
        <v>1</v>
      </c>
      <c r="G5446" t="s">
        <v>20</v>
      </c>
      <c r="H5446" t="s">
        <v>13</v>
      </c>
    </row>
    <row r="5447" spans="1:8" x14ac:dyDescent="0.25">
      <c r="A5447" s="1">
        <v>43617</v>
      </c>
      <c r="B5447" t="s">
        <v>3765</v>
      </c>
      <c r="C5447" t="s">
        <v>16</v>
      </c>
      <c r="D5447" t="s">
        <v>10</v>
      </c>
      <c r="E5447" t="s">
        <v>11</v>
      </c>
      <c r="F5447" s="2">
        <v>1</v>
      </c>
      <c r="G5447" t="s">
        <v>100</v>
      </c>
      <c r="H5447" t="s">
        <v>13</v>
      </c>
    </row>
    <row r="5448" spans="1:8" x14ac:dyDescent="0.25">
      <c r="A5448" s="1">
        <v>43617</v>
      </c>
      <c r="B5448" t="s">
        <v>3765</v>
      </c>
      <c r="C5448" t="s">
        <v>3314</v>
      </c>
      <c r="D5448" t="s">
        <v>10</v>
      </c>
      <c r="E5448" t="s">
        <v>11</v>
      </c>
      <c r="F5448" s="2">
        <v>1</v>
      </c>
      <c r="G5448" t="s">
        <v>100</v>
      </c>
      <c r="H5448" t="s">
        <v>13</v>
      </c>
    </row>
    <row r="5449" spans="1:8" x14ac:dyDescent="0.25">
      <c r="A5449" s="1">
        <v>43616</v>
      </c>
      <c r="B5449" t="s">
        <v>3766</v>
      </c>
      <c r="C5449" t="s">
        <v>9</v>
      </c>
      <c r="D5449" t="s">
        <v>10</v>
      </c>
      <c r="E5449" t="s">
        <v>11</v>
      </c>
      <c r="F5449" s="2">
        <v>1</v>
      </c>
      <c r="G5449" t="s">
        <v>1290</v>
      </c>
      <c r="H5449" t="s">
        <v>13</v>
      </c>
    </row>
    <row r="5450" spans="1:8" x14ac:dyDescent="0.25">
      <c r="A5450" s="1">
        <v>43616</v>
      </c>
      <c r="B5450" t="s">
        <v>3767</v>
      </c>
      <c r="C5450" t="s">
        <v>35</v>
      </c>
      <c r="D5450" t="s">
        <v>10</v>
      </c>
      <c r="E5450" t="s">
        <v>11</v>
      </c>
      <c r="F5450" s="2">
        <v>1</v>
      </c>
      <c r="G5450" t="s">
        <v>93</v>
      </c>
      <c r="H5450" t="s">
        <v>13</v>
      </c>
    </row>
    <row r="5451" spans="1:8" x14ac:dyDescent="0.25">
      <c r="A5451" s="1">
        <v>43614</v>
      </c>
      <c r="B5451" t="s">
        <v>3768</v>
      </c>
      <c r="C5451" t="s">
        <v>9</v>
      </c>
      <c r="D5451" t="s">
        <v>10</v>
      </c>
      <c r="E5451" t="s">
        <v>11</v>
      </c>
      <c r="F5451" s="2">
        <v>1</v>
      </c>
      <c r="G5451" t="s">
        <v>44</v>
      </c>
      <c r="H5451" t="s">
        <v>13</v>
      </c>
    </row>
    <row r="5452" spans="1:8" x14ac:dyDescent="0.25">
      <c r="A5452" s="1">
        <v>43613</v>
      </c>
      <c r="B5452" t="s">
        <v>3769</v>
      </c>
      <c r="C5452" t="s">
        <v>9</v>
      </c>
      <c r="D5452" t="s">
        <v>10</v>
      </c>
      <c r="E5452" t="s">
        <v>11</v>
      </c>
      <c r="F5452" s="2">
        <v>1</v>
      </c>
      <c r="G5452" t="s">
        <v>117</v>
      </c>
      <c r="H5452" t="s">
        <v>13</v>
      </c>
    </row>
    <row r="5453" spans="1:8" x14ac:dyDescent="0.25">
      <c r="A5453" s="1">
        <v>43613</v>
      </c>
      <c r="B5453" t="s">
        <v>3769</v>
      </c>
      <c r="C5453" t="s">
        <v>35</v>
      </c>
      <c r="D5453" t="s">
        <v>10</v>
      </c>
      <c r="E5453" t="s">
        <v>11</v>
      </c>
      <c r="F5453" s="2">
        <v>1</v>
      </c>
      <c r="G5453" t="s">
        <v>117</v>
      </c>
      <c r="H5453" t="s">
        <v>13</v>
      </c>
    </row>
    <row r="5454" spans="1:8" x14ac:dyDescent="0.25">
      <c r="A5454" s="1">
        <v>43613</v>
      </c>
      <c r="B5454" t="s">
        <v>3769</v>
      </c>
      <c r="C5454" t="s">
        <v>1883</v>
      </c>
      <c r="D5454" t="s">
        <v>10</v>
      </c>
      <c r="E5454" t="s">
        <v>11</v>
      </c>
      <c r="F5454" s="2">
        <v>1</v>
      </c>
      <c r="G5454" t="s">
        <v>117</v>
      </c>
      <c r="H5454" t="s">
        <v>13</v>
      </c>
    </row>
    <row r="5455" spans="1:8" x14ac:dyDescent="0.25">
      <c r="A5455" s="1">
        <v>43612</v>
      </c>
      <c r="B5455" t="s">
        <v>3770</v>
      </c>
      <c r="C5455" t="s">
        <v>149</v>
      </c>
      <c r="D5455" t="s">
        <v>10</v>
      </c>
      <c r="E5455" t="s">
        <v>11</v>
      </c>
      <c r="F5455" s="2">
        <v>1</v>
      </c>
      <c r="G5455" t="s">
        <v>72</v>
      </c>
      <c r="H5455" t="s">
        <v>13</v>
      </c>
    </row>
    <row r="5456" spans="1:8" x14ac:dyDescent="0.25">
      <c r="A5456" s="1">
        <v>43612</v>
      </c>
      <c r="B5456" t="s">
        <v>3770</v>
      </c>
      <c r="C5456" t="s">
        <v>47</v>
      </c>
      <c r="D5456" t="s">
        <v>10</v>
      </c>
      <c r="E5456" t="s">
        <v>11</v>
      </c>
      <c r="F5456" s="2">
        <v>1</v>
      </c>
      <c r="G5456" t="s">
        <v>72</v>
      </c>
      <c r="H5456" t="s">
        <v>13</v>
      </c>
    </row>
    <row r="5457" spans="1:8" x14ac:dyDescent="0.25">
      <c r="A5457" s="1">
        <v>43612</v>
      </c>
      <c r="B5457" t="s">
        <v>3771</v>
      </c>
      <c r="C5457" t="s">
        <v>379</v>
      </c>
      <c r="D5457" t="s">
        <v>10</v>
      </c>
      <c r="E5457" t="s">
        <v>11</v>
      </c>
      <c r="F5457" s="2">
        <v>1</v>
      </c>
      <c r="G5457" t="s">
        <v>111</v>
      </c>
      <c r="H5457" t="s">
        <v>13</v>
      </c>
    </row>
    <row r="5458" spans="1:8" x14ac:dyDescent="0.25">
      <c r="A5458" s="1">
        <v>43612</v>
      </c>
      <c r="B5458" t="s">
        <v>3771</v>
      </c>
      <c r="C5458" t="s">
        <v>379</v>
      </c>
      <c r="D5458" t="s">
        <v>10</v>
      </c>
      <c r="E5458" t="s">
        <v>11</v>
      </c>
      <c r="F5458" s="2">
        <v>1</v>
      </c>
      <c r="G5458" t="s">
        <v>111</v>
      </c>
      <c r="H5458" t="s">
        <v>13</v>
      </c>
    </row>
    <row r="5459" spans="1:8" x14ac:dyDescent="0.25">
      <c r="A5459" s="1">
        <v>43612</v>
      </c>
      <c r="B5459" t="s">
        <v>3772</v>
      </c>
      <c r="C5459" t="s">
        <v>9</v>
      </c>
      <c r="D5459" t="s">
        <v>10</v>
      </c>
      <c r="E5459" t="s">
        <v>11</v>
      </c>
      <c r="F5459" s="2">
        <v>1</v>
      </c>
      <c r="G5459" t="s">
        <v>44</v>
      </c>
      <c r="H5459" t="s">
        <v>13</v>
      </c>
    </row>
    <row r="5460" spans="1:8" x14ac:dyDescent="0.25">
      <c r="A5460" s="1">
        <v>43612</v>
      </c>
      <c r="B5460" t="s">
        <v>3773</v>
      </c>
      <c r="C5460" t="s">
        <v>14</v>
      </c>
      <c r="D5460" t="s">
        <v>10</v>
      </c>
      <c r="E5460" t="s">
        <v>11</v>
      </c>
      <c r="F5460" s="2">
        <v>1</v>
      </c>
      <c r="G5460" t="s">
        <v>181</v>
      </c>
      <c r="H5460" t="s">
        <v>13</v>
      </c>
    </row>
    <row r="5461" spans="1:8" x14ac:dyDescent="0.25">
      <c r="A5461" s="1">
        <v>43611</v>
      </c>
      <c r="B5461" t="s">
        <v>3774</v>
      </c>
      <c r="C5461" t="s">
        <v>14</v>
      </c>
      <c r="D5461" t="s">
        <v>10</v>
      </c>
      <c r="E5461" t="s">
        <v>11</v>
      </c>
      <c r="F5461" s="2">
        <v>1</v>
      </c>
      <c r="G5461" t="s">
        <v>20</v>
      </c>
      <c r="H5461" t="s">
        <v>13</v>
      </c>
    </row>
    <row r="5462" spans="1:8" x14ac:dyDescent="0.25">
      <c r="A5462" s="1">
        <v>43611</v>
      </c>
      <c r="B5462" t="s">
        <v>3775</v>
      </c>
      <c r="C5462" t="s">
        <v>9</v>
      </c>
      <c r="D5462" t="s">
        <v>10</v>
      </c>
      <c r="E5462" t="s">
        <v>11</v>
      </c>
      <c r="F5462" s="2">
        <v>1</v>
      </c>
      <c r="G5462" t="s">
        <v>111</v>
      </c>
      <c r="H5462" t="s">
        <v>13</v>
      </c>
    </row>
    <row r="5463" spans="1:8" x14ac:dyDescent="0.25">
      <c r="A5463" s="1">
        <v>43611</v>
      </c>
      <c r="B5463" t="s">
        <v>3775</v>
      </c>
      <c r="C5463" t="s">
        <v>65</v>
      </c>
      <c r="D5463" t="s">
        <v>10</v>
      </c>
      <c r="E5463" t="s">
        <v>11</v>
      </c>
      <c r="F5463" s="2">
        <v>1</v>
      </c>
      <c r="G5463" t="s">
        <v>111</v>
      </c>
      <c r="H5463" t="s">
        <v>13</v>
      </c>
    </row>
    <row r="5464" spans="1:8" x14ac:dyDescent="0.25">
      <c r="A5464" s="1">
        <v>43611</v>
      </c>
      <c r="B5464" t="s">
        <v>3776</v>
      </c>
      <c r="C5464" t="s">
        <v>9</v>
      </c>
      <c r="D5464" t="s">
        <v>10</v>
      </c>
      <c r="E5464" t="s">
        <v>11</v>
      </c>
      <c r="F5464" s="2">
        <v>1</v>
      </c>
      <c r="G5464" t="s">
        <v>100</v>
      </c>
      <c r="H5464" t="s">
        <v>13</v>
      </c>
    </row>
    <row r="5465" spans="1:8" x14ac:dyDescent="0.25">
      <c r="A5465" s="1">
        <v>43611</v>
      </c>
      <c r="B5465" t="s">
        <v>3776</v>
      </c>
      <c r="C5465" t="s">
        <v>29</v>
      </c>
      <c r="D5465" t="s">
        <v>10</v>
      </c>
      <c r="E5465" t="s">
        <v>11</v>
      </c>
      <c r="F5465" s="2">
        <v>1</v>
      </c>
      <c r="G5465" t="s">
        <v>100</v>
      </c>
      <c r="H5465" t="s">
        <v>13</v>
      </c>
    </row>
    <row r="5466" spans="1:8" x14ac:dyDescent="0.25">
      <c r="A5466" s="1">
        <v>43611</v>
      </c>
      <c r="B5466" t="s">
        <v>3776</v>
      </c>
      <c r="C5466" t="s">
        <v>35</v>
      </c>
      <c r="D5466" t="s">
        <v>10</v>
      </c>
      <c r="E5466" t="s">
        <v>11</v>
      </c>
      <c r="F5466" s="2">
        <v>1</v>
      </c>
      <c r="G5466" t="s">
        <v>100</v>
      </c>
      <c r="H5466" t="s">
        <v>13</v>
      </c>
    </row>
    <row r="5467" spans="1:8" x14ac:dyDescent="0.25">
      <c r="A5467" s="1">
        <v>43610</v>
      </c>
      <c r="B5467" t="s">
        <v>3777</v>
      </c>
      <c r="C5467" t="s">
        <v>34</v>
      </c>
      <c r="D5467" t="s">
        <v>10</v>
      </c>
      <c r="E5467" t="s">
        <v>11</v>
      </c>
      <c r="F5467" s="2">
        <v>1</v>
      </c>
      <c r="G5467" t="s">
        <v>3778</v>
      </c>
      <c r="H5467" t="s">
        <v>13</v>
      </c>
    </row>
    <row r="5468" spans="1:8" x14ac:dyDescent="0.25">
      <c r="A5468" s="1">
        <v>43610</v>
      </c>
      <c r="B5468" t="s">
        <v>3777</v>
      </c>
      <c r="C5468" t="s">
        <v>207</v>
      </c>
      <c r="D5468" t="s">
        <v>10</v>
      </c>
      <c r="E5468" t="s">
        <v>11</v>
      </c>
      <c r="F5468" s="2">
        <v>1</v>
      </c>
      <c r="G5468" t="s">
        <v>3778</v>
      </c>
      <c r="H5468" t="s">
        <v>13</v>
      </c>
    </row>
    <row r="5469" spans="1:8" x14ac:dyDescent="0.25">
      <c r="A5469" s="1">
        <v>43609</v>
      </c>
      <c r="B5469" t="s">
        <v>3779</v>
      </c>
      <c r="C5469" t="s">
        <v>9</v>
      </c>
      <c r="D5469" t="s">
        <v>10</v>
      </c>
      <c r="E5469" t="s">
        <v>11</v>
      </c>
      <c r="F5469" s="2">
        <v>1</v>
      </c>
      <c r="G5469" t="s">
        <v>72</v>
      </c>
      <c r="H5469" t="s">
        <v>13</v>
      </c>
    </row>
    <row r="5470" spans="1:8" x14ac:dyDescent="0.25">
      <c r="A5470" s="1">
        <v>43609</v>
      </c>
      <c r="B5470" t="s">
        <v>3779</v>
      </c>
      <c r="C5470" t="s">
        <v>16</v>
      </c>
      <c r="D5470" t="s">
        <v>10</v>
      </c>
      <c r="E5470" t="s">
        <v>11</v>
      </c>
      <c r="F5470" s="2">
        <v>1</v>
      </c>
      <c r="G5470" t="s">
        <v>72</v>
      </c>
      <c r="H5470" t="s">
        <v>13</v>
      </c>
    </row>
    <row r="5471" spans="1:8" x14ac:dyDescent="0.25">
      <c r="A5471" s="1">
        <v>43608</v>
      </c>
      <c r="B5471" t="s">
        <v>3780</v>
      </c>
      <c r="C5471" t="s">
        <v>9</v>
      </c>
      <c r="D5471" t="s">
        <v>10</v>
      </c>
      <c r="E5471" t="s">
        <v>11</v>
      </c>
      <c r="F5471" s="2">
        <v>1</v>
      </c>
      <c r="G5471" t="s">
        <v>216</v>
      </c>
      <c r="H5471" t="s">
        <v>13</v>
      </c>
    </row>
    <row r="5472" spans="1:8" x14ac:dyDescent="0.25">
      <c r="A5472" s="1">
        <v>43606</v>
      </c>
      <c r="B5472" t="s">
        <v>3781</v>
      </c>
      <c r="C5472" t="s">
        <v>47</v>
      </c>
      <c r="D5472" t="s">
        <v>10</v>
      </c>
      <c r="E5472" t="s">
        <v>11</v>
      </c>
      <c r="F5472" s="2">
        <v>1</v>
      </c>
      <c r="G5472" t="s">
        <v>3405</v>
      </c>
      <c r="H5472" t="s">
        <v>13</v>
      </c>
    </row>
    <row r="5473" spans="1:8" x14ac:dyDescent="0.25">
      <c r="A5473" s="1">
        <v>43606</v>
      </c>
      <c r="B5473" t="s">
        <v>3782</v>
      </c>
      <c r="C5473" t="s">
        <v>9</v>
      </c>
      <c r="D5473" t="s">
        <v>10</v>
      </c>
      <c r="E5473" t="s">
        <v>11</v>
      </c>
      <c r="F5473" s="2">
        <v>1</v>
      </c>
      <c r="G5473" t="s">
        <v>197</v>
      </c>
      <c r="H5473" t="s">
        <v>13</v>
      </c>
    </row>
    <row r="5474" spans="1:8" x14ac:dyDescent="0.25">
      <c r="A5474" s="1">
        <v>43605</v>
      </c>
      <c r="B5474" t="s">
        <v>3783</v>
      </c>
      <c r="C5474" t="s">
        <v>9</v>
      </c>
      <c r="D5474" t="s">
        <v>10</v>
      </c>
      <c r="E5474" t="s">
        <v>11</v>
      </c>
      <c r="F5474" s="2">
        <v>1</v>
      </c>
      <c r="G5474" t="s">
        <v>296</v>
      </c>
      <c r="H5474" t="s">
        <v>13</v>
      </c>
    </row>
    <row r="5475" spans="1:8" x14ac:dyDescent="0.25">
      <c r="A5475" s="1">
        <v>43605</v>
      </c>
      <c r="B5475" t="s">
        <v>3784</v>
      </c>
      <c r="C5475" t="s">
        <v>47</v>
      </c>
      <c r="D5475" t="s">
        <v>10</v>
      </c>
      <c r="E5475" t="s">
        <v>11</v>
      </c>
      <c r="F5475" s="2">
        <v>1</v>
      </c>
      <c r="G5475" t="s">
        <v>445</v>
      </c>
      <c r="H5475" t="s">
        <v>13</v>
      </c>
    </row>
    <row r="5476" spans="1:8" x14ac:dyDescent="0.25">
      <c r="A5476" s="1">
        <v>43605</v>
      </c>
      <c r="B5476" t="s">
        <v>3785</v>
      </c>
      <c r="C5476" t="s">
        <v>47</v>
      </c>
      <c r="D5476" t="s">
        <v>10</v>
      </c>
      <c r="E5476" t="s">
        <v>11</v>
      </c>
      <c r="F5476" s="2">
        <v>1</v>
      </c>
      <c r="G5476" t="s">
        <v>37</v>
      </c>
      <c r="H5476" t="s">
        <v>13</v>
      </c>
    </row>
    <row r="5477" spans="1:8" x14ac:dyDescent="0.25">
      <c r="A5477" s="1">
        <v>43605</v>
      </c>
      <c r="B5477" t="s">
        <v>3785</v>
      </c>
      <c r="C5477" t="s">
        <v>47</v>
      </c>
      <c r="D5477" t="s">
        <v>10</v>
      </c>
      <c r="E5477" t="s">
        <v>11</v>
      </c>
      <c r="F5477" s="2">
        <v>1</v>
      </c>
      <c r="G5477" t="s">
        <v>37</v>
      </c>
      <c r="H5477" t="s">
        <v>13</v>
      </c>
    </row>
    <row r="5478" spans="1:8" x14ac:dyDescent="0.25">
      <c r="A5478" s="1">
        <v>43604</v>
      </c>
      <c r="B5478" t="s">
        <v>3786</v>
      </c>
      <c r="C5478" t="s">
        <v>79</v>
      </c>
      <c r="D5478" t="s">
        <v>10</v>
      </c>
      <c r="E5478" t="s">
        <v>11</v>
      </c>
      <c r="F5478" s="2">
        <v>1</v>
      </c>
      <c r="G5478" t="s">
        <v>46</v>
      </c>
      <c r="H5478" t="s">
        <v>13</v>
      </c>
    </row>
    <row r="5479" spans="1:8" x14ac:dyDescent="0.25">
      <c r="A5479" s="1">
        <v>43604</v>
      </c>
      <c r="B5479" t="s">
        <v>3786</v>
      </c>
      <c r="C5479" t="s">
        <v>80</v>
      </c>
      <c r="D5479" t="s">
        <v>10</v>
      </c>
      <c r="E5479" t="s">
        <v>11</v>
      </c>
      <c r="F5479" s="2">
        <v>1</v>
      </c>
      <c r="G5479" t="s">
        <v>46</v>
      </c>
      <c r="H5479" t="s">
        <v>13</v>
      </c>
    </row>
    <row r="5480" spans="1:8" x14ac:dyDescent="0.25">
      <c r="A5480" s="1">
        <v>43604</v>
      </c>
      <c r="B5480" t="s">
        <v>3787</v>
      </c>
      <c r="C5480" t="s">
        <v>222</v>
      </c>
      <c r="D5480" t="s">
        <v>10</v>
      </c>
      <c r="E5480" t="s">
        <v>11</v>
      </c>
      <c r="F5480" s="2">
        <v>1</v>
      </c>
      <c r="G5480" t="s">
        <v>31</v>
      </c>
      <c r="H5480" t="s">
        <v>13</v>
      </c>
    </row>
    <row r="5481" spans="1:8" x14ac:dyDescent="0.25">
      <c r="A5481" s="1">
        <v>43603</v>
      </c>
      <c r="B5481" t="s">
        <v>3788</v>
      </c>
      <c r="C5481" t="s">
        <v>174</v>
      </c>
      <c r="D5481" t="s">
        <v>10</v>
      </c>
      <c r="E5481" t="s">
        <v>11</v>
      </c>
      <c r="F5481" s="2">
        <v>1</v>
      </c>
      <c r="G5481" t="s">
        <v>31</v>
      </c>
      <c r="H5481" t="s">
        <v>13</v>
      </c>
    </row>
    <row r="5482" spans="1:8" x14ac:dyDescent="0.25">
      <c r="A5482" s="1">
        <v>43603</v>
      </c>
      <c r="B5482" t="s">
        <v>3789</v>
      </c>
      <c r="C5482" t="s">
        <v>9</v>
      </c>
      <c r="D5482" t="s">
        <v>10</v>
      </c>
      <c r="E5482" t="s">
        <v>11</v>
      </c>
      <c r="F5482" s="2">
        <v>1</v>
      </c>
      <c r="G5482" t="s">
        <v>100</v>
      </c>
      <c r="H5482" t="s">
        <v>13</v>
      </c>
    </row>
    <row r="5483" spans="1:8" x14ac:dyDescent="0.25">
      <c r="A5483" s="1">
        <v>43603</v>
      </c>
      <c r="B5483" t="s">
        <v>3789</v>
      </c>
      <c r="C5483" t="s">
        <v>35</v>
      </c>
      <c r="D5483" t="s">
        <v>10</v>
      </c>
      <c r="E5483" t="s">
        <v>11</v>
      </c>
      <c r="F5483" s="2">
        <v>1</v>
      </c>
      <c r="G5483" t="s">
        <v>100</v>
      </c>
      <c r="H5483" t="s">
        <v>13</v>
      </c>
    </row>
    <row r="5484" spans="1:8" x14ac:dyDescent="0.25">
      <c r="A5484" s="1">
        <v>43603</v>
      </c>
      <c r="B5484" t="s">
        <v>3790</v>
      </c>
      <c r="C5484" t="s">
        <v>16</v>
      </c>
      <c r="D5484" t="s">
        <v>10</v>
      </c>
      <c r="E5484" t="s">
        <v>11</v>
      </c>
      <c r="F5484" s="2">
        <v>1</v>
      </c>
      <c r="G5484" t="s">
        <v>2455</v>
      </c>
      <c r="H5484" t="s">
        <v>13</v>
      </c>
    </row>
    <row r="5485" spans="1:8" x14ac:dyDescent="0.25">
      <c r="A5485" s="1">
        <v>43602</v>
      </c>
      <c r="B5485" t="s">
        <v>3791</v>
      </c>
      <c r="C5485" t="s">
        <v>88</v>
      </c>
      <c r="D5485" t="s">
        <v>10</v>
      </c>
      <c r="E5485" t="s">
        <v>11</v>
      </c>
      <c r="F5485" s="2">
        <v>1</v>
      </c>
      <c r="G5485" t="s">
        <v>100</v>
      </c>
      <c r="H5485" t="s">
        <v>13</v>
      </c>
    </row>
    <row r="5486" spans="1:8" x14ac:dyDescent="0.25">
      <c r="A5486" s="1">
        <v>43602</v>
      </c>
      <c r="B5486" t="s">
        <v>3792</v>
      </c>
      <c r="C5486" t="s">
        <v>74</v>
      </c>
      <c r="D5486" t="s">
        <v>10</v>
      </c>
      <c r="E5486" t="s">
        <v>11</v>
      </c>
      <c r="F5486" s="2">
        <v>1</v>
      </c>
      <c r="G5486" t="s">
        <v>1011</v>
      </c>
      <c r="H5486" t="s">
        <v>13</v>
      </c>
    </row>
    <row r="5487" spans="1:8" x14ac:dyDescent="0.25">
      <c r="A5487" s="1">
        <v>43602</v>
      </c>
      <c r="B5487" t="s">
        <v>3793</v>
      </c>
      <c r="C5487" t="s">
        <v>9</v>
      </c>
      <c r="D5487" t="s">
        <v>10</v>
      </c>
      <c r="E5487" t="s">
        <v>11</v>
      </c>
      <c r="F5487" s="2">
        <v>1</v>
      </c>
      <c r="G5487" t="s">
        <v>83</v>
      </c>
      <c r="H5487" t="s">
        <v>13</v>
      </c>
    </row>
    <row r="5488" spans="1:8" x14ac:dyDescent="0.25">
      <c r="A5488" s="1">
        <v>43602</v>
      </c>
      <c r="B5488" t="s">
        <v>3793</v>
      </c>
      <c r="C5488" t="s">
        <v>29</v>
      </c>
      <c r="D5488" t="s">
        <v>10</v>
      </c>
      <c r="E5488" t="s">
        <v>11</v>
      </c>
      <c r="F5488" s="2">
        <v>1</v>
      </c>
      <c r="G5488" t="s">
        <v>83</v>
      </c>
      <c r="H5488" t="s">
        <v>13</v>
      </c>
    </row>
    <row r="5489" spans="1:8" x14ac:dyDescent="0.25">
      <c r="A5489" s="1">
        <v>43602</v>
      </c>
      <c r="B5489" t="s">
        <v>3793</v>
      </c>
      <c r="C5489" t="s">
        <v>35</v>
      </c>
      <c r="D5489" t="s">
        <v>10</v>
      </c>
      <c r="E5489" t="s">
        <v>11</v>
      </c>
      <c r="F5489" s="2">
        <v>1</v>
      </c>
      <c r="G5489" t="s">
        <v>83</v>
      </c>
      <c r="H5489" t="s">
        <v>13</v>
      </c>
    </row>
    <row r="5490" spans="1:8" x14ac:dyDescent="0.25">
      <c r="A5490" s="1">
        <v>43600</v>
      </c>
      <c r="B5490" t="s">
        <v>3794</v>
      </c>
      <c r="C5490" t="s">
        <v>14</v>
      </c>
      <c r="D5490" t="s">
        <v>10</v>
      </c>
      <c r="E5490" t="s">
        <v>11</v>
      </c>
      <c r="F5490" s="2">
        <v>1</v>
      </c>
      <c r="G5490" t="s">
        <v>100</v>
      </c>
      <c r="H5490" t="s">
        <v>13</v>
      </c>
    </row>
    <row r="5491" spans="1:8" x14ac:dyDescent="0.25">
      <c r="A5491" s="1">
        <v>43600</v>
      </c>
      <c r="B5491" t="s">
        <v>3795</v>
      </c>
      <c r="C5491" t="s">
        <v>16</v>
      </c>
      <c r="D5491" t="s">
        <v>10</v>
      </c>
      <c r="E5491" t="s">
        <v>11</v>
      </c>
      <c r="F5491" s="2">
        <v>1</v>
      </c>
      <c r="G5491" t="s">
        <v>24</v>
      </c>
      <c r="H5491" t="s">
        <v>13</v>
      </c>
    </row>
    <row r="5492" spans="1:8" x14ac:dyDescent="0.25">
      <c r="A5492" s="1">
        <v>43600</v>
      </c>
      <c r="B5492" t="s">
        <v>3796</v>
      </c>
      <c r="C5492" t="s">
        <v>9</v>
      </c>
      <c r="D5492" t="s">
        <v>10</v>
      </c>
      <c r="E5492" t="s">
        <v>11</v>
      </c>
      <c r="F5492" s="2">
        <v>1</v>
      </c>
      <c r="G5492" t="s">
        <v>100</v>
      </c>
      <c r="H5492" t="s">
        <v>13</v>
      </c>
    </row>
    <row r="5493" spans="1:8" x14ac:dyDescent="0.25">
      <c r="A5493" s="1">
        <v>43600</v>
      </c>
      <c r="B5493" t="s">
        <v>3797</v>
      </c>
      <c r="C5493" t="s">
        <v>1883</v>
      </c>
      <c r="D5493" t="s">
        <v>10</v>
      </c>
      <c r="E5493" t="s">
        <v>11</v>
      </c>
      <c r="F5493" s="2">
        <v>1</v>
      </c>
      <c r="G5493" t="s">
        <v>661</v>
      </c>
      <c r="H5493" t="s">
        <v>13</v>
      </c>
    </row>
    <row r="5494" spans="1:8" x14ac:dyDescent="0.25">
      <c r="A5494" s="1">
        <v>43600</v>
      </c>
      <c r="B5494" t="s">
        <v>3798</v>
      </c>
      <c r="C5494" t="s">
        <v>9</v>
      </c>
      <c r="D5494" t="s">
        <v>10</v>
      </c>
      <c r="E5494" t="s">
        <v>11</v>
      </c>
      <c r="F5494" s="2">
        <v>1</v>
      </c>
      <c r="G5494" t="s">
        <v>225</v>
      </c>
      <c r="H5494" t="s">
        <v>13</v>
      </c>
    </row>
    <row r="5495" spans="1:8" x14ac:dyDescent="0.25">
      <c r="A5495" s="1">
        <v>43600</v>
      </c>
      <c r="B5495" t="s">
        <v>3798</v>
      </c>
      <c r="C5495" t="s">
        <v>47</v>
      </c>
      <c r="D5495" t="s">
        <v>10</v>
      </c>
      <c r="E5495" t="s">
        <v>11</v>
      </c>
      <c r="F5495" s="2">
        <v>1</v>
      </c>
      <c r="G5495" t="s">
        <v>225</v>
      </c>
      <c r="H5495" t="s">
        <v>13</v>
      </c>
    </row>
    <row r="5496" spans="1:8" x14ac:dyDescent="0.25">
      <c r="A5496" s="1">
        <v>43599</v>
      </c>
      <c r="B5496" t="s">
        <v>3799</v>
      </c>
      <c r="C5496" t="s">
        <v>439</v>
      </c>
      <c r="D5496" t="s">
        <v>10</v>
      </c>
      <c r="E5496" t="s">
        <v>11</v>
      </c>
      <c r="F5496" s="2">
        <v>1</v>
      </c>
      <c r="G5496" t="s">
        <v>1650</v>
      </c>
      <c r="H5496" t="s">
        <v>13</v>
      </c>
    </row>
    <row r="5497" spans="1:8" x14ac:dyDescent="0.25">
      <c r="A5497" s="1">
        <v>43598</v>
      </c>
      <c r="B5497" t="s">
        <v>3800</v>
      </c>
      <c r="C5497" t="s">
        <v>120</v>
      </c>
      <c r="D5497" t="s">
        <v>10</v>
      </c>
      <c r="E5497" t="s">
        <v>11</v>
      </c>
      <c r="F5497" s="2">
        <v>1</v>
      </c>
      <c r="G5497" t="s">
        <v>24</v>
      </c>
      <c r="H5497" t="s">
        <v>13</v>
      </c>
    </row>
    <row r="5498" spans="1:8" x14ac:dyDescent="0.25">
      <c r="A5498" s="1">
        <v>43598</v>
      </c>
      <c r="B5498" t="s">
        <v>3801</v>
      </c>
      <c r="C5498" t="s">
        <v>79</v>
      </c>
      <c r="D5498" t="s">
        <v>10</v>
      </c>
      <c r="E5498" t="s">
        <v>11</v>
      </c>
      <c r="F5498" s="2">
        <v>1</v>
      </c>
      <c r="G5498" t="s">
        <v>125</v>
      </c>
      <c r="H5498" t="s">
        <v>13</v>
      </c>
    </row>
    <row r="5499" spans="1:8" x14ac:dyDescent="0.25">
      <c r="A5499" s="1">
        <v>43598</v>
      </c>
      <c r="B5499" t="s">
        <v>3801</v>
      </c>
      <c r="C5499" t="s">
        <v>80</v>
      </c>
      <c r="D5499" t="s">
        <v>10</v>
      </c>
      <c r="E5499" t="s">
        <v>11</v>
      </c>
      <c r="F5499" s="2">
        <v>1</v>
      </c>
      <c r="G5499" t="s">
        <v>125</v>
      </c>
      <c r="H5499" t="s">
        <v>13</v>
      </c>
    </row>
    <row r="5500" spans="1:8" x14ac:dyDescent="0.25">
      <c r="A5500" s="1">
        <v>43597</v>
      </c>
      <c r="B5500" t="s">
        <v>3802</v>
      </c>
      <c r="C5500" t="s">
        <v>9</v>
      </c>
      <c r="D5500" t="s">
        <v>10</v>
      </c>
      <c r="E5500" t="s">
        <v>11</v>
      </c>
      <c r="F5500" s="2">
        <v>1</v>
      </c>
      <c r="G5500" t="s">
        <v>113</v>
      </c>
      <c r="H5500" t="s">
        <v>13</v>
      </c>
    </row>
    <row r="5501" spans="1:8" x14ac:dyDescent="0.25">
      <c r="A5501" s="1">
        <v>43597</v>
      </c>
      <c r="B5501" t="s">
        <v>3802</v>
      </c>
      <c r="C5501" t="s">
        <v>47</v>
      </c>
      <c r="D5501" t="s">
        <v>10</v>
      </c>
      <c r="E5501" t="s">
        <v>11</v>
      </c>
      <c r="F5501" s="2">
        <v>1</v>
      </c>
      <c r="G5501" t="s">
        <v>113</v>
      </c>
      <c r="H5501" t="s">
        <v>13</v>
      </c>
    </row>
    <row r="5502" spans="1:8" x14ac:dyDescent="0.25">
      <c r="A5502" s="1">
        <v>43597</v>
      </c>
      <c r="B5502" t="s">
        <v>3803</v>
      </c>
      <c r="C5502" t="s">
        <v>9</v>
      </c>
      <c r="D5502" t="s">
        <v>10</v>
      </c>
      <c r="E5502" t="s">
        <v>11</v>
      </c>
      <c r="F5502" s="2">
        <v>1</v>
      </c>
      <c r="G5502" t="s">
        <v>1625</v>
      </c>
      <c r="H5502" t="s">
        <v>13</v>
      </c>
    </row>
    <row r="5503" spans="1:8" x14ac:dyDescent="0.25">
      <c r="A5503" s="1">
        <v>43597</v>
      </c>
      <c r="B5503" t="s">
        <v>3804</v>
      </c>
      <c r="C5503" t="s">
        <v>35</v>
      </c>
      <c r="D5503" t="s">
        <v>10</v>
      </c>
      <c r="E5503" t="s">
        <v>11</v>
      </c>
      <c r="F5503" s="2">
        <v>1</v>
      </c>
      <c r="G5503" t="s">
        <v>3060</v>
      </c>
      <c r="H5503" t="s">
        <v>13</v>
      </c>
    </row>
    <row r="5504" spans="1:8" x14ac:dyDescent="0.25">
      <c r="A5504" s="1">
        <v>43596</v>
      </c>
      <c r="B5504" t="s">
        <v>3805</v>
      </c>
      <c r="C5504" t="s">
        <v>9</v>
      </c>
      <c r="D5504" t="s">
        <v>10</v>
      </c>
      <c r="E5504" t="s">
        <v>11</v>
      </c>
      <c r="F5504" s="2">
        <v>1</v>
      </c>
      <c r="G5504" t="s">
        <v>748</v>
      </c>
      <c r="H5504" t="s">
        <v>13</v>
      </c>
    </row>
    <row r="5505" spans="1:8" x14ac:dyDescent="0.25">
      <c r="A5505" s="1">
        <v>43596</v>
      </c>
      <c r="B5505" t="s">
        <v>3805</v>
      </c>
      <c r="C5505" t="s">
        <v>1883</v>
      </c>
      <c r="D5505" t="s">
        <v>10</v>
      </c>
      <c r="E5505" t="s">
        <v>11</v>
      </c>
      <c r="F5505" s="2">
        <v>1</v>
      </c>
      <c r="G5505" t="s">
        <v>748</v>
      </c>
      <c r="H5505" t="s">
        <v>13</v>
      </c>
    </row>
    <row r="5506" spans="1:8" x14ac:dyDescent="0.25">
      <c r="A5506" s="1">
        <v>43596</v>
      </c>
      <c r="B5506" t="s">
        <v>3806</v>
      </c>
      <c r="C5506" t="s">
        <v>79</v>
      </c>
      <c r="D5506" t="s">
        <v>10</v>
      </c>
      <c r="E5506" t="s">
        <v>11</v>
      </c>
      <c r="F5506" s="2">
        <v>1</v>
      </c>
      <c r="G5506" t="s">
        <v>181</v>
      </c>
      <c r="H5506" t="s">
        <v>13</v>
      </c>
    </row>
    <row r="5507" spans="1:8" x14ac:dyDescent="0.25">
      <c r="A5507" s="1">
        <v>43596</v>
      </c>
      <c r="B5507" t="s">
        <v>3806</v>
      </c>
      <c r="C5507" t="s">
        <v>80</v>
      </c>
      <c r="D5507" t="s">
        <v>10</v>
      </c>
      <c r="E5507" t="s">
        <v>11</v>
      </c>
      <c r="F5507" s="2">
        <v>1</v>
      </c>
      <c r="G5507" t="s">
        <v>181</v>
      </c>
      <c r="H5507" t="s">
        <v>13</v>
      </c>
    </row>
    <row r="5508" spans="1:8" x14ac:dyDescent="0.25">
      <c r="A5508" s="1">
        <v>43596</v>
      </c>
      <c r="B5508" t="s">
        <v>3807</v>
      </c>
      <c r="C5508" t="s">
        <v>47</v>
      </c>
      <c r="D5508" t="s">
        <v>10</v>
      </c>
      <c r="E5508" t="s">
        <v>11</v>
      </c>
      <c r="F5508" s="2">
        <v>1</v>
      </c>
      <c r="G5508" t="s">
        <v>309</v>
      </c>
      <c r="H5508" t="s">
        <v>13</v>
      </c>
    </row>
    <row r="5509" spans="1:8" x14ac:dyDescent="0.25">
      <c r="A5509" s="1">
        <v>43595</v>
      </c>
      <c r="B5509" t="s">
        <v>3808</v>
      </c>
      <c r="C5509" t="s">
        <v>19</v>
      </c>
      <c r="D5509" t="s">
        <v>10</v>
      </c>
      <c r="E5509" t="s">
        <v>11</v>
      </c>
      <c r="F5509" s="2">
        <v>1</v>
      </c>
      <c r="G5509" t="s">
        <v>159</v>
      </c>
      <c r="H5509" t="s">
        <v>13</v>
      </c>
    </row>
    <row r="5510" spans="1:8" x14ac:dyDescent="0.25">
      <c r="A5510" s="1">
        <v>43595</v>
      </c>
      <c r="B5510" t="s">
        <v>3809</v>
      </c>
      <c r="C5510" t="s">
        <v>174</v>
      </c>
      <c r="D5510" t="s">
        <v>10</v>
      </c>
      <c r="E5510" t="s">
        <v>11</v>
      </c>
      <c r="F5510" s="2">
        <v>1</v>
      </c>
      <c r="G5510" t="s">
        <v>20</v>
      </c>
      <c r="H5510" t="s">
        <v>13</v>
      </c>
    </row>
    <row r="5511" spans="1:8" x14ac:dyDescent="0.25">
      <c r="A5511" s="1">
        <v>43595</v>
      </c>
      <c r="B5511" t="s">
        <v>3810</v>
      </c>
      <c r="C5511" t="s">
        <v>439</v>
      </c>
      <c r="D5511" t="s">
        <v>10</v>
      </c>
      <c r="E5511" t="s">
        <v>11</v>
      </c>
      <c r="F5511" s="2">
        <v>1</v>
      </c>
      <c r="G5511" t="s">
        <v>46</v>
      </c>
      <c r="H5511" t="s">
        <v>13</v>
      </c>
    </row>
    <row r="5512" spans="1:8" x14ac:dyDescent="0.25">
      <c r="A5512" s="1">
        <v>43593</v>
      </c>
      <c r="B5512" t="s">
        <v>3811</v>
      </c>
      <c r="C5512" t="s">
        <v>9</v>
      </c>
      <c r="D5512" t="s">
        <v>10</v>
      </c>
      <c r="E5512" t="s">
        <v>11</v>
      </c>
      <c r="F5512" s="2">
        <v>1</v>
      </c>
      <c r="G5512" t="s">
        <v>181</v>
      </c>
      <c r="H5512" t="s">
        <v>13</v>
      </c>
    </row>
    <row r="5513" spans="1:8" x14ac:dyDescent="0.25">
      <c r="A5513" s="1">
        <v>43593</v>
      </c>
      <c r="B5513" t="s">
        <v>3811</v>
      </c>
      <c r="C5513" t="s">
        <v>35</v>
      </c>
      <c r="D5513" t="s">
        <v>10</v>
      </c>
      <c r="E5513" t="s">
        <v>11</v>
      </c>
      <c r="F5513" s="2">
        <v>1</v>
      </c>
      <c r="G5513" t="s">
        <v>181</v>
      </c>
      <c r="H5513" t="s">
        <v>13</v>
      </c>
    </row>
    <row r="5514" spans="1:8" x14ac:dyDescent="0.25">
      <c r="A5514" s="1">
        <v>43593</v>
      </c>
      <c r="B5514" t="s">
        <v>3812</v>
      </c>
      <c r="C5514" t="s">
        <v>28</v>
      </c>
      <c r="D5514" t="s">
        <v>10</v>
      </c>
      <c r="E5514" t="s">
        <v>11</v>
      </c>
      <c r="F5514" s="2">
        <v>1</v>
      </c>
      <c r="G5514" t="s">
        <v>197</v>
      </c>
      <c r="H5514" t="s">
        <v>13</v>
      </c>
    </row>
    <row r="5515" spans="1:8" x14ac:dyDescent="0.25">
      <c r="A5515" s="1">
        <v>43593</v>
      </c>
      <c r="B5515" t="s">
        <v>3812</v>
      </c>
      <c r="C5515" t="s">
        <v>64</v>
      </c>
      <c r="D5515" t="s">
        <v>10</v>
      </c>
      <c r="E5515" t="s">
        <v>11</v>
      </c>
      <c r="F5515" s="2">
        <v>1</v>
      </c>
      <c r="G5515" t="s">
        <v>197</v>
      </c>
      <c r="H5515" t="s">
        <v>13</v>
      </c>
    </row>
    <row r="5516" spans="1:8" x14ac:dyDescent="0.25">
      <c r="A5516" s="1">
        <v>43593</v>
      </c>
      <c r="B5516" t="s">
        <v>3812</v>
      </c>
      <c r="C5516" t="s">
        <v>29</v>
      </c>
      <c r="D5516" t="s">
        <v>10</v>
      </c>
      <c r="E5516" t="s">
        <v>11</v>
      </c>
      <c r="F5516" s="2">
        <v>1</v>
      </c>
      <c r="G5516" t="s">
        <v>197</v>
      </c>
      <c r="H5516" t="s">
        <v>13</v>
      </c>
    </row>
    <row r="5517" spans="1:8" x14ac:dyDescent="0.25">
      <c r="A5517" s="1">
        <v>43592</v>
      </c>
      <c r="B5517" t="s">
        <v>3813</v>
      </c>
      <c r="C5517" t="s">
        <v>16</v>
      </c>
      <c r="D5517" t="s">
        <v>10</v>
      </c>
      <c r="E5517" t="s">
        <v>11</v>
      </c>
      <c r="F5517" s="2">
        <v>1</v>
      </c>
      <c r="G5517" t="s">
        <v>2561</v>
      </c>
      <c r="H5517" t="s">
        <v>13</v>
      </c>
    </row>
    <row r="5518" spans="1:8" x14ac:dyDescent="0.25">
      <c r="A5518" s="1">
        <v>43591</v>
      </c>
      <c r="B5518" t="s">
        <v>3814</v>
      </c>
      <c r="C5518" t="s">
        <v>47</v>
      </c>
      <c r="D5518" t="s">
        <v>10</v>
      </c>
      <c r="E5518" t="s">
        <v>11</v>
      </c>
      <c r="F5518" s="2">
        <v>1</v>
      </c>
      <c r="G5518" t="s">
        <v>296</v>
      </c>
      <c r="H5518" t="s">
        <v>13</v>
      </c>
    </row>
    <row r="5519" spans="1:8" x14ac:dyDescent="0.25">
      <c r="A5519" s="1">
        <v>43591</v>
      </c>
      <c r="B5519" t="s">
        <v>3815</v>
      </c>
      <c r="C5519" t="s">
        <v>19</v>
      </c>
      <c r="D5519" t="s">
        <v>10</v>
      </c>
      <c r="E5519" t="s">
        <v>11</v>
      </c>
      <c r="F5519" s="2">
        <v>1</v>
      </c>
      <c r="G5519" t="s">
        <v>3778</v>
      </c>
      <c r="H5519" t="s">
        <v>13</v>
      </c>
    </row>
    <row r="5520" spans="1:8" x14ac:dyDescent="0.25">
      <c r="A5520" s="1">
        <v>43590</v>
      </c>
      <c r="B5520" t="s">
        <v>3816</v>
      </c>
      <c r="C5520" t="s">
        <v>19</v>
      </c>
      <c r="D5520" t="s">
        <v>10</v>
      </c>
      <c r="E5520" t="s">
        <v>11</v>
      </c>
      <c r="F5520" s="2">
        <v>1</v>
      </c>
      <c r="G5520" t="s">
        <v>462</v>
      </c>
      <c r="H5520" t="s">
        <v>13</v>
      </c>
    </row>
    <row r="5521" spans="1:8" x14ac:dyDescent="0.25">
      <c r="A5521" s="1">
        <v>43590</v>
      </c>
      <c r="B5521" t="s">
        <v>3816</v>
      </c>
      <c r="C5521" t="s">
        <v>689</v>
      </c>
      <c r="D5521" t="s">
        <v>10</v>
      </c>
      <c r="E5521" t="s">
        <v>11</v>
      </c>
      <c r="F5521" s="2">
        <v>1</v>
      </c>
      <c r="G5521" t="s">
        <v>462</v>
      </c>
      <c r="H5521" t="s">
        <v>13</v>
      </c>
    </row>
    <row r="5522" spans="1:8" x14ac:dyDescent="0.25">
      <c r="A5522" s="1">
        <v>43590</v>
      </c>
      <c r="B5522" t="s">
        <v>3817</v>
      </c>
      <c r="C5522" t="s">
        <v>379</v>
      </c>
      <c r="D5522" t="s">
        <v>10</v>
      </c>
      <c r="E5522" t="s">
        <v>11</v>
      </c>
      <c r="F5522" s="2">
        <v>1</v>
      </c>
      <c r="G5522" t="s">
        <v>2835</v>
      </c>
      <c r="H5522" t="s">
        <v>13</v>
      </c>
    </row>
    <row r="5523" spans="1:8" x14ac:dyDescent="0.25">
      <c r="A5523" s="1">
        <v>43590</v>
      </c>
      <c r="B5523" t="s">
        <v>3817</v>
      </c>
      <c r="C5523" t="s">
        <v>379</v>
      </c>
      <c r="D5523" t="s">
        <v>10</v>
      </c>
      <c r="E5523" t="s">
        <v>11</v>
      </c>
      <c r="F5523" s="2">
        <v>1</v>
      </c>
      <c r="G5523" t="s">
        <v>2835</v>
      </c>
      <c r="H5523" t="s">
        <v>13</v>
      </c>
    </row>
    <row r="5524" spans="1:8" x14ac:dyDescent="0.25">
      <c r="A5524" s="1">
        <v>43590</v>
      </c>
      <c r="B5524" t="s">
        <v>3817</v>
      </c>
      <c r="C5524" t="s">
        <v>282</v>
      </c>
      <c r="D5524" t="s">
        <v>10</v>
      </c>
      <c r="E5524" t="s">
        <v>11</v>
      </c>
      <c r="F5524" s="2">
        <v>1</v>
      </c>
      <c r="G5524" t="s">
        <v>2835</v>
      </c>
      <c r="H5524" t="s">
        <v>13</v>
      </c>
    </row>
    <row r="5525" spans="1:8" x14ac:dyDescent="0.25">
      <c r="A5525" s="1">
        <v>43590</v>
      </c>
      <c r="B5525" t="s">
        <v>3817</v>
      </c>
      <c r="C5525" t="s">
        <v>282</v>
      </c>
      <c r="D5525" t="s">
        <v>10</v>
      </c>
      <c r="E5525" t="s">
        <v>11</v>
      </c>
      <c r="F5525" s="2">
        <v>1</v>
      </c>
      <c r="G5525" t="s">
        <v>2835</v>
      </c>
      <c r="H5525" t="s">
        <v>13</v>
      </c>
    </row>
    <row r="5526" spans="1:8" x14ac:dyDescent="0.25">
      <c r="A5526" s="1">
        <v>43590</v>
      </c>
      <c r="B5526" t="s">
        <v>3817</v>
      </c>
      <c r="C5526" t="s">
        <v>453</v>
      </c>
      <c r="D5526" t="s">
        <v>10</v>
      </c>
      <c r="E5526" t="s">
        <v>11</v>
      </c>
      <c r="F5526" s="2">
        <v>1</v>
      </c>
      <c r="G5526" t="s">
        <v>2835</v>
      </c>
      <c r="H5526" t="s">
        <v>13</v>
      </c>
    </row>
    <row r="5527" spans="1:8" x14ac:dyDescent="0.25">
      <c r="A5527" s="1">
        <v>43590</v>
      </c>
      <c r="B5527" t="s">
        <v>3817</v>
      </c>
      <c r="C5527" t="s">
        <v>453</v>
      </c>
      <c r="D5527" t="s">
        <v>10</v>
      </c>
      <c r="E5527" t="s">
        <v>11</v>
      </c>
      <c r="F5527" s="2">
        <v>1</v>
      </c>
      <c r="G5527" t="s">
        <v>2835</v>
      </c>
      <c r="H5527" t="s">
        <v>13</v>
      </c>
    </row>
    <row r="5528" spans="1:8" x14ac:dyDescent="0.25">
      <c r="A5528" s="1">
        <v>43589</v>
      </c>
      <c r="B5528" t="s">
        <v>3818</v>
      </c>
      <c r="C5528" t="s">
        <v>9</v>
      </c>
      <c r="D5528" t="s">
        <v>10</v>
      </c>
      <c r="E5528" t="s">
        <v>11</v>
      </c>
      <c r="F5528" s="2">
        <v>1</v>
      </c>
      <c r="G5528" t="s">
        <v>31</v>
      </c>
      <c r="H5528" t="s">
        <v>13</v>
      </c>
    </row>
    <row r="5529" spans="1:8" x14ac:dyDescent="0.25">
      <c r="A5529" s="1">
        <v>43589</v>
      </c>
      <c r="B5529" t="s">
        <v>3818</v>
      </c>
      <c r="C5529" t="s">
        <v>88</v>
      </c>
      <c r="D5529" t="s">
        <v>10</v>
      </c>
      <c r="E5529" t="s">
        <v>11</v>
      </c>
      <c r="F5529" s="2">
        <v>1</v>
      </c>
      <c r="G5529" t="s">
        <v>31</v>
      </c>
      <c r="H5529" t="s">
        <v>13</v>
      </c>
    </row>
    <row r="5530" spans="1:8" x14ac:dyDescent="0.25">
      <c r="A5530" s="1">
        <v>43589</v>
      </c>
      <c r="B5530" t="s">
        <v>3819</v>
      </c>
      <c r="C5530" t="s">
        <v>9</v>
      </c>
      <c r="D5530" t="s">
        <v>10</v>
      </c>
      <c r="E5530" t="s">
        <v>11</v>
      </c>
      <c r="F5530" s="2">
        <v>1</v>
      </c>
      <c r="G5530" t="s">
        <v>878</v>
      </c>
      <c r="H5530" t="s">
        <v>13</v>
      </c>
    </row>
    <row r="5531" spans="1:8" x14ac:dyDescent="0.25">
      <c r="A5531" s="1">
        <v>43589</v>
      </c>
      <c r="B5531" t="s">
        <v>3819</v>
      </c>
      <c r="C5531" t="s">
        <v>47</v>
      </c>
      <c r="D5531" t="s">
        <v>10</v>
      </c>
      <c r="E5531" t="s">
        <v>11</v>
      </c>
      <c r="F5531" s="2">
        <v>1</v>
      </c>
      <c r="G5531" t="s">
        <v>878</v>
      </c>
      <c r="H5531" t="s">
        <v>13</v>
      </c>
    </row>
    <row r="5532" spans="1:8" x14ac:dyDescent="0.25">
      <c r="A5532" s="1">
        <v>43587</v>
      </c>
      <c r="B5532" t="s">
        <v>3820</v>
      </c>
      <c r="C5532" t="s">
        <v>379</v>
      </c>
      <c r="D5532" t="s">
        <v>10</v>
      </c>
      <c r="E5532" t="s">
        <v>11</v>
      </c>
      <c r="F5532" s="2">
        <v>1</v>
      </c>
      <c r="G5532" t="s">
        <v>72</v>
      </c>
      <c r="H5532" t="s">
        <v>13</v>
      </c>
    </row>
    <row r="5533" spans="1:8" x14ac:dyDescent="0.25">
      <c r="A5533" s="1">
        <v>43586</v>
      </c>
      <c r="B5533" t="s">
        <v>3821</v>
      </c>
      <c r="C5533" t="s">
        <v>9</v>
      </c>
      <c r="D5533" t="s">
        <v>10</v>
      </c>
      <c r="E5533" t="s">
        <v>11</v>
      </c>
      <c r="F5533" s="2">
        <v>1</v>
      </c>
      <c r="G5533" t="s">
        <v>20</v>
      </c>
      <c r="H5533" t="s">
        <v>13</v>
      </c>
    </row>
    <row r="5534" spans="1:8" x14ac:dyDescent="0.25">
      <c r="A5534" s="1">
        <v>43586</v>
      </c>
      <c r="B5534" t="s">
        <v>3821</v>
      </c>
      <c r="C5534" t="s">
        <v>118</v>
      </c>
      <c r="D5534" t="s">
        <v>10</v>
      </c>
      <c r="E5534" t="s">
        <v>11</v>
      </c>
      <c r="F5534" s="2">
        <v>1</v>
      </c>
      <c r="G5534" t="s">
        <v>20</v>
      </c>
      <c r="H5534" t="s">
        <v>13</v>
      </c>
    </row>
    <row r="5535" spans="1:8" x14ac:dyDescent="0.25">
      <c r="A5535" s="1">
        <v>43586</v>
      </c>
      <c r="B5535" t="s">
        <v>3821</v>
      </c>
      <c r="C5535" t="s">
        <v>151</v>
      </c>
      <c r="D5535" t="s">
        <v>10</v>
      </c>
      <c r="E5535" t="s">
        <v>11</v>
      </c>
      <c r="F5535" s="2">
        <v>1</v>
      </c>
      <c r="G5535" t="s">
        <v>20</v>
      </c>
      <c r="H5535" t="s">
        <v>13</v>
      </c>
    </row>
    <row r="5536" spans="1:8" x14ac:dyDescent="0.25">
      <c r="A5536" s="1">
        <v>43586</v>
      </c>
      <c r="B5536" t="s">
        <v>3822</v>
      </c>
      <c r="C5536" t="s">
        <v>9</v>
      </c>
      <c r="D5536" t="s">
        <v>10</v>
      </c>
      <c r="E5536" t="s">
        <v>11</v>
      </c>
      <c r="F5536" s="2">
        <v>1</v>
      </c>
      <c r="G5536" t="s">
        <v>24</v>
      </c>
      <c r="H5536" t="s">
        <v>13</v>
      </c>
    </row>
    <row r="5537" spans="1:8" x14ac:dyDescent="0.25">
      <c r="A5537" s="1">
        <v>43586</v>
      </c>
      <c r="B5537" t="s">
        <v>3822</v>
      </c>
      <c r="C5537" t="s">
        <v>127</v>
      </c>
      <c r="D5537" t="s">
        <v>10</v>
      </c>
      <c r="E5537" t="s">
        <v>11</v>
      </c>
      <c r="F5537" s="2">
        <v>1</v>
      </c>
      <c r="G5537" t="s">
        <v>24</v>
      </c>
      <c r="H5537" t="s">
        <v>13</v>
      </c>
    </row>
    <row r="5538" spans="1:8" x14ac:dyDescent="0.25">
      <c r="A5538" s="1">
        <v>43586</v>
      </c>
      <c r="B5538" t="s">
        <v>3823</v>
      </c>
      <c r="C5538" t="s">
        <v>2859</v>
      </c>
      <c r="D5538" t="s">
        <v>10</v>
      </c>
      <c r="E5538" t="s">
        <v>11</v>
      </c>
      <c r="F5538" s="2">
        <v>1</v>
      </c>
      <c r="G5538" t="s">
        <v>93</v>
      </c>
      <c r="H5538" t="s">
        <v>13</v>
      </c>
    </row>
    <row r="5539" spans="1:8" x14ac:dyDescent="0.25">
      <c r="A5539" s="1">
        <v>43585</v>
      </c>
      <c r="B5539" t="s">
        <v>3824</v>
      </c>
      <c r="C5539" t="s">
        <v>19</v>
      </c>
      <c r="D5539" t="s">
        <v>10</v>
      </c>
      <c r="E5539" t="s">
        <v>11</v>
      </c>
      <c r="F5539" s="2">
        <v>1</v>
      </c>
      <c r="G5539" t="s">
        <v>944</v>
      </c>
      <c r="H5539" t="s">
        <v>13</v>
      </c>
    </row>
    <row r="5540" spans="1:8" x14ac:dyDescent="0.25">
      <c r="A5540" s="1">
        <v>43585</v>
      </c>
      <c r="B5540" t="s">
        <v>3825</v>
      </c>
      <c r="C5540" t="s">
        <v>16</v>
      </c>
      <c r="D5540" t="s">
        <v>10</v>
      </c>
      <c r="E5540" t="s">
        <v>11</v>
      </c>
      <c r="F5540" s="2">
        <v>1</v>
      </c>
      <c r="G5540" t="s">
        <v>72</v>
      </c>
      <c r="H5540" t="s">
        <v>13</v>
      </c>
    </row>
    <row r="5541" spans="1:8" x14ac:dyDescent="0.25">
      <c r="A5541" s="1">
        <v>43585</v>
      </c>
      <c r="B5541" t="s">
        <v>3826</v>
      </c>
      <c r="C5541" t="s">
        <v>394</v>
      </c>
      <c r="D5541" t="s">
        <v>10</v>
      </c>
      <c r="E5541" t="s">
        <v>11</v>
      </c>
      <c r="F5541" s="2">
        <v>1</v>
      </c>
      <c r="G5541" t="s">
        <v>93</v>
      </c>
      <c r="H5541" t="s">
        <v>13</v>
      </c>
    </row>
    <row r="5542" spans="1:8" x14ac:dyDescent="0.25">
      <c r="A5542" s="1">
        <v>43585</v>
      </c>
      <c r="B5542" t="s">
        <v>3827</v>
      </c>
      <c r="C5542" t="s">
        <v>484</v>
      </c>
      <c r="D5542" t="s">
        <v>10</v>
      </c>
      <c r="E5542" t="s">
        <v>11</v>
      </c>
      <c r="F5542" s="2">
        <v>1</v>
      </c>
      <c r="G5542" t="s">
        <v>20</v>
      </c>
      <c r="H5542" t="s">
        <v>13</v>
      </c>
    </row>
    <row r="5543" spans="1:8" x14ac:dyDescent="0.25">
      <c r="A5543" s="1">
        <v>43584</v>
      </c>
      <c r="B5543" t="s">
        <v>3828</v>
      </c>
      <c r="C5543" t="s">
        <v>9</v>
      </c>
      <c r="D5543" t="s">
        <v>10</v>
      </c>
      <c r="E5543" t="s">
        <v>11</v>
      </c>
      <c r="F5543" s="2">
        <v>1</v>
      </c>
      <c r="G5543" t="s">
        <v>172</v>
      </c>
      <c r="H5543" t="s">
        <v>13</v>
      </c>
    </row>
    <row r="5544" spans="1:8" x14ac:dyDescent="0.25">
      <c r="A5544" s="1">
        <v>43583</v>
      </c>
      <c r="B5544" t="s">
        <v>3829</v>
      </c>
      <c r="C5544" t="s">
        <v>29</v>
      </c>
      <c r="D5544" t="s">
        <v>10</v>
      </c>
      <c r="E5544" t="s">
        <v>11</v>
      </c>
      <c r="F5544" s="2">
        <v>1</v>
      </c>
      <c r="G5544" t="s">
        <v>100</v>
      </c>
      <c r="H5544" t="s">
        <v>13</v>
      </c>
    </row>
    <row r="5545" spans="1:8" x14ac:dyDescent="0.25">
      <c r="A5545" s="1">
        <v>43582</v>
      </c>
      <c r="B5545" t="s">
        <v>3830</v>
      </c>
      <c r="C5545" t="s">
        <v>174</v>
      </c>
      <c r="D5545" t="s">
        <v>10</v>
      </c>
      <c r="E5545" t="s">
        <v>11</v>
      </c>
      <c r="F5545" s="2">
        <v>1</v>
      </c>
      <c r="G5545" t="s">
        <v>309</v>
      </c>
      <c r="H5545" t="s">
        <v>13</v>
      </c>
    </row>
    <row r="5546" spans="1:8" x14ac:dyDescent="0.25">
      <c r="A5546" s="1">
        <v>43581</v>
      </c>
      <c r="B5546" t="s">
        <v>3831</v>
      </c>
      <c r="C5546" t="s">
        <v>271</v>
      </c>
      <c r="D5546" t="s">
        <v>10</v>
      </c>
      <c r="E5546" t="s">
        <v>11</v>
      </c>
      <c r="F5546" s="2">
        <v>1</v>
      </c>
      <c r="G5546" t="s">
        <v>2614</v>
      </c>
      <c r="H5546" t="s">
        <v>13</v>
      </c>
    </row>
    <row r="5547" spans="1:8" x14ac:dyDescent="0.25">
      <c r="A5547" s="1">
        <v>43581</v>
      </c>
      <c r="B5547" t="s">
        <v>3831</v>
      </c>
      <c r="C5547" t="s">
        <v>271</v>
      </c>
      <c r="D5547" t="s">
        <v>10</v>
      </c>
      <c r="E5547" t="s">
        <v>11</v>
      </c>
      <c r="F5547" s="2">
        <v>1</v>
      </c>
      <c r="G5547" t="s">
        <v>2614</v>
      </c>
      <c r="H5547" t="s">
        <v>13</v>
      </c>
    </row>
    <row r="5548" spans="1:8" x14ac:dyDescent="0.25">
      <c r="A5548" s="1">
        <v>43581</v>
      </c>
      <c r="B5548" t="s">
        <v>3832</v>
      </c>
      <c r="C5548" t="s">
        <v>19</v>
      </c>
      <c r="D5548" t="s">
        <v>10</v>
      </c>
      <c r="E5548" t="s">
        <v>11</v>
      </c>
      <c r="F5548" s="2">
        <v>1</v>
      </c>
      <c r="G5548" t="s">
        <v>37</v>
      </c>
      <c r="H5548" t="s">
        <v>13</v>
      </c>
    </row>
    <row r="5549" spans="1:8" x14ac:dyDescent="0.25">
      <c r="A5549" s="1">
        <v>43580</v>
      </c>
      <c r="B5549" t="s">
        <v>3833</v>
      </c>
      <c r="C5549" t="s">
        <v>9</v>
      </c>
      <c r="D5549" t="s">
        <v>10</v>
      </c>
      <c r="E5549" t="s">
        <v>11</v>
      </c>
      <c r="F5549" s="2">
        <v>1</v>
      </c>
      <c r="G5549" t="s">
        <v>20</v>
      </c>
      <c r="H5549" t="s">
        <v>13</v>
      </c>
    </row>
    <row r="5550" spans="1:8" x14ac:dyDescent="0.25">
      <c r="A5550" s="1">
        <v>43580</v>
      </c>
      <c r="B5550" t="s">
        <v>3833</v>
      </c>
      <c r="C5550" t="s">
        <v>29</v>
      </c>
      <c r="D5550" t="s">
        <v>10</v>
      </c>
      <c r="E5550" t="s">
        <v>11</v>
      </c>
      <c r="F5550" s="2">
        <v>1</v>
      </c>
      <c r="G5550" t="s">
        <v>20</v>
      </c>
      <c r="H5550" t="s">
        <v>13</v>
      </c>
    </row>
    <row r="5551" spans="1:8" x14ac:dyDescent="0.25">
      <c r="A5551" s="1">
        <v>43580</v>
      </c>
      <c r="B5551" t="s">
        <v>3833</v>
      </c>
      <c r="C5551" t="s">
        <v>35</v>
      </c>
      <c r="D5551" t="s">
        <v>10</v>
      </c>
      <c r="E5551" t="s">
        <v>11</v>
      </c>
      <c r="F5551" s="2">
        <v>1</v>
      </c>
      <c r="G5551" t="s">
        <v>20</v>
      </c>
      <c r="H5551" t="s">
        <v>13</v>
      </c>
    </row>
    <row r="5552" spans="1:8" x14ac:dyDescent="0.25">
      <c r="A5552" s="1">
        <v>43580</v>
      </c>
      <c r="B5552" t="s">
        <v>3834</v>
      </c>
      <c r="C5552" t="s">
        <v>9</v>
      </c>
      <c r="D5552" t="s">
        <v>10</v>
      </c>
      <c r="E5552" t="s">
        <v>11</v>
      </c>
      <c r="F5552" s="2">
        <v>1</v>
      </c>
      <c r="G5552" t="s">
        <v>1263</v>
      </c>
      <c r="H5552" t="s">
        <v>13</v>
      </c>
    </row>
    <row r="5553" spans="1:8" x14ac:dyDescent="0.25">
      <c r="A5553" s="1">
        <v>43580</v>
      </c>
      <c r="B5553" t="s">
        <v>3834</v>
      </c>
      <c r="C5553" t="s">
        <v>16</v>
      </c>
      <c r="D5553" t="s">
        <v>10</v>
      </c>
      <c r="E5553" t="s">
        <v>11</v>
      </c>
      <c r="F5553" s="2">
        <v>1</v>
      </c>
      <c r="G5553" t="s">
        <v>1263</v>
      </c>
      <c r="H5553" t="s">
        <v>13</v>
      </c>
    </row>
    <row r="5554" spans="1:8" x14ac:dyDescent="0.25">
      <c r="A5554" s="1">
        <v>43578</v>
      </c>
      <c r="B5554" t="s">
        <v>3835</v>
      </c>
      <c r="C5554" t="s">
        <v>47</v>
      </c>
      <c r="D5554" t="s">
        <v>10</v>
      </c>
      <c r="E5554" t="s">
        <v>11</v>
      </c>
      <c r="F5554" s="2">
        <v>1</v>
      </c>
      <c r="G5554" t="s">
        <v>37</v>
      </c>
      <c r="H5554" t="s">
        <v>13</v>
      </c>
    </row>
    <row r="5555" spans="1:8" x14ac:dyDescent="0.25">
      <c r="A5555" s="1">
        <v>43578</v>
      </c>
      <c r="B5555" t="s">
        <v>3836</v>
      </c>
      <c r="C5555" t="s">
        <v>9</v>
      </c>
      <c r="D5555" t="s">
        <v>10</v>
      </c>
      <c r="E5555" t="s">
        <v>11</v>
      </c>
      <c r="F5555" s="2">
        <v>1</v>
      </c>
      <c r="G5555" t="s">
        <v>181</v>
      </c>
      <c r="H5555" t="s">
        <v>13</v>
      </c>
    </row>
    <row r="5556" spans="1:8" x14ac:dyDescent="0.25">
      <c r="A5556" s="1">
        <v>43578</v>
      </c>
      <c r="B5556" t="s">
        <v>3836</v>
      </c>
      <c r="C5556" t="s">
        <v>47</v>
      </c>
      <c r="D5556" t="s">
        <v>10</v>
      </c>
      <c r="E5556" t="s">
        <v>11</v>
      </c>
      <c r="F5556" s="2">
        <v>1</v>
      </c>
      <c r="G5556" t="s">
        <v>181</v>
      </c>
      <c r="H5556" t="s">
        <v>13</v>
      </c>
    </row>
    <row r="5557" spans="1:8" x14ac:dyDescent="0.25">
      <c r="A5557" s="1">
        <v>43577</v>
      </c>
      <c r="B5557" t="s">
        <v>3837</v>
      </c>
      <c r="C5557" t="s">
        <v>14</v>
      </c>
      <c r="D5557" t="s">
        <v>10</v>
      </c>
      <c r="E5557" t="s">
        <v>11</v>
      </c>
      <c r="F5557" s="2">
        <v>1</v>
      </c>
      <c r="G5557" t="s">
        <v>181</v>
      </c>
      <c r="H5557" t="s">
        <v>13</v>
      </c>
    </row>
    <row r="5558" spans="1:8" x14ac:dyDescent="0.25">
      <c r="A5558" s="1">
        <v>43576</v>
      </c>
      <c r="B5558" t="s">
        <v>3838</v>
      </c>
      <c r="C5558" t="s">
        <v>76</v>
      </c>
      <c r="D5558" t="s">
        <v>10</v>
      </c>
      <c r="E5558" t="s">
        <v>11</v>
      </c>
      <c r="F5558" s="2">
        <v>1</v>
      </c>
      <c r="G5558" t="s">
        <v>137</v>
      </c>
      <c r="H5558" t="s">
        <v>13</v>
      </c>
    </row>
    <row r="5559" spans="1:8" x14ac:dyDescent="0.25">
      <c r="A5559" s="1">
        <v>43574</v>
      </c>
      <c r="B5559" t="s">
        <v>3839</v>
      </c>
      <c r="C5559" t="s">
        <v>9</v>
      </c>
      <c r="D5559" t="s">
        <v>10</v>
      </c>
      <c r="E5559" t="s">
        <v>11</v>
      </c>
      <c r="F5559" s="2">
        <v>1</v>
      </c>
      <c r="G5559" t="s">
        <v>137</v>
      </c>
      <c r="H5559" t="s">
        <v>13</v>
      </c>
    </row>
    <row r="5560" spans="1:8" x14ac:dyDescent="0.25">
      <c r="A5560" s="1">
        <v>43574</v>
      </c>
      <c r="B5560" t="s">
        <v>3839</v>
      </c>
      <c r="C5560" t="s">
        <v>52</v>
      </c>
      <c r="D5560" t="s">
        <v>10</v>
      </c>
      <c r="E5560" t="s">
        <v>11</v>
      </c>
      <c r="F5560" s="2">
        <v>1</v>
      </c>
      <c r="G5560" t="s">
        <v>137</v>
      </c>
      <c r="H5560" t="s">
        <v>13</v>
      </c>
    </row>
    <row r="5561" spans="1:8" x14ac:dyDescent="0.25">
      <c r="A5561" s="1">
        <v>43574</v>
      </c>
      <c r="B5561" t="s">
        <v>3839</v>
      </c>
      <c r="C5561" t="s">
        <v>689</v>
      </c>
      <c r="D5561" t="s">
        <v>10</v>
      </c>
      <c r="E5561" t="s">
        <v>11</v>
      </c>
      <c r="F5561" s="2">
        <v>1</v>
      </c>
      <c r="G5561" t="s">
        <v>137</v>
      </c>
      <c r="H5561" t="s">
        <v>13</v>
      </c>
    </row>
    <row r="5562" spans="1:8" x14ac:dyDescent="0.25">
      <c r="A5562" s="1">
        <v>43573</v>
      </c>
      <c r="B5562" t="s">
        <v>3840</v>
      </c>
      <c r="C5562" t="s">
        <v>47</v>
      </c>
      <c r="D5562" t="s">
        <v>10</v>
      </c>
      <c r="E5562" t="s">
        <v>11</v>
      </c>
      <c r="F5562" s="2">
        <v>1</v>
      </c>
      <c r="G5562" t="s">
        <v>145</v>
      </c>
      <c r="H5562" t="s">
        <v>13</v>
      </c>
    </row>
    <row r="5563" spans="1:8" x14ac:dyDescent="0.25">
      <c r="A5563" s="1">
        <v>43573</v>
      </c>
      <c r="B5563" t="s">
        <v>3841</v>
      </c>
      <c r="C5563" t="s">
        <v>9</v>
      </c>
      <c r="D5563" t="s">
        <v>10</v>
      </c>
      <c r="E5563" t="s">
        <v>11</v>
      </c>
      <c r="F5563" s="2">
        <v>1</v>
      </c>
      <c r="G5563" t="s">
        <v>386</v>
      </c>
      <c r="H5563" t="s">
        <v>13</v>
      </c>
    </row>
    <row r="5564" spans="1:8" x14ac:dyDescent="0.25">
      <c r="A5564" s="1">
        <v>43573</v>
      </c>
      <c r="B5564" t="s">
        <v>3842</v>
      </c>
      <c r="C5564" t="s">
        <v>47</v>
      </c>
      <c r="D5564" t="s">
        <v>10</v>
      </c>
      <c r="E5564" t="s">
        <v>11</v>
      </c>
      <c r="F5564" s="2">
        <v>1</v>
      </c>
      <c r="G5564" t="s">
        <v>135</v>
      </c>
      <c r="H5564" t="s">
        <v>13</v>
      </c>
    </row>
    <row r="5565" spans="1:8" x14ac:dyDescent="0.25">
      <c r="A5565" s="1">
        <v>43572</v>
      </c>
      <c r="B5565" t="s">
        <v>3843</v>
      </c>
      <c r="C5565" t="s">
        <v>35</v>
      </c>
      <c r="D5565" t="s">
        <v>10</v>
      </c>
      <c r="E5565" t="s">
        <v>11</v>
      </c>
      <c r="F5565" s="2">
        <v>1</v>
      </c>
      <c r="G5565" t="s">
        <v>3778</v>
      </c>
      <c r="H5565" t="s">
        <v>13</v>
      </c>
    </row>
    <row r="5566" spans="1:8" x14ac:dyDescent="0.25">
      <c r="A5566" s="1">
        <v>43571</v>
      </c>
      <c r="B5566" t="s">
        <v>3844</v>
      </c>
      <c r="C5566" t="s">
        <v>79</v>
      </c>
      <c r="D5566" t="s">
        <v>10</v>
      </c>
      <c r="E5566" t="s">
        <v>11</v>
      </c>
      <c r="F5566" s="2">
        <v>1</v>
      </c>
      <c r="G5566" t="s">
        <v>279</v>
      </c>
      <c r="H5566" t="s">
        <v>13</v>
      </c>
    </row>
    <row r="5567" spans="1:8" x14ac:dyDescent="0.25">
      <c r="A5567" s="1">
        <v>43571</v>
      </c>
      <c r="B5567" t="s">
        <v>3845</v>
      </c>
      <c r="C5567" t="s">
        <v>47</v>
      </c>
      <c r="D5567" t="s">
        <v>10</v>
      </c>
      <c r="E5567" t="s">
        <v>11</v>
      </c>
      <c r="F5567" s="2">
        <v>1</v>
      </c>
      <c r="G5567" t="s">
        <v>31</v>
      </c>
      <c r="H5567" t="s">
        <v>13</v>
      </c>
    </row>
    <row r="5568" spans="1:8" x14ac:dyDescent="0.25">
      <c r="A5568" s="1">
        <v>43570</v>
      </c>
      <c r="B5568" t="s">
        <v>3846</v>
      </c>
      <c r="C5568" t="s">
        <v>35</v>
      </c>
      <c r="D5568" t="s">
        <v>10</v>
      </c>
      <c r="E5568" t="s">
        <v>11</v>
      </c>
      <c r="F5568" s="2">
        <v>1</v>
      </c>
      <c r="G5568" t="s">
        <v>46</v>
      </c>
      <c r="H5568" t="s">
        <v>13</v>
      </c>
    </row>
    <row r="5569" spans="1:8" x14ac:dyDescent="0.25">
      <c r="A5569" s="1">
        <v>43570</v>
      </c>
      <c r="B5569" t="s">
        <v>3847</v>
      </c>
      <c r="C5569" t="s">
        <v>510</v>
      </c>
      <c r="D5569" t="s">
        <v>10</v>
      </c>
      <c r="E5569" t="s">
        <v>11</v>
      </c>
      <c r="F5569" s="2">
        <v>1</v>
      </c>
      <c r="G5569" t="s">
        <v>1009</v>
      </c>
      <c r="H5569" t="s">
        <v>13</v>
      </c>
    </row>
    <row r="5570" spans="1:8" x14ac:dyDescent="0.25">
      <c r="A5570" s="1">
        <v>43570</v>
      </c>
      <c r="B5570" t="s">
        <v>3848</v>
      </c>
      <c r="C5570" t="s">
        <v>9</v>
      </c>
      <c r="D5570" t="s">
        <v>10</v>
      </c>
      <c r="E5570" t="s">
        <v>11</v>
      </c>
      <c r="F5570" s="2">
        <v>1</v>
      </c>
      <c r="G5570" t="s">
        <v>306</v>
      </c>
      <c r="H5570" t="s">
        <v>13</v>
      </c>
    </row>
    <row r="5571" spans="1:8" x14ac:dyDescent="0.25">
      <c r="A5571" s="1">
        <v>43570</v>
      </c>
      <c r="B5571" t="s">
        <v>3848</v>
      </c>
      <c r="C5571" t="s">
        <v>35</v>
      </c>
      <c r="D5571" t="s">
        <v>10</v>
      </c>
      <c r="E5571" t="s">
        <v>11</v>
      </c>
      <c r="F5571" s="2">
        <v>1</v>
      </c>
      <c r="G5571" t="s">
        <v>306</v>
      </c>
      <c r="H5571" t="s">
        <v>13</v>
      </c>
    </row>
    <row r="5572" spans="1:8" x14ac:dyDescent="0.25">
      <c r="A5572" s="1">
        <v>43570</v>
      </c>
      <c r="B5572" t="s">
        <v>3848</v>
      </c>
      <c r="C5572" t="s">
        <v>416</v>
      </c>
      <c r="D5572" t="s">
        <v>10</v>
      </c>
      <c r="E5572" t="s">
        <v>11</v>
      </c>
      <c r="F5572" s="2">
        <v>1</v>
      </c>
      <c r="G5572" t="s">
        <v>306</v>
      </c>
      <c r="H5572" t="s">
        <v>13</v>
      </c>
    </row>
    <row r="5573" spans="1:8" x14ac:dyDescent="0.25">
      <c r="A5573" s="1">
        <v>43570</v>
      </c>
      <c r="B5573" t="s">
        <v>3849</v>
      </c>
      <c r="C5573" t="s">
        <v>35</v>
      </c>
      <c r="D5573" t="s">
        <v>10</v>
      </c>
      <c r="E5573" t="s">
        <v>11</v>
      </c>
      <c r="F5573" s="2">
        <v>1</v>
      </c>
      <c r="G5573" t="s">
        <v>31</v>
      </c>
      <c r="H5573" t="s">
        <v>13</v>
      </c>
    </row>
    <row r="5574" spans="1:8" x14ac:dyDescent="0.25">
      <c r="A5574" s="1">
        <v>43570</v>
      </c>
      <c r="B5574" t="s">
        <v>3850</v>
      </c>
      <c r="C5574" t="s">
        <v>14</v>
      </c>
      <c r="D5574" t="s">
        <v>10</v>
      </c>
      <c r="E5574" t="s">
        <v>11</v>
      </c>
      <c r="F5574" s="2">
        <v>1</v>
      </c>
      <c r="G5574" t="s">
        <v>181</v>
      </c>
      <c r="H5574" t="s">
        <v>13</v>
      </c>
    </row>
    <row r="5575" spans="1:8" x14ac:dyDescent="0.25">
      <c r="A5575" s="1">
        <v>43568</v>
      </c>
      <c r="B5575" t="s">
        <v>3851</v>
      </c>
      <c r="C5575" t="s">
        <v>413</v>
      </c>
      <c r="D5575" t="s">
        <v>10</v>
      </c>
      <c r="E5575" t="s">
        <v>11</v>
      </c>
      <c r="F5575" s="2">
        <v>1</v>
      </c>
      <c r="G5575" t="s">
        <v>93</v>
      </c>
      <c r="H5575" t="s">
        <v>13</v>
      </c>
    </row>
    <row r="5576" spans="1:8" x14ac:dyDescent="0.25">
      <c r="A5576" s="1">
        <v>43568</v>
      </c>
      <c r="B5576" t="s">
        <v>3852</v>
      </c>
      <c r="C5576" t="s">
        <v>19</v>
      </c>
      <c r="D5576" t="s">
        <v>10</v>
      </c>
      <c r="E5576" t="s">
        <v>11</v>
      </c>
      <c r="F5576" s="2">
        <v>1</v>
      </c>
      <c r="G5576" t="s">
        <v>100</v>
      </c>
      <c r="H5576" t="s">
        <v>13</v>
      </c>
    </row>
    <row r="5577" spans="1:8" x14ac:dyDescent="0.25">
      <c r="A5577" s="1">
        <v>43568</v>
      </c>
      <c r="B5577" t="s">
        <v>3853</v>
      </c>
      <c r="C5577" t="s">
        <v>481</v>
      </c>
      <c r="D5577" t="s">
        <v>10</v>
      </c>
      <c r="E5577" t="s">
        <v>11</v>
      </c>
      <c r="F5577" s="2">
        <v>1</v>
      </c>
      <c r="G5577" t="s">
        <v>135</v>
      </c>
      <c r="H5577" t="s">
        <v>13</v>
      </c>
    </row>
    <row r="5578" spans="1:8" x14ac:dyDescent="0.25">
      <c r="A5578" s="1">
        <v>43566</v>
      </c>
      <c r="B5578" t="s">
        <v>3854</v>
      </c>
      <c r="C5578" t="s">
        <v>47</v>
      </c>
      <c r="D5578" t="s">
        <v>10</v>
      </c>
      <c r="E5578" t="s">
        <v>11</v>
      </c>
      <c r="F5578" s="2">
        <v>1</v>
      </c>
      <c r="G5578" t="s">
        <v>181</v>
      </c>
      <c r="H5578" t="s">
        <v>13</v>
      </c>
    </row>
    <row r="5579" spans="1:8" x14ac:dyDescent="0.25">
      <c r="A5579" s="1">
        <v>43566</v>
      </c>
      <c r="B5579" t="s">
        <v>3854</v>
      </c>
      <c r="C5579" t="s">
        <v>47</v>
      </c>
      <c r="D5579" t="s">
        <v>10</v>
      </c>
      <c r="E5579" t="s">
        <v>11</v>
      </c>
      <c r="F5579" s="2">
        <v>1</v>
      </c>
      <c r="G5579" t="s">
        <v>181</v>
      </c>
      <c r="H5579" t="s">
        <v>13</v>
      </c>
    </row>
    <row r="5580" spans="1:8" x14ac:dyDescent="0.25">
      <c r="A5580" s="1">
        <v>43566</v>
      </c>
      <c r="B5580" t="s">
        <v>3855</v>
      </c>
      <c r="C5580" t="s">
        <v>9</v>
      </c>
      <c r="D5580" t="s">
        <v>10</v>
      </c>
      <c r="E5580" t="s">
        <v>11</v>
      </c>
      <c r="F5580" s="2">
        <v>1</v>
      </c>
      <c r="G5580" t="s">
        <v>111</v>
      </c>
      <c r="H5580" t="s">
        <v>13</v>
      </c>
    </row>
    <row r="5581" spans="1:8" x14ac:dyDescent="0.25">
      <c r="A5581" s="1">
        <v>43566</v>
      </c>
      <c r="B5581" t="s">
        <v>3855</v>
      </c>
      <c r="C5581" t="s">
        <v>35</v>
      </c>
      <c r="D5581" t="s">
        <v>10</v>
      </c>
      <c r="E5581" t="s">
        <v>11</v>
      </c>
      <c r="F5581" s="2">
        <v>1</v>
      </c>
      <c r="G5581" t="s">
        <v>111</v>
      </c>
      <c r="H5581" t="s">
        <v>13</v>
      </c>
    </row>
    <row r="5582" spans="1:8" x14ac:dyDescent="0.25">
      <c r="A5582" s="1">
        <v>43566</v>
      </c>
      <c r="B5582" t="s">
        <v>3855</v>
      </c>
      <c r="C5582" t="s">
        <v>271</v>
      </c>
      <c r="D5582" t="s">
        <v>10</v>
      </c>
      <c r="E5582" t="s">
        <v>11</v>
      </c>
      <c r="F5582" s="2">
        <v>1</v>
      </c>
      <c r="G5582" t="s">
        <v>111</v>
      </c>
      <c r="H5582" t="s">
        <v>13</v>
      </c>
    </row>
    <row r="5583" spans="1:8" x14ac:dyDescent="0.25">
      <c r="A5583" s="1">
        <v>43565</v>
      </c>
      <c r="B5583" t="s">
        <v>3856</v>
      </c>
      <c r="C5583" t="s">
        <v>19</v>
      </c>
      <c r="D5583" t="s">
        <v>10</v>
      </c>
      <c r="E5583" t="s">
        <v>11</v>
      </c>
      <c r="F5583" s="2">
        <v>1</v>
      </c>
      <c r="G5583" t="s">
        <v>53</v>
      </c>
      <c r="H5583" t="s">
        <v>13</v>
      </c>
    </row>
    <row r="5584" spans="1:8" x14ac:dyDescent="0.25">
      <c r="A5584" s="1">
        <v>43565</v>
      </c>
      <c r="B5584" t="s">
        <v>3856</v>
      </c>
      <c r="C5584" t="s">
        <v>19</v>
      </c>
      <c r="D5584" t="s">
        <v>10</v>
      </c>
      <c r="E5584" t="s">
        <v>11</v>
      </c>
      <c r="F5584" s="2">
        <v>1</v>
      </c>
      <c r="G5584" t="s">
        <v>53</v>
      </c>
      <c r="H5584" t="s">
        <v>13</v>
      </c>
    </row>
    <row r="5585" spans="1:8" x14ac:dyDescent="0.25">
      <c r="A5585" s="1">
        <v>43565</v>
      </c>
      <c r="B5585" t="s">
        <v>3856</v>
      </c>
      <c r="C5585" t="s">
        <v>103</v>
      </c>
      <c r="D5585" t="s">
        <v>10</v>
      </c>
      <c r="E5585" t="s">
        <v>11</v>
      </c>
      <c r="F5585" s="2">
        <v>1</v>
      </c>
      <c r="G5585" t="s">
        <v>53</v>
      </c>
      <c r="H5585" t="s">
        <v>13</v>
      </c>
    </row>
    <row r="5586" spans="1:8" x14ac:dyDescent="0.25">
      <c r="A5586" s="1">
        <v>43565</v>
      </c>
      <c r="B5586" t="s">
        <v>3856</v>
      </c>
      <c r="C5586" t="s">
        <v>103</v>
      </c>
      <c r="D5586" t="s">
        <v>10</v>
      </c>
      <c r="E5586" t="s">
        <v>11</v>
      </c>
      <c r="F5586" s="2">
        <v>1</v>
      </c>
      <c r="G5586" t="s">
        <v>53</v>
      </c>
      <c r="H5586" t="s">
        <v>13</v>
      </c>
    </row>
    <row r="5587" spans="1:8" x14ac:dyDescent="0.25">
      <c r="A5587" s="1">
        <v>43565</v>
      </c>
      <c r="B5587" t="s">
        <v>3856</v>
      </c>
      <c r="C5587" t="s">
        <v>689</v>
      </c>
      <c r="D5587" t="s">
        <v>10</v>
      </c>
      <c r="E5587" t="s">
        <v>11</v>
      </c>
      <c r="F5587" s="2">
        <v>1</v>
      </c>
      <c r="G5587" t="s">
        <v>53</v>
      </c>
      <c r="H5587" t="s">
        <v>13</v>
      </c>
    </row>
    <row r="5588" spans="1:8" x14ac:dyDescent="0.25">
      <c r="A5588" s="1">
        <v>43565</v>
      </c>
      <c r="B5588" t="s">
        <v>3856</v>
      </c>
      <c r="C5588" t="s">
        <v>689</v>
      </c>
      <c r="D5588" t="s">
        <v>10</v>
      </c>
      <c r="E5588" t="s">
        <v>11</v>
      </c>
      <c r="F5588" s="2">
        <v>1</v>
      </c>
      <c r="G5588" t="s">
        <v>53</v>
      </c>
      <c r="H5588" t="s">
        <v>13</v>
      </c>
    </row>
    <row r="5589" spans="1:8" x14ac:dyDescent="0.25">
      <c r="A5589" s="1">
        <v>43562</v>
      </c>
      <c r="B5589" t="s">
        <v>3857</v>
      </c>
      <c r="C5589" t="s">
        <v>79</v>
      </c>
      <c r="D5589" t="s">
        <v>10</v>
      </c>
      <c r="E5589" t="s">
        <v>11</v>
      </c>
      <c r="F5589" s="2">
        <v>1</v>
      </c>
      <c r="G5589" t="s">
        <v>279</v>
      </c>
      <c r="H5589" t="s">
        <v>13</v>
      </c>
    </row>
    <row r="5590" spans="1:8" x14ac:dyDescent="0.25">
      <c r="A5590" s="1">
        <v>43562</v>
      </c>
      <c r="B5590" t="s">
        <v>3857</v>
      </c>
      <c r="C5590" t="s">
        <v>80</v>
      </c>
      <c r="D5590" t="s">
        <v>10</v>
      </c>
      <c r="E5590" t="s">
        <v>11</v>
      </c>
      <c r="F5590" s="2">
        <v>1</v>
      </c>
      <c r="G5590" t="s">
        <v>279</v>
      </c>
      <c r="H5590" t="s">
        <v>13</v>
      </c>
    </row>
    <row r="5591" spans="1:8" x14ac:dyDescent="0.25">
      <c r="A5591" s="1">
        <v>43562</v>
      </c>
      <c r="B5591" t="s">
        <v>3858</v>
      </c>
      <c r="C5591" t="s">
        <v>410</v>
      </c>
      <c r="D5591" t="s">
        <v>10</v>
      </c>
      <c r="E5591" t="s">
        <v>11</v>
      </c>
      <c r="F5591" s="2">
        <v>1</v>
      </c>
      <c r="G5591" t="s">
        <v>31</v>
      </c>
      <c r="H5591" t="s">
        <v>13</v>
      </c>
    </row>
    <row r="5592" spans="1:8" x14ac:dyDescent="0.25">
      <c r="A5592" s="1">
        <v>43561</v>
      </c>
      <c r="B5592" t="s">
        <v>3859</v>
      </c>
      <c r="C5592" t="s">
        <v>47</v>
      </c>
      <c r="D5592" t="s">
        <v>10</v>
      </c>
      <c r="E5592" t="s">
        <v>11</v>
      </c>
      <c r="F5592" s="2">
        <v>1</v>
      </c>
      <c r="G5592" t="s">
        <v>197</v>
      </c>
      <c r="H5592" t="s">
        <v>13</v>
      </c>
    </row>
    <row r="5593" spans="1:8" x14ac:dyDescent="0.25">
      <c r="A5593" s="1">
        <v>43561</v>
      </c>
      <c r="B5593" t="s">
        <v>3860</v>
      </c>
      <c r="C5593" t="s">
        <v>52</v>
      </c>
      <c r="D5593" t="s">
        <v>10</v>
      </c>
      <c r="E5593" t="s">
        <v>11</v>
      </c>
      <c r="F5593" s="2">
        <v>1</v>
      </c>
      <c r="G5593" t="s">
        <v>53</v>
      </c>
      <c r="H5593" t="s">
        <v>13</v>
      </c>
    </row>
    <row r="5594" spans="1:8" x14ac:dyDescent="0.25">
      <c r="A5594" s="1">
        <v>43561</v>
      </c>
      <c r="B5594" t="s">
        <v>3860</v>
      </c>
      <c r="C5594" t="s">
        <v>35</v>
      </c>
      <c r="D5594" t="s">
        <v>10</v>
      </c>
      <c r="E5594" t="s">
        <v>11</v>
      </c>
      <c r="F5594" s="2">
        <v>1</v>
      </c>
      <c r="G5594" t="s">
        <v>53</v>
      </c>
      <c r="H5594" t="s">
        <v>13</v>
      </c>
    </row>
    <row r="5595" spans="1:8" x14ac:dyDescent="0.25">
      <c r="A5595" s="1">
        <v>43561</v>
      </c>
      <c r="B5595" t="s">
        <v>3861</v>
      </c>
      <c r="C5595" t="s">
        <v>16</v>
      </c>
      <c r="D5595" t="s">
        <v>10</v>
      </c>
      <c r="E5595" t="s">
        <v>11</v>
      </c>
      <c r="F5595" s="2">
        <v>1</v>
      </c>
      <c r="G5595" t="s">
        <v>20</v>
      </c>
      <c r="H5595" t="s">
        <v>13</v>
      </c>
    </row>
    <row r="5596" spans="1:8" x14ac:dyDescent="0.25">
      <c r="A5596" s="1">
        <v>43561</v>
      </c>
      <c r="B5596" t="s">
        <v>3861</v>
      </c>
      <c r="C5596" t="s">
        <v>150</v>
      </c>
      <c r="D5596" t="s">
        <v>10</v>
      </c>
      <c r="E5596" t="s">
        <v>11</v>
      </c>
      <c r="F5596" s="2">
        <v>1</v>
      </c>
      <c r="G5596" t="s">
        <v>20</v>
      </c>
      <c r="H5596" t="s">
        <v>13</v>
      </c>
    </row>
    <row r="5597" spans="1:8" x14ac:dyDescent="0.25">
      <c r="A5597" s="1">
        <v>43561</v>
      </c>
      <c r="B5597" t="s">
        <v>3861</v>
      </c>
      <c r="C5597" t="s">
        <v>301</v>
      </c>
      <c r="D5597" t="s">
        <v>10</v>
      </c>
      <c r="E5597" t="s">
        <v>11</v>
      </c>
      <c r="F5597" s="2">
        <v>1</v>
      </c>
      <c r="G5597" t="s">
        <v>20</v>
      </c>
      <c r="H5597" t="s">
        <v>13</v>
      </c>
    </row>
    <row r="5598" spans="1:8" x14ac:dyDescent="0.25">
      <c r="A5598" s="1">
        <v>43561</v>
      </c>
      <c r="B5598" t="s">
        <v>3862</v>
      </c>
      <c r="C5598" t="s">
        <v>19</v>
      </c>
      <c r="D5598" t="s">
        <v>10</v>
      </c>
      <c r="E5598" t="s">
        <v>11</v>
      </c>
      <c r="F5598" s="2">
        <v>1</v>
      </c>
      <c r="G5598" t="s">
        <v>574</v>
      </c>
      <c r="H5598" t="s">
        <v>13</v>
      </c>
    </row>
    <row r="5599" spans="1:8" x14ac:dyDescent="0.25">
      <c r="A5599" s="1">
        <v>43561</v>
      </c>
      <c r="B5599" t="s">
        <v>3863</v>
      </c>
      <c r="C5599" t="s">
        <v>118</v>
      </c>
      <c r="D5599" t="s">
        <v>10</v>
      </c>
      <c r="E5599" t="s">
        <v>11</v>
      </c>
      <c r="F5599" s="2">
        <v>1</v>
      </c>
      <c r="G5599" t="s">
        <v>12</v>
      </c>
      <c r="H5599" t="s">
        <v>13</v>
      </c>
    </row>
    <row r="5600" spans="1:8" x14ac:dyDescent="0.25">
      <c r="A5600" s="1">
        <v>43561</v>
      </c>
      <c r="B5600" t="s">
        <v>3863</v>
      </c>
      <c r="C5600" t="s">
        <v>118</v>
      </c>
      <c r="D5600" t="s">
        <v>10</v>
      </c>
      <c r="E5600" t="s">
        <v>11</v>
      </c>
      <c r="F5600" s="2">
        <v>1</v>
      </c>
      <c r="G5600" t="s">
        <v>12</v>
      </c>
      <c r="H5600" t="s">
        <v>13</v>
      </c>
    </row>
    <row r="5601" spans="1:8" x14ac:dyDescent="0.25">
      <c r="A5601" s="1">
        <v>43561</v>
      </c>
      <c r="B5601" t="s">
        <v>3863</v>
      </c>
      <c r="C5601" t="s">
        <v>689</v>
      </c>
      <c r="D5601" t="s">
        <v>10</v>
      </c>
      <c r="E5601" t="s">
        <v>11</v>
      </c>
      <c r="F5601" s="2">
        <v>1</v>
      </c>
      <c r="G5601" t="s">
        <v>12</v>
      </c>
      <c r="H5601" t="s">
        <v>13</v>
      </c>
    </row>
    <row r="5602" spans="1:8" x14ac:dyDescent="0.25">
      <c r="A5602" s="1">
        <v>43561</v>
      </c>
      <c r="B5602" t="s">
        <v>3863</v>
      </c>
      <c r="C5602" t="s">
        <v>689</v>
      </c>
      <c r="D5602" t="s">
        <v>10</v>
      </c>
      <c r="E5602" t="s">
        <v>11</v>
      </c>
      <c r="F5602" s="2">
        <v>1</v>
      </c>
      <c r="G5602" t="s">
        <v>12</v>
      </c>
      <c r="H5602" t="s">
        <v>13</v>
      </c>
    </row>
    <row r="5603" spans="1:8" x14ac:dyDescent="0.25">
      <c r="A5603" s="1">
        <v>43560</v>
      </c>
      <c r="B5603" t="s">
        <v>3864</v>
      </c>
      <c r="C5603" t="s">
        <v>9</v>
      </c>
      <c r="D5603" t="s">
        <v>10</v>
      </c>
      <c r="E5603" t="s">
        <v>11</v>
      </c>
      <c r="F5603" s="2">
        <v>1</v>
      </c>
      <c r="G5603" t="s">
        <v>20</v>
      </c>
      <c r="H5603" t="s">
        <v>13</v>
      </c>
    </row>
    <row r="5604" spans="1:8" x14ac:dyDescent="0.25">
      <c r="A5604" s="1">
        <v>43559</v>
      </c>
      <c r="B5604" t="s">
        <v>3865</v>
      </c>
      <c r="C5604" t="s">
        <v>3866</v>
      </c>
      <c r="D5604" t="s">
        <v>10</v>
      </c>
      <c r="E5604" t="s">
        <v>11</v>
      </c>
      <c r="F5604" s="2">
        <v>1</v>
      </c>
      <c r="G5604" t="s">
        <v>275</v>
      </c>
      <c r="H5604" t="s">
        <v>13</v>
      </c>
    </row>
    <row r="5605" spans="1:8" x14ac:dyDescent="0.25">
      <c r="A5605" s="1">
        <v>43559</v>
      </c>
      <c r="B5605" t="s">
        <v>3867</v>
      </c>
      <c r="C5605" t="s">
        <v>9</v>
      </c>
      <c r="D5605" t="s">
        <v>10</v>
      </c>
      <c r="E5605" t="s">
        <v>11</v>
      </c>
      <c r="F5605" s="2">
        <v>1</v>
      </c>
      <c r="G5605" t="s">
        <v>31</v>
      </c>
      <c r="H5605" t="s">
        <v>13</v>
      </c>
    </row>
    <row r="5606" spans="1:8" x14ac:dyDescent="0.25">
      <c r="A5606" s="1">
        <v>43558</v>
      </c>
      <c r="B5606" t="s">
        <v>3868</v>
      </c>
      <c r="C5606" t="s">
        <v>42</v>
      </c>
      <c r="D5606" t="s">
        <v>10</v>
      </c>
      <c r="E5606" t="s">
        <v>11</v>
      </c>
      <c r="F5606" s="2">
        <v>1</v>
      </c>
      <c r="G5606" t="s">
        <v>496</v>
      </c>
      <c r="H5606" t="s">
        <v>13</v>
      </c>
    </row>
    <row r="5607" spans="1:8" x14ac:dyDescent="0.25">
      <c r="A5607" s="1">
        <v>43558</v>
      </c>
      <c r="B5607" t="s">
        <v>3869</v>
      </c>
      <c r="C5607" t="s">
        <v>9</v>
      </c>
      <c r="D5607" t="s">
        <v>10</v>
      </c>
      <c r="E5607" t="s">
        <v>11</v>
      </c>
      <c r="F5607" s="2">
        <v>1</v>
      </c>
      <c r="G5607" t="s">
        <v>83</v>
      </c>
      <c r="H5607" t="s">
        <v>13</v>
      </c>
    </row>
    <row r="5608" spans="1:8" x14ac:dyDescent="0.25">
      <c r="A5608" s="1">
        <v>43558</v>
      </c>
      <c r="B5608" t="s">
        <v>3869</v>
      </c>
      <c r="C5608" t="s">
        <v>35</v>
      </c>
      <c r="D5608" t="s">
        <v>10</v>
      </c>
      <c r="E5608" t="s">
        <v>11</v>
      </c>
      <c r="F5608" s="2">
        <v>1</v>
      </c>
      <c r="G5608" t="s">
        <v>83</v>
      </c>
      <c r="H5608" t="s">
        <v>13</v>
      </c>
    </row>
    <row r="5609" spans="1:8" x14ac:dyDescent="0.25">
      <c r="A5609" s="1">
        <v>43556</v>
      </c>
      <c r="B5609" t="s">
        <v>3870</v>
      </c>
      <c r="C5609" t="s">
        <v>9</v>
      </c>
      <c r="D5609" t="s">
        <v>10</v>
      </c>
      <c r="E5609" t="s">
        <v>11</v>
      </c>
      <c r="F5609" s="2">
        <v>1</v>
      </c>
      <c r="G5609" t="s">
        <v>145</v>
      </c>
      <c r="H5609" t="s">
        <v>13</v>
      </c>
    </row>
    <row r="5610" spans="1:8" x14ac:dyDescent="0.25">
      <c r="A5610" s="1">
        <v>43556</v>
      </c>
      <c r="B5610" t="s">
        <v>3870</v>
      </c>
      <c r="C5610" t="s">
        <v>28</v>
      </c>
      <c r="D5610" t="s">
        <v>10</v>
      </c>
      <c r="E5610" t="s">
        <v>11</v>
      </c>
      <c r="F5610" s="2">
        <v>1</v>
      </c>
      <c r="G5610" t="s">
        <v>145</v>
      </c>
      <c r="H5610" t="s">
        <v>13</v>
      </c>
    </row>
    <row r="5611" spans="1:8" x14ac:dyDescent="0.25">
      <c r="A5611" s="1">
        <v>43556</v>
      </c>
      <c r="B5611" t="s">
        <v>3870</v>
      </c>
      <c r="C5611" t="s">
        <v>1883</v>
      </c>
      <c r="D5611" t="s">
        <v>10</v>
      </c>
      <c r="E5611" t="s">
        <v>11</v>
      </c>
      <c r="F5611" s="2">
        <v>1</v>
      </c>
      <c r="G5611" t="s">
        <v>145</v>
      </c>
      <c r="H5611" t="s">
        <v>13</v>
      </c>
    </row>
    <row r="5612" spans="1:8" x14ac:dyDescent="0.25">
      <c r="A5612" s="1">
        <v>43556</v>
      </c>
      <c r="B5612" t="s">
        <v>3871</v>
      </c>
      <c r="C5612" t="s">
        <v>52</v>
      </c>
      <c r="D5612" t="s">
        <v>10</v>
      </c>
      <c r="E5612" t="s">
        <v>11</v>
      </c>
      <c r="F5612" s="2">
        <v>1</v>
      </c>
      <c r="G5612" t="s">
        <v>1188</v>
      </c>
      <c r="H5612" t="s">
        <v>13</v>
      </c>
    </row>
    <row r="5613" spans="1:8" x14ac:dyDescent="0.25">
      <c r="A5613" s="1">
        <v>43556</v>
      </c>
      <c r="B5613" t="s">
        <v>3872</v>
      </c>
      <c r="C5613" t="s">
        <v>780</v>
      </c>
      <c r="D5613" t="s">
        <v>26</v>
      </c>
      <c r="E5613" t="s">
        <v>11</v>
      </c>
      <c r="F5613" s="2">
        <v>1</v>
      </c>
      <c r="G5613" t="s">
        <v>53</v>
      </c>
      <c r="H5613" t="s">
        <v>13</v>
      </c>
    </row>
    <row r="5614" spans="1:8" x14ac:dyDescent="0.25">
      <c r="A5614" s="1">
        <v>43556</v>
      </c>
      <c r="B5614" t="s">
        <v>3872</v>
      </c>
      <c r="C5614" t="s">
        <v>1043</v>
      </c>
      <c r="D5614" t="s">
        <v>26</v>
      </c>
      <c r="E5614" t="s">
        <v>11</v>
      </c>
      <c r="F5614" s="2">
        <v>1</v>
      </c>
      <c r="G5614" t="s">
        <v>53</v>
      </c>
      <c r="H5614" t="s">
        <v>13</v>
      </c>
    </row>
    <row r="5615" spans="1:8" x14ac:dyDescent="0.25">
      <c r="A5615" s="1">
        <v>43556</v>
      </c>
      <c r="B5615" t="s">
        <v>3873</v>
      </c>
      <c r="C5615" t="s">
        <v>689</v>
      </c>
      <c r="D5615" t="s">
        <v>10</v>
      </c>
      <c r="E5615" t="s">
        <v>11</v>
      </c>
      <c r="F5615" s="2">
        <v>1</v>
      </c>
      <c r="G5615" t="s">
        <v>2299</v>
      </c>
      <c r="H5615" t="s">
        <v>13</v>
      </c>
    </row>
    <row r="5616" spans="1:8" x14ac:dyDescent="0.25">
      <c r="A5616" s="1">
        <v>43556</v>
      </c>
      <c r="B5616" t="s">
        <v>3873</v>
      </c>
      <c r="C5616" t="s">
        <v>689</v>
      </c>
      <c r="D5616" t="s">
        <v>10</v>
      </c>
      <c r="E5616" t="s">
        <v>11</v>
      </c>
      <c r="F5616" s="2">
        <v>1</v>
      </c>
      <c r="G5616" t="s">
        <v>2299</v>
      </c>
      <c r="H5616" t="s">
        <v>13</v>
      </c>
    </row>
    <row r="5617" spans="1:8" x14ac:dyDescent="0.25">
      <c r="A5617" s="1">
        <v>43555</v>
      </c>
      <c r="B5617" t="s">
        <v>3874</v>
      </c>
      <c r="C5617" t="s">
        <v>80</v>
      </c>
      <c r="D5617" t="s">
        <v>10</v>
      </c>
      <c r="E5617" t="s">
        <v>11</v>
      </c>
      <c r="F5617" s="2">
        <v>1</v>
      </c>
      <c r="G5617" t="s">
        <v>111</v>
      </c>
      <c r="H5617" t="s">
        <v>13</v>
      </c>
    </row>
    <row r="5618" spans="1:8" x14ac:dyDescent="0.25">
      <c r="A5618" s="1">
        <v>43553</v>
      </c>
      <c r="B5618" t="s">
        <v>3875</v>
      </c>
      <c r="C5618" t="s">
        <v>118</v>
      </c>
      <c r="D5618" t="s">
        <v>10</v>
      </c>
      <c r="E5618" t="s">
        <v>11</v>
      </c>
      <c r="F5618" s="2">
        <v>1</v>
      </c>
      <c r="G5618" t="s">
        <v>72</v>
      </c>
      <c r="H5618" t="s">
        <v>13</v>
      </c>
    </row>
    <row r="5619" spans="1:8" x14ac:dyDescent="0.25">
      <c r="A5619" s="1">
        <v>43553</v>
      </c>
      <c r="B5619" t="s">
        <v>3875</v>
      </c>
      <c r="C5619" t="s">
        <v>35</v>
      </c>
      <c r="D5619" t="s">
        <v>10</v>
      </c>
      <c r="E5619" t="s">
        <v>11</v>
      </c>
      <c r="F5619" s="2">
        <v>1</v>
      </c>
      <c r="G5619" t="s">
        <v>72</v>
      </c>
      <c r="H5619" t="s">
        <v>13</v>
      </c>
    </row>
    <row r="5620" spans="1:8" x14ac:dyDescent="0.25">
      <c r="A5620" s="1">
        <v>43553</v>
      </c>
      <c r="B5620" t="s">
        <v>3875</v>
      </c>
      <c r="C5620" t="s">
        <v>14</v>
      </c>
      <c r="D5620" t="s">
        <v>10</v>
      </c>
      <c r="E5620" t="s">
        <v>11</v>
      </c>
      <c r="F5620" s="2">
        <v>1</v>
      </c>
      <c r="G5620" t="s">
        <v>72</v>
      </c>
      <c r="H5620" t="s">
        <v>13</v>
      </c>
    </row>
    <row r="5621" spans="1:8" x14ac:dyDescent="0.25">
      <c r="A5621" s="1">
        <v>43552</v>
      </c>
      <c r="B5621" t="s">
        <v>3876</v>
      </c>
      <c r="C5621" t="s">
        <v>79</v>
      </c>
      <c r="D5621" t="s">
        <v>10</v>
      </c>
      <c r="E5621" t="s">
        <v>11</v>
      </c>
      <c r="F5621" s="2">
        <v>1</v>
      </c>
      <c r="G5621" t="s">
        <v>72</v>
      </c>
      <c r="H5621" t="s">
        <v>13</v>
      </c>
    </row>
    <row r="5622" spans="1:8" x14ac:dyDescent="0.25">
      <c r="A5622" s="1">
        <v>43552</v>
      </c>
      <c r="B5622" t="s">
        <v>3877</v>
      </c>
      <c r="C5622" t="s">
        <v>9</v>
      </c>
      <c r="D5622" t="s">
        <v>10</v>
      </c>
      <c r="E5622" t="s">
        <v>11</v>
      </c>
      <c r="F5622" s="2">
        <v>1</v>
      </c>
      <c r="G5622" t="s">
        <v>20</v>
      </c>
      <c r="H5622" t="s">
        <v>13</v>
      </c>
    </row>
    <row r="5623" spans="1:8" x14ac:dyDescent="0.25">
      <c r="A5623" s="1">
        <v>43551</v>
      </c>
      <c r="B5623" t="s">
        <v>3878</v>
      </c>
      <c r="C5623" t="s">
        <v>19</v>
      </c>
      <c r="D5623" t="s">
        <v>10</v>
      </c>
      <c r="E5623" t="s">
        <v>11</v>
      </c>
      <c r="F5623" s="2">
        <v>1</v>
      </c>
      <c r="G5623" t="s">
        <v>40</v>
      </c>
      <c r="H5623" t="s">
        <v>13</v>
      </c>
    </row>
    <row r="5624" spans="1:8" x14ac:dyDescent="0.25">
      <c r="A5624" s="1">
        <v>43551</v>
      </c>
      <c r="B5624" t="s">
        <v>3879</v>
      </c>
      <c r="C5624" t="s">
        <v>9</v>
      </c>
      <c r="D5624" t="s">
        <v>10</v>
      </c>
      <c r="E5624" t="s">
        <v>11</v>
      </c>
      <c r="F5624" s="2">
        <v>1</v>
      </c>
      <c r="G5624" t="s">
        <v>353</v>
      </c>
      <c r="H5624" t="s">
        <v>13</v>
      </c>
    </row>
    <row r="5625" spans="1:8" x14ac:dyDescent="0.25">
      <c r="A5625" s="1">
        <v>43548</v>
      </c>
      <c r="B5625" t="s">
        <v>3880</v>
      </c>
      <c r="C5625" t="s">
        <v>16</v>
      </c>
      <c r="D5625" t="s">
        <v>10</v>
      </c>
      <c r="E5625" t="s">
        <v>11</v>
      </c>
      <c r="F5625" s="2">
        <v>1</v>
      </c>
      <c r="G5625" t="s">
        <v>100</v>
      </c>
      <c r="H5625" t="s">
        <v>13</v>
      </c>
    </row>
    <row r="5626" spans="1:8" x14ac:dyDescent="0.25">
      <c r="A5626" s="1">
        <v>43548</v>
      </c>
      <c r="B5626" t="s">
        <v>3880</v>
      </c>
      <c r="C5626" t="s">
        <v>271</v>
      </c>
      <c r="D5626" t="s">
        <v>10</v>
      </c>
      <c r="E5626" t="s">
        <v>11</v>
      </c>
      <c r="F5626" s="2">
        <v>1</v>
      </c>
      <c r="G5626" t="s">
        <v>100</v>
      </c>
      <c r="H5626" t="s">
        <v>13</v>
      </c>
    </row>
    <row r="5627" spans="1:8" x14ac:dyDescent="0.25">
      <c r="A5627" s="1">
        <v>43543</v>
      </c>
      <c r="B5627" t="s">
        <v>3881</v>
      </c>
      <c r="C5627" t="s">
        <v>9</v>
      </c>
      <c r="D5627" t="s">
        <v>10</v>
      </c>
      <c r="E5627" t="s">
        <v>11</v>
      </c>
      <c r="F5627" s="2">
        <v>1</v>
      </c>
      <c r="G5627" t="s">
        <v>411</v>
      </c>
      <c r="H5627" t="s">
        <v>13</v>
      </c>
    </row>
    <row r="5628" spans="1:8" x14ac:dyDescent="0.25">
      <c r="A5628" s="1">
        <v>43543</v>
      </c>
      <c r="B5628" t="s">
        <v>3881</v>
      </c>
      <c r="C5628" t="s">
        <v>29</v>
      </c>
      <c r="D5628" t="s">
        <v>10</v>
      </c>
      <c r="E5628" t="s">
        <v>11</v>
      </c>
      <c r="F5628" s="2">
        <v>1</v>
      </c>
      <c r="G5628" t="s">
        <v>411</v>
      </c>
      <c r="H5628" t="s">
        <v>13</v>
      </c>
    </row>
    <row r="5629" spans="1:8" x14ac:dyDescent="0.25">
      <c r="A5629" s="1">
        <v>43540</v>
      </c>
      <c r="B5629" t="s">
        <v>3882</v>
      </c>
      <c r="C5629" t="s">
        <v>35</v>
      </c>
      <c r="D5629" t="s">
        <v>10</v>
      </c>
      <c r="E5629" t="s">
        <v>11</v>
      </c>
      <c r="F5629" s="2">
        <v>1</v>
      </c>
      <c r="G5629" t="s">
        <v>53</v>
      </c>
      <c r="H5629" t="s">
        <v>13</v>
      </c>
    </row>
    <row r="5630" spans="1:8" x14ac:dyDescent="0.25">
      <c r="A5630" s="1">
        <v>43540</v>
      </c>
      <c r="B5630" t="s">
        <v>3882</v>
      </c>
      <c r="C5630" t="s">
        <v>47</v>
      </c>
      <c r="D5630" t="s">
        <v>10</v>
      </c>
      <c r="E5630" t="s">
        <v>11</v>
      </c>
      <c r="F5630" s="2">
        <v>1</v>
      </c>
      <c r="G5630" t="s">
        <v>53</v>
      </c>
      <c r="H5630" t="s">
        <v>13</v>
      </c>
    </row>
    <row r="5631" spans="1:8" x14ac:dyDescent="0.25">
      <c r="A5631" s="1">
        <v>43540</v>
      </c>
      <c r="B5631" t="s">
        <v>3882</v>
      </c>
      <c r="C5631" t="s">
        <v>151</v>
      </c>
      <c r="D5631" t="s">
        <v>10</v>
      </c>
      <c r="E5631" t="s">
        <v>11</v>
      </c>
      <c r="F5631" s="2">
        <v>1</v>
      </c>
      <c r="G5631" t="s">
        <v>53</v>
      </c>
      <c r="H5631" t="s">
        <v>13</v>
      </c>
    </row>
    <row r="5632" spans="1:8" x14ac:dyDescent="0.25">
      <c r="A5632" s="1">
        <v>43539</v>
      </c>
      <c r="B5632" t="s">
        <v>3883</v>
      </c>
      <c r="C5632" t="s">
        <v>19</v>
      </c>
      <c r="D5632" t="s">
        <v>10</v>
      </c>
      <c r="E5632" t="s">
        <v>11</v>
      </c>
      <c r="F5632" s="2">
        <v>1</v>
      </c>
      <c r="G5632" t="s">
        <v>1188</v>
      </c>
      <c r="H5632" t="s">
        <v>13</v>
      </c>
    </row>
    <row r="5633" spans="1:8" x14ac:dyDescent="0.25">
      <c r="A5633" s="1">
        <v>43539</v>
      </c>
      <c r="B5633" t="s">
        <v>3884</v>
      </c>
      <c r="C5633" t="s">
        <v>9</v>
      </c>
      <c r="D5633" t="s">
        <v>10</v>
      </c>
      <c r="E5633" t="s">
        <v>11</v>
      </c>
      <c r="F5633" s="2">
        <v>1</v>
      </c>
      <c r="G5633" t="s">
        <v>53</v>
      </c>
      <c r="H5633" t="s">
        <v>13</v>
      </c>
    </row>
    <row r="5634" spans="1:8" x14ac:dyDescent="0.25">
      <c r="A5634" s="1">
        <v>43539</v>
      </c>
      <c r="B5634" t="s">
        <v>3884</v>
      </c>
      <c r="C5634" t="s">
        <v>14</v>
      </c>
      <c r="D5634" t="s">
        <v>10</v>
      </c>
      <c r="E5634" t="s">
        <v>11</v>
      </c>
      <c r="F5634" s="2">
        <v>1</v>
      </c>
      <c r="G5634" t="s">
        <v>53</v>
      </c>
      <c r="H5634" t="s">
        <v>13</v>
      </c>
    </row>
    <row r="5635" spans="1:8" x14ac:dyDescent="0.25">
      <c r="A5635" s="1">
        <v>43537</v>
      </c>
      <c r="B5635" t="s">
        <v>3885</v>
      </c>
      <c r="C5635" t="s">
        <v>780</v>
      </c>
      <c r="D5635" t="s">
        <v>10</v>
      </c>
      <c r="E5635" t="s">
        <v>11</v>
      </c>
      <c r="F5635" s="2">
        <v>1</v>
      </c>
      <c r="G5635" t="s">
        <v>492</v>
      </c>
      <c r="H5635" t="s">
        <v>13</v>
      </c>
    </row>
    <row r="5636" spans="1:8" x14ac:dyDescent="0.25">
      <c r="A5636" s="1">
        <v>43537</v>
      </c>
      <c r="B5636" t="s">
        <v>3886</v>
      </c>
      <c r="C5636" t="s">
        <v>47</v>
      </c>
      <c r="D5636" t="s">
        <v>10</v>
      </c>
      <c r="E5636" t="s">
        <v>11</v>
      </c>
      <c r="F5636" s="2">
        <v>1</v>
      </c>
      <c r="G5636" t="s">
        <v>61</v>
      </c>
      <c r="H5636" t="s">
        <v>13</v>
      </c>
    </row>
    <row r="5637" spans="1:8" x14ac:dyDescent="0.25">
      <c r="A5637" s="1">
        <v>43536</v>
      </c>
      <c r="B5637" t="s">
        <v>3887</v>
      </c>
      <c r="C5637" t="s">
        <v>780</v>
      </c>
      <c r="D5637" t="s">
        <v>10</v>
      </c>
      <c r="E5637" t="s">
        <v>11</v>
      </c>
      <c r="F5637" s="2">
        <v>1</v>
      </c>
      <c r="G5637" t="s">
        <v>492</v>
      </c>
      <c r="H5637" t="s">
        <v>13</v>
      </c>
    </row>
    <row r="5638" spans="1:8" x14ac:dyDescent="0.25">
      <c r="A5638" s="1">
        <v>43535</v>
      </c>
      <c r="B5638" t="s">
        <v>3888</v>
      </c>
      <c r="C5638" t="s">
        <v>142</v>
      </c>
      <c r="D5638" t="s">
        <v>10</v>
      </c>
      <c r="E5638" t="s">
        <v>11</v>
      </c>
      <c r="F5638" s="2">
        <v>1</v>
      </c>
      <c r="G5638" t="s">
        <v>181</v>
      </c>
      <c r="H5638" t="s">
        <v>13</v>
      </c>
    </row>
    <row r="5639" spans="1:8" x14ac:dyDescent="0.25">
      <c r="A5639" s="1">
        <v>43535</v>
      </c>
      <c r="B5639" t="s">
        <v>3888</v>
      </c>
      <c r="C5639" t="s">
        <v>2313</v>
      </c>
      <c r="D5639" t="s">
        <v>10</v>
      </c>
      <c r="E5639" t="s">
        <v>11</v>
      </c>
      <c r="F5639" s="2">
        <v>1</v>
      </c>
      <c r="G5639" t="s">
        <v>181</v>
      </c>
      <c r="H5639" t="s">
        <v>13</v>
      </c>
    </row>
    <row r="5640" spans="1:8" x14ac:dyDescent="0.25">
      <c r="A5640" s="1">
        <v>43535</v>
      </c>
      <c r="B5640" t="s">
        <v>3889</v>
      </c>
      <c r="C5640" t="s">
        <v>9</v>
      </c>
      <c r="D5640" t="s">
        <v>10</v>
      </c>
      <c r="E5640" t="s">
        <v>11</v>
      </c>
      <c r="F5640" s="2">
        <v>1</v>
      </c>
      <c r="G5640" t="s">
        <v>20</v>
      </c>
      <c r="H5640" t="s">
        <v>13</v>
      </c>
    </row>
    <row r="5641" spans="1:8" x14ac:dyDescent="0.25">
      <c r="A5641" s="1">
        <v>43534</v>
      </c>
      <c r="B5641" t="s">
        <v>3890</v>
      </c>
      <c r="C5641" t="s">
        <v>394</v>
      </c>
      <c r="D5641" t="s">
        <v>10</v>
      </c>
      <c r="E5641" t="s">
        <v>11</v>
      </c>
      <c r="F5641" s="2">
        <v>1</v>
      </c>
      <c r="G5641" t="s">
        <v>83</v>
      </c>
      <c r="H5641" t="s">
        <v>13</v>
      </c>
    </row>
    <row r="5642" spans="1:8" x14ac:dyDescent="0.25">
      <c r="A5642" s="1">
        <v>43534</v>
      </c>
      <c r="B5642" t="s">
        <v>3890</v>
      </c>
      <c r="C5642" t="s">
        <v>47</v>
      </c>
      <c r="D5642" t="s">
        <v>10</v>
      </c>
      <c r="E5642" t="s">
        <v>11</v>
      </c>
      <c r="F5642" s="2">
        <v>1</v>
      </c>
      <c r="G5642" t="s">
        <v>83</v>
      </c>
      <c r="H5642" t="s">
        <v>13</v>
      </c>
    </row>
    <row r="5643" spans="1:8" x14ac:dyDescent="0.25">
      <c r="A5643" s="1">
        <v>43533</v>
      </c>
      <c r="B5643" t="s">
        <v>3891</v>
      </c>
      <c r="C5643" t="s">
        <v>47</v>
      </c>
      <c r="D5643" t="s">
        <v>10</v>
      </c>
      <c r="E5643" t="s">
        <v>11</v>
      </c>
      <c r="F5643" s="2">
        <v>1</v>
      </c>
      <c r="G5643" t="s">
        <v>72</v>
      </c>
      <c r="H5643" t="s">
        <v>13</v>
      </c>
    </row>
    <row r="5644" spans="1:8" x14ac:dyDescent="0.25">
      <c r="A5644" s="1">
        <v>43533</v>
      </c>
      <c r="B5644" t="s">
        <v>3892</v>
      </c>
      <c r="C5644" t="s">
        <v>9</v>
      </c>
      <c r="D5644" t="s">
        <v>10</v>
      </c>
      <c r="E5644" t="s">
        <v>11</v>
      </c>
      <c r="F5644" s="2">
        <v>1</v>
      </c>
      <c r="G5644" t="s">
        <v>72</v>
      </c>
      <c r="H5644" t="s">
        <v>13</v>
      </c>
    </row>
    <row r="5645" spans="1:8" x14ac:dyDescent="0.25">
      <c r="A5645" s="1">
        <v>43529</v>
      </c>
      <c r="B5645" t="s">
        <v>3893</v>
      </c>
      <c r="C5645" t="s">
        <v>79</v>
      </c>
      <c r="D5645" t="s">
        <v>10</v>
      </c>
      <c r="E5645" t="s">
        <v>11</v>
      </c>
      <c r="F5645" s="2">
        <v>1</v>
      </c>
      <c r="G5645" t="s">
        <v>677</v>
      </c>
      <c r="H5645" t="s">
        <v>13</v>
      </c>
    </row>
    <row r="5646" spans="1:8" x14ac:dyDescent="0.25">
      <c r="A5646" s="1">
        <v>43529</v>
      </c>
      <c r="B5646" t="s">
        <v>3893</v>
      </c>
      <c r="C5646" t="s">
        <v>80</v>
      </c>
      <c r="D5646" t="s">
        <v>10</v>
      </c>
      <c r="E5646" t="s">
        <v>11</v>
      </c>
      <c r="F5646" s="2">
        <v>1</v>
      </c>
      <c r="G5646" t="s">
        <v>677</v>
      </c>
      <c r="H5646" t="s">
        <v>13</v>
      </c>
    </row>
    <row r="5647" spans="1:8" x14ac:dyDescent="0.25">
      <c r="A5647" s="1">
        <v>43528</v>
      </c>
      <c r="B5647" t="s">
        <v>3894</v>
      </c>
      <c r="C5647" t="s">
        <v>3043</v>
      </c>
      <c r="D5647" t="s">
        <v>10</v>
      </c>
      <c r="E5647" t="s">
        <v>11</v>
      </c>
      <c r="F5647" s="2">
        <v>1</v>
      </c>
      <c r="G5647" t="s">
        <v>364</v>
      </c>
      <c r="H5647" t="s">
        <v>13</v>
      </c>
    </row>
    <row r="5648" spans="1:8" x14ac:dyDescent="0.25">
      <c r="A5648" s="1">
        <v>43526</v>
      </c>
      <c r="B5648" t="s">
        <v>3895</v>
      </c>
      <c r="C5648" t="s">
        <v>74</v>
      </c>
      <c r="D5648" t="s">
        <v>10</v>
      </c>
      <c r="E5648" t="s">
        <v>11</v>
      </c>
      <c r="F5648" s="2">
        <v>1</v>
      </c>
      <c r="G5648" t="s">
        <v>20</v>
      </c>
      <c r="H5648" t="s">
        <v>13</v>
      </c>
    </row>
    <row r="5649" spans="1:8" x14ac:dyDescent="0.25">
      <c r="A5649" s="1">
        <v>43525</v>
      </c>
      <c r="B5649" t="s">
        <v>3896</v>
      </c>
      <c r="C5649" t="s">
        <v>47</v>
      </c>
      <c r="D5649" t="s">
        <v>10</v>
      </c>
      <c r="E5649" t="s">
        <v>11</v>
      </c>
      <c r="F5649" s="2">
        <v>1</v>
      </c>
      <c r="G5649" t="s">
        <v>157</v>
      </c>
      <c r="H5649" t="s">
        <v>13</v>
      </c>
    </row>
    <row r="5650" spans="1:8" x14ac:dyDescent="0.25">
      <c r="A5650" s="1">
        <v>43525</v>
      </c>
      <c r="B5650" t="s">
        <v>3897</v>
      </c>
      <c r="C5650" t="s">
        <v>9</v>
      </c>
      <c r="D5650" t="s">
        <v>10</v>
      </c>
      <c r="E5650" t="s">
        <v>11</v>
      </c>
      <c r="F5650" s="2">
        <v>1</v>
      </c>
      <c r="G5650" t="s">
        <v>72</v>
      </c>
      <c r="H5650" t="s">
        <v>13</v>
      </c>
    </row>
    <row r="5651" spans="1:8" x14ac:dyDescent="0.25">
      <c r="A5651" s="1">
        <v>43523</v>
      </c>
      <c r="B5651" t="s">
        <v>3898</v>
      </c>
      <c r="C5651" t="s">
        <v>79</v>
      </c>
      <c r="D5651" t="s">
        <v>10</v>
      </c>
      <c r="E5651" t="s">
        <v>11</v>
      </c>
      <c r="F5651" s="2">
        <v>1</v>
      </c>
      <c r="G5651" t="s">
        <v>135</v>
      </c>
      <c r="H5651" t="s">
        <v>13</v>
      </c>
    </row>
    <row r="5652" spans="1:8" x14ac:dyDescent="0.25">
      <c r="A5652" s="1">
        <v>43523</v>
      </c>
      <c r="B5652" t="s">
        <v>3898</v>
      </c>
      <c r="C5652" t="s">
        <v>80</v>
      </c>
      <c r="D5652" t="s">
        <v>10</v>
      </c>
      <c r="E5652" t="s">
        <v>11</v>
      </c>
      <c r="F5652" s="2">
        <v>1</v>
      </c>
      <c r="G5652" t="s">
        <v>135</v>
      </c>
      <c r="H5652" t="s">
        <v>13</v>
      </c>
    </row>
    <row r="5653" spans="1:8" x14ac:dyDescent="0.25">
      <c r="A5653" s="1">
        <v>43523</v>
      </c>
      <c r="B5653" t="s">
        <v>3899</v>
      </c>
      <c r="C5653" t="s">
        <v>86</v>
      </c>
      <c r="D5653" t="s">
        <v>10</v>
      </c>
      <c r="E5653" t="s">
        <v>11</v>
      </c>
      <c r="F5653" s="2">
        <v>1</v>
      </c>
      <c r="G5653" t="s">
        <v>1230</v>
      </c>
      <c r="H5653" t="s">
        <v>13</v>
      </c>
    </row>
    <row r="5654" spans="1:8" x14ac:dyDescent="0.25">
      <c r="A5654" s="1">
        <v>43518</v>
      </c>
      <c r="B5654" t="s">
        <v>3900</v>
      </c>
      <c r="C5654" t="s">
        <v>394</v>
      </c>
      <c r="D5654" t="s">
        <v>10</v>
      </c>
      <c r="E5654" t="s">
        <v>11</v>
      </c>
      <c r="F5654" s="2">
        <v>1</v>
      </c>
      <c r="G5654" t="s">
        <v>181</v>
      </c>
      <c r="H5654" t="s">
        <v>13</v>
      </c>
    </row>
    <row r="5655" spans="1:8" x14ac:dyDescent="0.25">
      <c r="A5655" s="1">
        <v>43518</v>
      </c>
      <c r="B5655" t="s">
        <v>3900</v>
      </c>
      <c r="C5655" t="s">
        <v>35</v>
      </c>
      <c r="D5655" t="s">
        <v>10</v>
      </c>
      <c r="E5655" t="s">
        <v>11</v>
      </c>
      <c r="F5655" s="2">
        <v>1</v>
      </c>
      <c r="G5655" t="s">
        <v>181</v>
      </c>
      <c r="H5655" t="s">
        <v>13</v>
      </c>
    </row>
    <row r="5656" spans="1:8" x14ac:dyDescent="0.25">
      <c r="A5656" s="1">
        <v>43518</v>
      </c>
      <c r="B5656" t="s">
        <v>3901</v>
      </c>
      <c r="C5656" t="s">
        <v>9</v>
      </c>
      <c r="D5656" t="s">
        <v>10</v>
      </c>
      <c r="E5656" t="s">
        <v>11</v>
      </c>
      <c r="F5656" s="2">
        <v>1</v>
      </c>
      <c r="G5656" t="s">
        <v>145</v>
      </c>
      <c r="H5656" t="s">
        <v>13</v>
      </c>
    </row>
    <row r="5657" spans="1:8" x14ac:dyDescent="0.25">
      <c r="A5657" s="1">
        <v>43518</v>
      </c>
      <c r="B5657" t="s">
        <v>3901</v>
      </c>
      <c r="C5657" t="s">
        <v>47</v>
      </c>
      <c r="D5657" t="s">
        <v>10</v>
      </c>
      <c r="E5657" t="s">
        <v>11</v>
      </c>
      <c r="F5657" s="2">
        <v>1</v>
      </c>
      <c r="G5657" t="s">
        <v>145</v>
      </c>
      <c r="H5657" t="s">
        <v>13</v>
      </c>
    </row>
    <row r="5658" spans="1:8" x14ac:dyDescent="0.25">
      <c r="A5658" s="1">
        <v>43516</v>
      </c>
      <c r="B5658" t="s">
        <v>3902</v>
      </c>
      <c r="C5658" t="s">
        <v>762</v>
      </c>
      <c r="D5658" t="s">
        <v>10</v>
      </c>
      <c r="E5658" t="s">
        <v>11</v>
      </c>
      <c r="F5658" s="2">
        <v>1</v>
      </c>
      <c r="G5658" t="s">
        <v>462</v>
      </c>
      <c r="H5658" t="s">
        <v>13</v>
      </c>
    </row>
    <row r="5659" spans="1:8" x14ac:dyDescent="0.25">
      <c r="A5659" s="1">
        <v>43516</v>
      </c>
      <c r="B5659" t="s">
        <v>3902</v>
      </c>
      <c r="C5659" t="s">
        <v>47</v>
      </c>
      <c r="D5659" t="s">
        <v>10</v>
      </c>
      <c r="E5659" t="s">
        <v>11</v>
      </c>
      <c r="F5659" s="2">
        <v>1</v>
      </c>
      <c r="G5659" t="s">
        <v>462</v>
      </c>
      <c r="H5659" t="s">
        <v>13</v>
      </c>
    </row>
    <row r="5660" spans="1:8" x14ac:dyDescent="0.25">
      <c r="A5660" s="1">
        <v>43512</v>
      </c>
      <c r="B5660" t="s">
        <v>3903</v>
      </c>
      <c r="C5660" t="s">
        <v>9</v>
      </c>
      <c r="D5660" t="s">
        <v>26</v>
      </c>
      <c r="E5660" t="s">
        <v>11</v>
      </c>
      <c r="F5660" s="2">
        <v>1</v>
      </c>
      <c r="G5660" t="s">
        <v>53</v>
      </c>
      <c r="H5660" t="s">
        <v>13</v>
      </c>
    </row>
    <row r="5661" spans="1:8" x14ac:dyDescent="0.25">
      <c r="A5661" s="1">
        <v>43512</v>
      </c>
      <c r="B5661" t="s">
        <v>3903</v>
      </c>
      <c r="C5661" t="s">
        <v>35</v>
      </c>
      <c r="D5661" t="s">
        <v>26</v>
      </c>
      <c r="E5661" t="s">
        <v>11</v>
      </c>
      <c r="F5661" s="2">
        <v>1</v>
      </c>
      <c r="G5661" t="s">
        <v>53</v>
      </c>
      <c r="H5661" t="s">
        <v>13</v>
      </c>
    </row>
    <row r="5662" spans="1:8" x14ac:dyDescent="0.25">
      <c r="A5662" s="1">
        <v>43511</v>
      </c>
      <c r="B5662" t="s">
        <v>3904</v>
      </c>
      <c r="C5662" t="s">
        <v>222</v>
      </c>
      <c r="D5662" t="s">
        <v>10</v>
      </c>
      <c r="E5662" t="s">
        <v>11</v>
      </c>
      <c r="F5662" s="2">
        <v>1</v>
      </c>
      <c r="G5662" t="s">
        <v>67</v>
      </c>
      <c r="H5662" t="s">
        <v>13</v>
      </c>
    </row>
    <row r="5663" spans="1:8" x14ac:dyDescent="0.25">
      <c r="A5663" s="1">
        <v>43511</v>
      </c>
      <c r="B5663" t="s">
        <v>3905</v>
      </c>
      <c r="C5663" t="s">
        <v>76</v>
      </c>
      <c r="D5663" t="s">
        <v>10</v>
      </c>
      <c r="E5663" t="s">
        <v>11</v>
      </c>
      <c r="F5663" s="2">
        <v>1</v>
      </c>
      <c r="G5663" t="s">
        <v>24</v>
      </c>
      <c r="H5663" t="s">
        <v>13</v>
      </c>
    </row>
    <row r="5664" spans="1:8" x14ac:dyDescent="0.25">
      <c r="A5664" s="1">
        <v>43508</v>
      </c>
      <c r="B5664" t="s">
        <v>3906</v>
      </c>
      <c r="C5664" t="s">
        <v>481</v>
      </c>
      <c r="D5664" t="s">
        <v>10</v>
      </c>
      <c r="E5664" t="s">
        <v>11</v>
      </c>
      <c r="F5664" s="2">
        <v>1</v>
      </c>
      <c r="G5664" t="s">
        <v>53</v>
      </c>
      <c r="H5664" t="s">
        <v>13</v>
      </c>
    </row>
    <row r="5665" spans="1:8" x14ac:dyDescent="0.25">
      <c r="A5665" s="1">
        <v>43508</v>
      </c>
      <c r="B5665" t="s">
        <v>3906</v>
      </c>
      <c r="C5665" t="s">
        <v>481</v>
      </c>
      <c r="D5665" t="s">
        <v>10</v>
      </c>
      <c r="E5665" t="s">
        <v>11</v>
      </c>
      <c r="F5665" s="2">
        <v>1</v>
      </c>
      <c r="G5665" t="s">
        <v>53</v>
      </c>
      <c r="H5665" t="s">
        <v>13</v>
      </c>
    </row>
    <row r="5666" spans="1:8" x14ac:dyDescent="0.25">
      <c r="A5666" s="1">
        <v>43508</v>
      </c>
      <c r="B5666" t="s">
        <v>3907</v>
      </c>
      <c r="C5666" t="s">
        <v>47</v>
      </c>
      <c r="D5666" t="s">
        <v>10</v>
      </c>
      <c r="E5666" t="s">
        <v>11</v>
      </c>
      <c r="F5666" s="2">
        <v>1</v>
      </c>
      <c r="G5666" t="s">
        <v>111</v>
      </c>
      <c r="H5666" t="s">
        <v>13</v>
      </c>
    </row>
    <row r="5667" spans="1:8" x14ac:dyDescent="0.25">
      <c r="A5667" s="1">
        <v>43506</v>
      </c>
      <c r="B5667" t="s">
        <v>3908</v>
      </c>
      <c r="C5667" t="s">
        <v>9</v>
      </c>
      <c r="D5667" t="s">
        <v>10</v>
      </c>
      <c r="E5667" t="s">
        <v>11</v>
      </c>
      <c r="F5667" s="2">
        <v>1</v>
      </c>
      <c r="G5667" t="s">
        <v>197</v>
      </c>
      <c r="H5667" t="s">
        <v>13</v>
      </c>
    </row>
    <row r="5668" spans="1:8" x14ac:dyDescent="0.25">
      <c r="A5668" s="1">
        <v>43506</v>
      </c>
      <c r="B5668" t="s">
        <v>3908</v>
      </c>
      <c r="C5668" t="s">
        <v>29</v>
      </c>
      <c r="D5668" t="s">
        <v>10</v>
      </c>
      <c r="E5668" t="s">
        <v>11</v>
      </c>
      <c r="F5668" s="2">
        <v>1</v>
      </c>
      <c r="G5668" t="s">
        <v>197</v>
      </c>
      <c r="H5668" t="s">
        <v>13</v>
      </c>
    </row>
    <row r="5669" spans="1:8" x14ac:dyDescent="0.25">
      <c r="A5669" s="1">
        <v>43506</v>
      </c>
      <c r="B5669" t="s">
        <v>3908</v>
      </c>
      <c r="C5669" t="s">
        <v>47</v>
      </c>
      <c r="D5669" t="s">
        <v>10</v>
      </c>
      <c r="E5669" t="s">
        <v>11</v>
      </c>
      <c r="F5669" s="2">
        <v>1</v>
      </c>
      <c r="G5669" t="s">
        <v>197</v>
      </c>
      <c r="H5669" t="s">
        <v>13</v>
      </c>
    </row>
    <row r="5670" spans="1:8" x14ac:dyDescent="0.25">
      <c r="A5670" s="1">
        <v>43505</v>
      </c>
      <c r="B5670" t="s">
        <v>3909</v>
      </c>
      <c r="C5670" t="s">
        <v>9</v>
      </c>
      <c r="D5670" t="s">
        <v>10</v>
      </c>
      <c r="E5670" t="s">
        <v>11</v>
      </c>
      <c r="F5670" s="2">
        <v>1</v>
      </c>
      <c r="G5670" t="s">
        <v>468</v>
      </c>
      <c r="H5670" t="s">
        <v>13</v>
      </c>
    </row>
    <row r="5671" spans="1:8" x14ac:dyDescent="0.25">
      <c r="A5671" s="1">
        <v>43504</v>
      </c>
      <c r="B5671" t="s">
        <v>3910</v>
      </c>
      <c r="C5671" t="s">
        <v>19</v>
      </c>
      <c r="D5671" t="s">
        <v>10</v>
      </c>
      <c r="E5671" t="s">
        <v>11</v>
      </c>
      <c r="F5671" s="2">
        <v>1</v>
      </c>
      <c r="G5671" t="s">
        <v>135</v>
      </c>
      <c r="H5671" t="s">
        <v>13</v>
      </c>
    </row>
    <row r="5672" spans="1:8" x14ac:dyDescent="0.25">
      <c r="A5672" s="1">
        <v>43504</v>
      </c>
      <c r="B5672" t="s">
        <v>3911</v>
      </c>
      <c r="C5672" t="s">
        <v>9</v>
      </c>
      <c r="D5672" t="s">
        <v>10</v>
      </c>
      <c r="E5672" t="s">
        <v>11</v>
      </c>
      <c r="F5672" s="2">
        <v>1</v>
      </c>
      <c r="G5672" t="s">
        <v>20</v>
      </c>
      <c r="H5672" t="s">
        <v>13</v>
      </c>
    </row>
    <row r="5673" spans="1:8" x14ac:dyDescent="0.25">
      <c r="A5673" s="1">
        <v>43504</v>
      </c>
      <c r="B5673" t="s">
        <v>3912</v>
      </c>
      <c r="C5673" t="s">
        <v>9</v>
      </c>
      <c r="D5673" t="s">
        <v>10</v>
      </c>
      <c r="E5673" t="s">
        <v>11</v>
      </c>
      <c r="F5673" s="2">
        <v>1</v>
      </c>
      <c r="G5673" t="s">
        <v>72</v>
      </c>
      <c r="H5673" t="s">
        <v>13</v>
      </c>
    </row>
    <row r="5674" spans="1:8" x14ac:dyDescent="0.25">
      <c r="A5674" s="1">
        <v>43504</v>
      </c>
      <c r="B5674" t="s">
        <v>3912</v>
      </c>
      <c r="C5674" t="s">
        <v>28</v>
      </c>
      <c r="D5674" t="s">
        <v>10</v>
      </c>
      <c r="E5674" t="s">
        <v>11</v>
      </c>
      <c r="F5674" s="2">
        <v>1</v>
      </c>
      <c r="G5674" t="s">
        <v>72</v>
      </c>
      <c r="H5674" t="s">
        <v>13</v>
      </c>
    </row>
    <row r="5675" spans="1:8" x14ac:dyDescent="0.25">
      <c r="A5675" s="1">
        <v>43504</v>
      </c>
      <c r="B5675" t="s">
        <v>3912</v>
      </c>
      <c r="C5675" t="s">
        <v>29</v>
      </c>
      <c r="D5675" t="s">
        <v>10</v>
      </c>
      <c r="E5675" t="s">
        <v>11</v>
      </c>
      <c r="F5675" s="2">
        <v>1</v>
      </c>
      <c r="G5675" t="s">
        <v>72</v>
      </c>
      <c r="H5675" t="s">
        <v>13</v>
      </c>
    </row>
    <row r="5676" spans="1:8" x14ac:dyDescent="0.25">
      <c r="A5676" s="1">
        <v>43504</v>
      </c>
      <c r="B5676" t="s">
        <v>3912</v>
      </c>
      <c r="C5676" t="s">
        <v>35</v>
      </c>
      <c r="D5676" t="s">
        <v>10</v>
      </c>
      <c r="E5676" t="s">
        <v>11</v>
      </c>
      <c r="F5676" s="2">
        <v>1</v>
      </c>
      <c r="G5676" t="s">
        <v>72</v>
      </c>
      <c r="H5676" t="s">
        <v>13</v>
      </c>
    </row>
    <row r="5677" spans="1:8" x14ac:dyDescent="0.25">
      <c r="A5677" s="1">
        <v>43501</v>
      </c>
      <c r="B5677" t="s">
        <v>3913</v>
      </c>
      <c r="C5677" t="s">
        <v>9</v>
      </c>
      <c r="D5677" t="s">
        <v>10</v>
      </c>
      <c r="E5677" t="s">
        <v>11</v>
      </c>
      <c r="F5677" s="2">
        <v>1</v>
      </c>
      <c r="G5677" t="s">
        <v>347</v>
      </c>
      <c r="H5677" t="s">
        <v>13</v>
      </c>
    </row>
    <row r="5678" spans="1:8" x14ac:dyDescent="0.25">
      <c r="A5678" s="1">
        <v>43501</v>
      </c>
      <c r="B5678" t="s">
        <v>3913</v>
      </c>
      <c r="C5678" t="s">
        <v>3314</v>
      </c>
      <c r="D5678" t="s">
        <v>10</v>
      </c>
      <c r="E5678" t="s">
        <v>11</v>
      </c>
      <c r="F5678" s="2">
        <v>1</v>
      </c>
      <c r="G5678" t="s">
        <v>347</v>
      </c>
      <c r="H5678" t="s">
        <v>13</v>
      </c>
    </row>
    <row r="5679" spans="1:8" x14ac:dyDescent="0.25">
      <c r="A5679" s="1">
        <v>43497</v>
      </c>
      <c r="B5679" t="s">
        <v>3914</v>
      </c>
      <c r="C5679" t="s">
        <v>47</v>
      </c>
      <c r="D5679" t="s">
        <v>10</v>
      </c>
      <c r="E5679" t="s">
        <v>11</v>
      </c>
      <c r="F5679" s="2">
        <v>1</v>
      </c>
      <c r="G5679" t="s">
        <v>31</v>
      </c>
      <c r="H5679" t="s">
        <v>13</v>
      </c>
    </row>
    <row r="5680" spans="1:8" x14ac:dyDescent="0.25">
      <c r="A5680" s="1">
        <v>43497</v>
      </c>
      <c r="B5680" t="s">
        <v>3914</v>
      </c>
      <c r="C5680" t="s">
        <v>47</v>
      </c>
      <c r="D5680" t="s">
        <v>10</v>
      </c>
      <c r="E5680" t="s">
        <v>11</v>
      </c>
      <c r="F5680" s="2">
        <v>1</v>
      </c>
      <c r="G5680" t="s">
        <v>31</v>
      </c>
      <c r="H5680" t="s">
        <v>13</v>
      </c>
    </row>
    <row r="5681" spans="1:8" x14ac:dyDescent="0.25">
      <c r="A5681" s="1">
        <v>43496</v>
      </c>
      <c r="B5681" t="s">
        <v>3915</v>
      </c>
      <c r="C5681" t="s">
        <v>174</v>
      </c>
      <c r="D5681" t="s">
        <v>10</v>
      </c>
      <c r="E5681" t="s">
        <v>11</v>
      </c>
      <c r="F5681" s="2">
        <v>1</v>
      </c>
      <c r="G5681" t="s">
        <v>181</v>
      </c>
      <c r="H5681" t="s">
        <v>13</v>
      </c>
    </row>
    <row r="5682" spans="1:8" x14ac:dyDescent="0.25">
      <c r="A5682" s="1">
        <v>43496</v>
      </c>
      <c r="B5682" t="s">
        <v>3916</v>
      </c>
      <c r="C5682" t="s">
        <v>19</v>
      </c>
      <c r="D5682" t="s">
        <v>10</v>
      </c>
      <c r="E5682" t="s">
        <v>11</v>
      </c>
      <c r="F5682" s="2">
        <v>1</v>
      </c>
      <c r="G5682" t="s">
        <v>37</v>
      </c>
      <c r="H5682" t="s">
        <v>13</v>
      </c>
    </row>
    <row r="5683" spans="1:8" x14ac:dyDescent="0.25">
      <c r="A5683" s="1">
        <v>43491</v>
      </c>
      <c r="B5683" t="s">
        <v>3917</v>
      </c>
      <c r="C5683" t="s">
        <v>9</v>
      </c>
      <c r="D5683" t="s">
        <v>10</v>
      </c>
      <c r="E5683" t="s">
        <v>11</v>
      </c>
      <c r="F5683" s="2">
        <v>1</v>
      </c>
      <c r="G5683" t="s">
        <v>31</v>
      </c>
      <c r="H5683" t="s">
        <v>13</v>
      </c>
    </row>
    <row r="5684" spans="1:8" x14ac:dyDescent="0.25">
      <c r="A5684" s="1">
        <v>43491</v>
      </c>
      <c r="B5684" t="s">
        <v>3917</v>
      </c>
      <c r="C5684" t="s">
        <v>9</v>
      </c>
      <c r="D5684" t="s">
        <v>10</v>
      </c>
      <c r="E5684" t="s">
        <v>11</v>
      </c>
      <c r="F5684" s="2">
        <v>1</v>
      </c>
      <c r="G5684" t="s">
        <v>31</v>
      </c>
      <c r="H5684" t="s">
        <v>13</v>
      </c>
    </row>
    <row r="5685" spans="1:8" x14ac:dyDescent="0.25">
      <c r="A5685" s="1">
        <v>43491</v>
      </c>
      <c r="B5685" t="s">
        <v>3917</v>
      </c>
      <c r="C5685" t="s">
        <v>35</v>
      </c>
      <c r="D5685" t="s">
        <v>10</v>
      </c>
      <c r="E5685" t="s">
        <v>11</v>
      </c>
      <c r="F5685" s="2">
        <v>1</v>
      </c>
      <c r="G5685" t="s">
        <v>31</v>
      </c>
      <c r="H5685" t="s">
        <v>13</v>
      </c>
    </row>
    <row r="5686" spans="1:8" x14ac:dyDescent="0.25">
      <c r="A5686" s="1">
        <v>43491</v>
      </c>
      <c r="B5686" t="s">
        <v>3917</v>
      </c>
      <c r="C5686" t="s">
        <v>35</v>
      </c>
      <c r="D5686" t="s">
        <v>10</v>
      </c>
      <c r="E5686" t="s">
        <v>11</v>
      </c>
      <c r="F5686" s="2">
        <v>1</v>
      </c>
      <c r="G5686" t="s">
        <v>31</v>
      </c>
      <c r="H5686" t="s">
        <v>13</v>
      </c>
    </row>
    <row r="5687" spans="1:8" x14ac:dyDescent="0.25">
      <c r="A5687" s="1">
        <v>43489</v>
      </c>
      <c r="B5687" t="s">
        <v>3918</v>
      </c>
      <c r="C5687" t="s">
        <v>16</v>
      </c>
      <c r="D5687" t="s">
        <v>10</v>
      </c>
      <c r="E5687" t="s">
        <v>11</v>
      </c>
      <c r="F5687" s="2">
        <v>1</v>
      </c>
      <c r="G5687" t="s">
        <v>181</v>
      </c>
      <c r="H5687" t="s">
        <v>13</v>
      </c>
    </row>
    <row r="5688" spans="1:8" x14ac:dyDescent="0.25">
      <c r="A5688" s="1">
        <v>43480</v>
      </c>
      <c r="B5688" t="s">
        <v>3919</v>
      </c>
      <c r="C5688" t="s">
        <v>3200</v>
      </c>
      <c r="D5688" t="s">
        <v>10</v>
      </c>
      <c r="E5688" t="s">
        <v>11</v>
      </c>
      <c r="F5688" s="2">
        <v>1</v>
      </c>
      <c r="G5688" t="s">
        <v>20</v>
      </c>
      <c r="H5688" t="s">
        <v>13</v>
      </c>
    </row>
    <row r="5689" spans="1:8" x14ac:dyDescent="0.25">
      <c r="A5689" s="1">
        <v>43474</v>
      </c>
      <c r="B5689" t="s">
        <v>3920</v>
      </c>
      <c r="C5689" t="s">
        <v>47</v>
      </c>
      <c r="D5689" t="s">
        <v>10</v>
      </c>
      <c r="E5689" t="s">
        <v>11</v>
      </c>
      <c r="F5689" s="2">
        <v>1</v>
      </c>
      <c r="G5689" t="s">
        <v>44</v>
      </c>
      <c r="H5689" t="s">
        <v>13</v>
      </c>
    </row>
    <row r="5690" spans="1:8" x14ac:dyDescent="0.25">
      <c r="A5690" s="1">
        <v>43474</v>
      </c>
      <c r="B5690" t="s">
        <v>3921</v>
      </c>
      <c r="C5690" t="s">
        <v>35</v>
      </c>
      <c r="D5690" t="s">
        <v>10</v>
      </c>
      <c r="E5690" t="s">
        <v>11</v>
      </c>
      <c r="F5690" s="2">
        <v>1</v>
      </c>
      <c r="G5690" t="s">
        <v>191</v>
      </c>
      <c r="H5690" t="s">
        <v>13</v>
      </c>
    </row>
    <row r="5691" spans="1:8" x14ac:dyDescent="0.25">
      <c r="A5691" s="1">
        <v>43471</v>
      </c>
      <c r="B5691" t="s">
        <v>3922</v>
      </c>
      <c r="C5691" t="s">
        <v>9</v>
      </c>
      <c r="D5691" t="s">
        <v>10</v>
      </c>
      <c r="E5691" t="s">
        <v>11</v>
      </c>
      <c r="F5691" s="2">
        <v>1</v>
      </c>
      <c r="G5691" t="s">
        <v>37</v>
      </c>
      <c r="H5691" t="s">
        <v>13</v>
      </c>
    </row>
    <row r="5692" spans="1:8" x14ac:dyDescent="0.25">
      <c r="A5692" s="1">
        <v>43470</v>
      </c>
      <c r="B5692" t="s">
        <v>3923</v>
      </c>
      <c r="C5692" t="s">
        <v>52</v>
      </c>
      <c r="D5692" t="s">
        <v>10</v>
      </c>
      <c r="E5692" t="s">
        <v>11</v>
      </c>
      <c r="F5692" s="2">
        <v>1</v>
      </c>
      <c r="G5692" t="s">
        <v>72</v>
      </c>
      <c r="H5692" t="s">
        <v>13</v>
      </c>
    </row>
    <row r="5693" spans="1:8" x14ac:dyDescent="0.25">
      <c r="A5693" s="1">
        <v>43470</v>
      </c>
      <c r="B5693" t="s">
        <v>3923</v>
      </c>
      <c r="C5693" t="s">
        <v>47</v>
      </c>
      <c r="D5693" t="s">
        <v>10</v>
      </c>
      <c r="E5693" t="s">
        <v>11</v>
      </c>
      <c r="F5693" s="2">
        <v>1</v>
      </c>
      <c r="G5693" t="s">
        <v>72</v>
      </c>
      <c r="H5693" t="s">
        <v>13</v>
      </c>
    </row>
    <row r="5694" spans="1:8" x14ac:dyDescent="0.25">
      <c r="A5694" s="1">
        <v>43468</v>
      </c>
      <c r="B5694" t="s">
        <v>3924</v>
      </c>
      <c r="C5694" t="s">
        <v>47</v>
      </c>
      <c r="D5694" t="s">
        <v>10</v>
      </c>
      <c r="E5694" t="s">
        <v>11</v>
      </c>
      <c r="F5694" s="2">
        <v>1</v>
      </c>
      <c r="G5694" t="s">
        <v>20</v>
      </c>
      <c r="H5694" t="s">
        <v>13</v>
      </c>
    </row>
    <row r="5695" spans="1:8" x14ac:dyDescent="0.25">
      <c r="A5695" s="1">
        <v>43468</v>
      </c>
      <c r="B5695" t="s">
        <v>3924</v>
      </c>
      <c r="C5695" t="s">
        <v>14</v>
      </c>
      <c r="D5695" t="s">
        <v>10</v>
      </c>
      <c r="E5695" t="s">
        <v>11</v>
      </c>
      <c r="F5695" s="2">
        <v>1</v>
      </c>
      <c r="G5695" t="s">
        <v>20</v>
      </c>
      <c r="H5695" t="s">
        <v>13</v>
      </c>
    </row>
    <row r="5696" spans="1:8" x14ac:dyDescent="0.25">
      <c r="A5696" s="1">
        <v>43466</v>
      </c>
      <c r="B5696" t="s">
        <v>3925</v>
      </c>
      <c r="C5696" t="s">
        <v>79</v>
      </c>
      <c r="D5696" t="s">
        <v>10</v>
      </c>
      <c r="E5696" t="s">
        <v>11</v>
      </c>
      <c r="F5696" s="2">
        <v>1</v>
      </c>
      <c r="G5696" t="s">
        <v>72</v>
      </c>
      <c r="H5696" t="s">
        <v>13</v>
      </c>
    </row>
    <row r="5697" spans="1:8" x14ac:dyDescent="0.25">
      <c r="A5697" s="1">
        <v>43466</v>
      </c>
      <c r="B5697" t="s">
        <v>3925</v>
      </c>
      <c r="C5697" t="s">
        <v>80</v>
      </c>
      <c r="D5697" t="s">
        <v>10</v>
      </c>
      <c r="E5697" t="s">
        <v>11</v>
      </c>
      <c r="F5697" s="2">
        <v>1</v>
      </c>
      <c r="G5697" t="s">
        <v>72</v>
      </c>
      <c r="H5697" t="s">
        <v>13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MSC</dc:creator>
  <cp:lastModifiedBy>Daniel Kraeski</cp:lastModifiedBy>
  <dcterms:created xsi:type="dcterms:W3CDTF">2025-01-29T20:12:08Z</dcterms:created>
  <dcterms:modified xsi:type="dcterms:W3CDTF">2025-01-30T17:26:25Z</dcterms:modified>
</cp:coreProperties>
</file>